
<file path=[Content_Types].xml><?xml version="1.0" encoding="utf-8"?>
<Types xmlns="http://schemas.openxmlformats.org/package/2006/content-type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166925"/>
  <mc:AlternateContent xmlns:mc="http://schemas.openxmlformats.org/markup-compatibility/2006">
    <mc:Choice Requires="x15">
      <x15ac:absPath xmlns:x15ac="http://schemas.microsoft.com/office/spreadsheetml/2010/11/ac" url="S:\Ger_Relações com Investidores\CVM\&amp; Divulgação de Resultados\2024\1T24\Planilha Fundamentos\"/>
    </mc:Choice>
  </mc:AlternateContent>
  <xr:revisionPtr revIDLastSave="0" documentId="13_ncr:1_{1245C81B-A8D0-4A35-8EC2-1B8C0A5A3BCA}" xr6:coauthVersionLast="47" xr6:coauthVersionMax="47" xr10:uidLastSave="{00000000-0000-0000-0000-000000000000}"/>
  <bookViews>
    <workbookView xWindow="28680" yWindow="-120" windowWidth="29040" windowHeight="15840" xr2:uid="{76FB5779-ADAD-4D71-9DBB-55146318E9DE}"/>
  </bookViews>
  <sheets>
    <sheet name="Fundamentos Enauta"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s>
  <definedNames>
    <definedName name="\" hidden="1">{"kricash",#N/A,FALSE,"INC";"kriinc",#N/A,FALSE,"INC";"krimiami",#N/A,FALSE,"INC";"kriother",#N/A,FALSE,"INC";"kripapers",#N/A,FALSE,"INC"}</definedName>
    <definedName name="_________________a10" hidden="1">{#N/A,#N/A,FALSE,"SIM95"}</definedName>
    <definedName name="_________________a11" hidden="1">{#N/A,#N/A,FALSE,"SIM95"}</definedName>
    <definedName name="_________________a12" hidden="1">{#N/A,#N/A,FALSE,"SIM95"}</definedName>
    <definedName name="_________________a13" hidden="1">{#N/A,#N/A,FALSE,"SIM95"}</definedName>
    <definedName name="_________________a14" hidden="1">{#N/A,#N/A,FALSE,"SIM95"}</definedName>
    <definedName name="_________________a15" hidden="1">{#N/A,#N/A,FALSE,"SIM95"}</definedName>
    <definedName name="_________________a16" hidden="1">{#N/A,#N/A,FALSE,"SIM95"}</definedName>
    <definedName name="_________________a17" hidden="1">{#N/A,#N/A,FALSE,"SIM95"}</definedName>
    <definedName name="_________________a2" hidden="1">{#N/A,#N/A,FALSE,"SIM95"}</definedName>
    <definedName name="_________________a3" hidden="1">{#N/A,#N/A,FALSE,"SIM95"}</definedName>
    <definedName name="_________________a4" hidden="1">{#N/A,#N/A,FALSE,"SIM95"}</definedName>
    <definedName name="_________________a5" hidden="1">{#N/A,#N/A,FALSE,"SIM95"}</definedName>
    <definedName name="_________________a6" hidden="1">{#N/A,#N/A,FALSE,"SIM95"}</definedName>
    <definedName name="_________________a7" hidden="1">{#N/A,#N/A,FALSE,"SIM95"}</definedName>
    <definedName name="_________________a8" hidden="1">{#N/A,#N/A,FALSE,"SIM95"}</definedName>
    <definedName name="_________________a9" hidden="1">{#N/A,#N/A,FALSE,"SIM95"}</definedName>
    <definedName name="_________________b1" hidden="1">{#N/A,#N/A,FALSE,"SIM95"}</definedName>
    <definedName name="_________________b2" hidden="1">{#N/A,#N/A,FALSE,"SIM95"}</definedName>
    <definedName name="_________________b3" hidden="1">{#N/A,#N/A,FALSE,"SIM95"}</definedName>
    <definedName name="_________________d1" hidden="1">{#N/A,#N/A,FALSE,"SIM95"}</definedName>
    <definedName name="_________________d2" hidden="1">{#N/A,#N/A,FALSE,"SIM95"}</definedName>
    <definedName name="_________________d4" hidden="1">{#N/A,#N/A,FALSE,"SIM95"}</definedName>
    <definedName name="_________________E1"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_________________E21" hidden="1">{"Despesas Diferidas Indedutíveis de 1998",#N/A,FALSE,"Impressão"}</definedName>
    <definedName name="_________________o12" hidden="1">{#N/A,#N/A,FALSE,"Aging Summary";#N/A,#N/A,FALSE,"Ratio Analysis";#N/A,#N/A,FALSE,"Test 120 Day Accts";#N/A,#N/A,FALSE,"Tickmarks"}</definedName>
    <definedName name="___________a10" hidden="1">{#N/A,#N/A,FALSE,"SIM95"}</definedName>
    <definedName name="___________a11" hidden="1">{#N/A,#N/A,FALSE,"SIM95"}</definedName>
    <definedName name="___________a12" hidden="1">{#N/A,#N/A,FALSE,"SIM95"}</definedName>
    <definedName name="___________a13" hidden="1">{#N/A,#N/A,FALSE,"SIM95"}</definedName>
    <definedName name="___________a14" hidden="1">{#N/A,#N/A,FALSE,"SIM95"}</definedName>
    <definedName name="___________a15" hidden="1">{#N/A,#N/A,FALSE,"SIM95"}</definedName>
    <definedName name="___________a16" hidden="1">{#N/A,#N/A,FALSE,"SIM95"}</definedName>
    <definedName name="___________a17" hidden="1">{#N/A,#N/A,FALSE,"SIM95"}</definedName>
    <definedName name="___________a2" hidden="1">{#N/A,#N/A,FALSE,"SIM95"}</definedName>
    <definedName name="___________a3" hidden="1">{#N/A,#N/A,FALSE,"SIM95"}</definedName>
    <definedName name="___________a4" hidden="1">{#N/A,#N/A,FALSE,"SIM95"}</definedName>
    <definedName name="___________a5" hidden="1">{#N/A,#N/A,FALSE,"SIM95"}</definedName>
    <definedName name="___________a6" hidden="1">{#N/A,#N/A,FALSE,"SIM95"}</definedName>
    <definedName name="___________a7" hidden="1">{#N/A,#N/A,FALSE,"SIM95"}</definedName>
    <definedName name="___________a8" hidden="1">{#N/A,#N/A,FALSE,"SIM95"}</definedName>
    <definedName name="___________a9" hidden="1">{#N/A,#N/A,FALSE,"SIM95"}</definedName>
    <definedName name="___________b1" hidden="1">{#N/A,#N/A,FALSE,"SIM95"}</definedName>
    <definedName name="___________b2" hidden="1">{#N/A,#N/A,FALSE,"SIM95"}</definedName>
    <definedName name="___________b3" hidden="1">{#N/A,#N/A,FALSE,"SIM95"}</definedName>
    <definedName name="___________d1" hidden="1">{#N/A,#N/A,FALSE,"SIM95"}</definedName>
    <definedName name="___________d2" hidden="1">{#N/A,#N/A,FALSE,"SIM95"}</definedName>
    <definedName name="___________d4" hidden="1">{#N/A,#N/A,FALSE,"SIM95"}</definedName>
    <definedName name="___________E1"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___________E21" hidden="1">{"Despesas Diferidas Indedutíveis de 1998",#N/A,FALSE,"Impressão"}</definedName>
    <definedName name="___________o12" hidden="1">{#N/A,#N/A,FALSE,"Aging Summary";#N/A,#N/A,FALSE,"Ratio Analysis";#N/A,#N/A,FALSE,"Test 120 Day Accts";#N/A,#N/A,FALSE,"Tickmarks"}</definedName>
    <definedName name="_______a10" hidden="1">{#N/A,#N/A,FALSE,"SIM95"}</definedName>
    <definedName name="_______a11" hidden="1">{#N/A,#N/A,FALSE,"SIM95"}</definedName>
    <definedName name="_______a12" hidden="1">{#N/A,#N/A,FALSE,"SIM95"}</definedName>
    <definedName name="_______a13" hidden="1">{#N/A,#N/A,FALSE,"SIM95"}</definedName>
    <definedName name="_______a14" hidden="1">{#N/A,#N/A,FALSE,"SIM95"}</definedName>
    <definedName name="_______a15" hidden="1">{#N/A,#N/A,FALSE,"SIM95"}</definedName>
    <definedName name="_______a16" hidden="1">{#N/A,#N/A,FALSE,"SIM95"}</definedName>
    <definedName name="_______a17" hidden="1">{#N/A,#N/A,FALSE,"SIM95"}</definedName>
    <definedName name="_______a2" hidden="1">{#N/A,#N/A,FALSE,"SIM95"}</definedName>
    <definedName name="_______a3" hidden="1">{#N/A,#N/A,FALSE,"SIM95"}</definedName>
    <definedName name="_______a4" hidden="1">{#N/A,#N/A,FALSE,"SIM95"}</definedName>
    <definedName name="_______a5" hidden="1">{#N/A,#N/A,FALSE,"SIM95"}</definedName>
    <definedName name="_______a6" hidden="1">{#N/A,#N/A,FALSE,"SIM95"}</definedName>
    <definedName name="_______a7" hidden="1">{#N/A,#N/A,FALSE,"SIM95"}</definedName>
    <definedName name="_______a8" hidden="1">{#N/A,#N/A,FALSE,"SIM95"}</definedName>
    <definedName name="_______a9" hidden="1">{#N/A,#N/A,FALSE,"SIM95"}</definedName>
    <definedName name="_______b1" hidden="1">{#N/A,#N/A,FALSE,"SIM95"}</definedName>
    <definedName name="_______b2" hidden="1">{#N/A,#N/A,FALSE,"SIM95"}</definedName>
    <definedName name="_______b3" hidden="1">{#N/A,#N/A,FALSE,"SIM95"}</definedName>
    <definedName name="_______d1" hidden="1">{#N/A,#N/A,FALSE,"SIM95"}</definedName>
    <definedName name="_______d2" hidden="1">{#N/A,#N/A,FALSE,"SIM95"}</definedName>
    <definedName name="_______d4" hidden="1">{#N/A,#N/A,FALSE,"SIM95"}</definedName>
    <definedName name="_______o12" hidden="1">{#N/A,#N/A,FALSE,"Aging Summary";#N/A,#N/A,FALSE,"Ratio Analysis";#N/A,#N/A,FALSE,"Test 120 Day Accts";#N/A,#N/A,FALSE,"Tickmarks"}</definedName>
    <definedName name="______E1"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______E21" hidden="1">{"Despesas Diferidas Indedutíveis de 1998",#N/A,FALSE,"Impressão"}</definedName>
    <definedName name="_____a10" hidden="1">{#N/A,#N/A,FALSE,"SIM95"}</definedName>
    <definedName name="_____a11" hidden="1">{#N/A,#N/A,FALSE,"SIM95"}</definedName>
    <definedName name="_____a12" hidden="1">{#N/A,#N/A,FALSE,"SIM95"}</definedName>
    <definedName name="_____a13" hidden="1">{#N/A,#N/A,FALSE,"SIM95"}</definedName>
    <definedName name="_____a14" hidden="1">{#N/A,#N/A,FALSE,"SIM95"}</definedName>
    <definedName name="_____a15" hidden="1">{#N/A,#N/A,FALSE,"SIM95"}</definedName>
    <definedName name="_____a16" hidden="1">{#N/A,#N/A,FALSE,"SIM95"}</definedName>
    <definedName name="_____a17" hidden="1">{#N/A,#N/A,FALSE,"SIM95"}</definedName>
    <definedName name="_____a2" hidden="1">{#N/A,#N/A,FALSE,"SIM95"}</definedName>
    <definedName name="_____a3" hidden="1">{#N/A,#N/A,FALSE,"SIM95"}</definedName>
    <definedName name="_____a4" hidden="1">{#N/A,#N/A,FALSE,"SIM95"}</definedName>
    <definedName name="_____a5" hidden="1">{#N/A,#N/A,FALSE,"SIM95"}</definedName>
    <definedName name="_____a6" hidden="1">{#N/A,#N/A,FALSE,"SIM95"}</definedName>
    <definedName name="_____a7" hidden="1">{#N/A,#N/A,FALSE,"SIM95"}</definedName>
    <definedName name="_____a8" hidden="1">{#N/A,#N/A,FALSE,"SIM95"}</definedName>
    <definedName name="_____a9" hidden="1">{#N/A,#N/A,FALSE,"SIM95"}</definedName>
    <definedName name="_____b1" hidden="1">{#N/A,#N/A,FALSE,"SIM95"}</definedName>
    <definedName name="_____b2" hidden="1">{#N/A,#N/A,FALSE,"SIM95"}</definedName>
    <definedName name="_____b3" hidden="1">{#N/A,#N/A,FALSE,"SIM95"}</definedName>
    <definedName name="_____d1" hidden="1">{#N/A,#N/A,FALSE,"SIM95"}</definedName>
    <definedName name="_____d2" hidden="1">{#N/A,#N/A,FALSE,"SIM95"}</definedName>
    <definedName name="_____d4" hidden="1">{#N/A,#N/A,FALSE,"SIM95"}</definedName>
    <definedName name="_____E9" hidden="1">{#N/A,#N/A,FALSE,"Aging Summary";#N/A,#N/A,FALSE,"Ratio Analysis";#N/A,#N/A,FALSE,"Test 120 Day Accts";#N/A,#N/A,FALSE,"Tickmarks"}</definedName>
    <definedName name="_____JAN02" hidden="1">{"VENTAS1",#N/A,FALSE,"VENTAS";"VENTAS2",#N/A,FALSE,"VENTAS";"VENTAS3",#N/A,FALSE,"VENTAS";"VENTAS4",#N/A,FALSE,"VENTAS";"VENTAS5",#N/A,FALSE,"VENTAS";"VENTAS6",#N/A,FALSE,"VENTAS";"VENTAS7",#N/A,FALSE,"VENTAS";"VENTAS8",#N/A,FALSE,"VENTAS"}</definedName>
    <definedName name="_____o12" hidden="1">{#N/A,#N/A,FALSE,"Aging Summary";#N/A,#N/A,FALSE,"Ratio Analysis";#N/A,#N/A,FALSE,"Test 120 Day Accts";#N/A,#N/A,FALSE,"Tickmarks"}</definedName>
    <definedName name="_____x1"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____a10" hidden="1">{#N/A,#N/A,FALSE,"SIM95"}</definedName>
    <definedName name="____a11" hidden="1">{#N/A,#N/A,FALSE,"SIM95"}</definedName>
    <definedName name="____a12" hidden="1">{#N/A,#N/A,FALSE,"SIM95"}</definedName>
    <definedName name="____a13" hidden="1">{#N/A,#N/A,FALSE,"SIM95"}</definedName>
    <definedName name="____a14" hidden="1">{#N/A,#N/A,FALSE,"SIM95"}</definedName>
    <definedName name="____a15" hidden="1">{#N/A,#N/A,FALSE,"SIM95"}</definedName>
    <definedName name="____a16" hidden="1">{#N/A,#N/A,FALSE,"SIM95"}</definedName>
    <definedName name="____a17" hidden="1">{#N/A,#N/A,FALSE,"SIM95"}</definedName>
    <definedName name="____a2" hidden="1">{#N/A,#N/A,FALSE,"SIM95"}</definedName>
    <definedName name="____a3" hidden="1">{#N/A,#N/A,FALSE,"SIM95"}</definedName>
    <definedName name="____a4" hidden="1">{#N/A,#N/A,FALSE,"SIM95"}</definedName>
    <definedName name="____a5" hidden="1">{#N/A,#N/A,FALSE,"SIM95"}</definedName>
    <definedName name="____a6" hidden="1">{#N/A,#N/A,FALSE,"SIM95"}</definedName>
    <definedName name="____a7" hidden="1">{#N/A,#N/A,FALSE,"SIM95"}</definedName>
    <definedName name="____a8" hidden="1">{#N/A,#N/A,FALSE,"SIM95"}</definedName>
    <definedName name="____a9" hidden="1">{#N/A,#N/A,FALSE,"SIM95"}</definedName>
    <definedName name="____b1" hidden="1">{#N/A,#N/A,FALSE,"SIM95"}</definedName>
    <definedName name="____b2" hidden="1">{#N/A,#N/A,FALSE,"SIM95"}</definedName>
    <definedName name="____b3" hidden="1">{#N/A,#N/A,FALSE,"SIM95"}</definedName>
    <definedName name="____d1" hidden="1">{#N/A,#N/A,FALSE,"SIM95"}</definedName>
    <definedName name="____d2" hidden="1">{#N/A,#N/A,FALSE,"SIM95"}</definedName>
    <definedName name="____d4" hidden="1">{#N/A,#N/A,FALSE,"SIM95"}</definedName>
    <definedName name="____DRE0700" hidden="1">{"'PXR_6500'!$A$1:$I$124"}</definedName>
    <definedName name="____E1"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____E21" hidden="1">{"Despesas Diferidas Indedutíveis de 1998",#N/A,FALSE,"Impressão"}</definedName>
    <definedName name="____E9" hidden="1">{#N/A,#N/A,FALSE,"Aging Summary";#N/A,#N/A,FALSE,"Ratio Analysis";#N/A,#N/A,FALSE,"Test 120 Day Accts";#N/A,#N/A,FALSE,"Tickmarks"}</definedName>
    <definedName name="____JAN02" hidden="1">{"VENTAS1",#N/A,FALSE,"VENTAS";"VENTAS2",#N/A,FALSE,"VENTAS";"VENTAS3",#N/A,FALSE,"VENTAS";"VENTAS4",#N/A,FALSE,"VENTAS";"VENTAS5",#N/A,FALSE,"VENTAS";"VENTAS6",#N/A,FALSE,"VENTAS";"VENTAS7",#N/A,FALSE,"VENTAS";"VENTAS8",#N/A,FALSE,"VENTAS"}</definedName>
    <definedName name="____LOp2" hidden="1">{#N/A,#N/A,FALSE,"Dutos";#N/A,#N/A,FALSE,"Terminais"}</definedName>
    <definedName name="____LOp3" hidden="1">{#N/A,#N/A,FALSE,"Dutos";#N/A,#N/A,FALSE,"Terminais"}</definedName>
    <definedName name="____o12" hidden="1">{#N/A,#N/A,FALSE,"Aging Summary";#N/A,#N/A,FALSE,"Ratio Analysis";#N/A,#N/A,FALSE,"Test 120 Day Accts";#N/A,#N/A,FALSE,"Tickmarks"}</definedName>
    <definedName name="____x1"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___a10" hidden="1">{#N/A,#N/A,FALSE,"SIM95"}</definedName>
    <definedName name="___a11" hidden="1">{#N/A,#N/A,FALSE,"SIM95"}</definedName>
    <definedName name="___a12" hidden="1">{#N/A,#N/A,FALSE,"SIM95"}</definedName>
    <definedName name="___a13" hidden="1">{#N/A,#N/A,FALSE,"SIM95"}</definedName>
    <definedName name="___a14" hidden="1">{#N/A,#N/A,FALSE,"SIM95"}</definedName>
    <definedName name="___a15" hidden="1">{#N/A,#N/A,FALSE,"SIM95"}</definedName>
    <definedName name="___a16" hidden="1">{#N/A,#N/A,FALSE,"SIM95"}</definedName>
    <definedName name="___a17" hidden="1">{#N/A,#N/A,FALSE,"SIM95"}</definedName>
    <definedName name="___a2" hidden="1">{#N/A,#N/A,FALSE,"SIM95"}</definedName>
    <definedName name="___a3" hidden="1">{#N/A,#N/A,FALSE,"SIM95"}</definedName>
    <definedName name="___a4" hidden="1">{#N/A,#N/A,FALSE,"SIM95"}</definedName>
    <definedName name="___a5" hidden="1">{#N/A,#N/A,FALSE,"SIM95"}</definedName>
    <definedName name="___a6" hidden="1">{#N/A,#N/A,FALSE,"SIM95"}</definedName>
    <definedName name="___a7" hidden="1">{#N/A,#N/A,FALSE,"SIM95"}</definedName>
    <definedName name="___a8" hidden="1">{#N/A,#N/A,FALSE,"SIM95"}</definedName>
    <definedName name="___a9" hidden="1">{#N/A,#N/A,FALSE,"SIM95"}</definedName>
    <definedName name="___b1" hidden="1">{#N/A,#N/A,FALSE,"SIM95"}</definedName>
    <definedName name="___b2" hidden="1">{#N/A,#N/A,FALSE,"SIM95"}</definedName>
    <definedName name="___b3" hidden="1">{#N/A,#N/A,FALSE,"SIM95"}</definedName>
    <definedName name="___d1" hidden="1">{#N/A,#N/A,FALSE,"SIM95"}</definedName>
    <definedName name="___d2" hidden="1">{#N/A,#N/A,FALSE,"SIM95"}</definedName>
    <definedName name="___d4" hidden="1">{#N/A,#N/A,FALSE,"SIM95"}</definedName>
    <definedName name="___DRE0700" hidden="1">{"'PXR_6500'!$A$1:$I$124"}</definedName>
    <definedName name="___E1"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___E21" hidden="1">{"Despesas Diferidas Indedutíveis de 1998",#N/A,FALSE,"Impressão"}</definedName>
    <definedName name="___LOp2" hidden="1">{#N/A,#N/A,FALSE,"Dutos";#N/A,#N/A,FALSE,"Terminais"}</definedName>
    <definedName name="___LOp3" hidden="1">{#N/A,#N/A,FALSE,"Dutos";#N/A,#N/A,FALSE,"Terminais"}</definedName>
    <definedName name="___o12" hidden="1">{#N/A,#N/A,FALSE,"Aging Summary";#N/A,#N/A,FALSE,"Ratio Analysis";#N/A,#N/A,FALSE,"Test 120 Day Accts";#N/A,#N/A,FALSE,"Tickmarks"}</definedName>
    <definedName name="__123Graph_A" hidden="1">#REF!</definedName>
    <definedName name="__123Graph_AANIDRO" hidden="1">[1]PRODUCAO!$C$4:$F$4</definedName>
    <definedName name="__123Graph_ACOMPARA" hidden="1">[2]Plan1!#REF!</definedName>
    <definedName name="__123Graph_ACONSMED" hidden="1">[2]Plan1!#REF!</definedName>
    <definedName name="__123Graph_ACURRENT" hidden="1">#REF!</definedName>
    <definedName name="__123Graph_AHIALCOOL" hidden="1">[1]PRODUCAO!$C$8:$F$8</definedName>
    <definedName name="__123Graph_AHIDRATADO" hidden="1">[1]PRODUCAO!$C$6:$F$6</definedName>
    <definedName name="__123Graph_AINDMES" hidden="1">[3]TESTE!$AG$74:$AP$74</definedName>
    <definedName name="__123Graph_AMARGINS" hidden="1">#REF!</definedName>
    <definedName name="__123Graph_AMERC" hidden="1">[3]TESTE!$AR$4:$AR$26</definedName>
    <definedName name="__123Graph_APREVRCOM" hidden="1">[2]Plan1!$C$15:$L$15</definedName>
    <definedName name="__123Graph_APREVREALI" hidden="1">[2]Plan1!$C$7:$L$7</definedName>
    <definedName name="__123Graph_APREVRIND" hidden="1">[2]Plan1!$C$11:$L$11</definedName>
    <definedName name="__123Graph_APREVROUT" hidden="1">[2]Plan1!#REF!</definedName>
    <definedName name="__123Graph_APREVRRES" hidden="1">[2]Plan1!$C$7:$L$7</definedName>
    <definedName name="__123Graph_APREVRTOT" hidden="1">[2]Plan1!$C$37:$L$37</definedName>
    <definedName name="__123Graph_ARESFIN" hidden="1">[3]TESTE!$V$131:$V$151</definedName>
    <definedName name="__123Graph_ASACAS" hidden="1">[1]PRODUCAO!$C$11:$F$11</definedName>
    <definedName name="__123Graph_ASIDECO" hidden="1">'[4]CONSSID12-96'!#REF!</definedName>
    <definedName name="__123Graph_AUSS" hidden="1">[3]TESTE!$H$132:$H$195</definedName>
    <definedName name="__123Graph_AYTDSALES" hidden="1">#REF!</definedName>
    <definedName name="__123Graph_B" hidden="1">[5]PS!#REF!</definedName>
    <definedName name="__123Graph_BCOMPARA" hidden="1">[2]Plan1!$C$37:$L$37</definedName>
    <definedName name="__123Graph_BINDMES" hidden="1">[3]TESTE!$AG$75:$AP$75</definedName>
    <definedName name="__123Graph_BMARGINS" hidden="1">#REF!</definedName>
    <definedName name="__123Graph_BMERC" hidden="1">[3]TESTE!$AY$4:$AY$26</definedName>
    <definedName name="__123Graph_BPREVREALI" hidden="1">[2]Plan1!$C$11:$L$11</definedName>
    <definedName name="__123Graph_BRESFIN" hidden="1">[3]TESTE!$W$131:$W$151</definedName>
    <definedName name="__123Graph_BSIDECO" hidden="1">'[4]CONSSID12-96'!#REF!</definedName>
    <definedName name="__123Graph_C" hidden="1">'[6]Financial Position'!#REF!</definedName>
    <definedName name="__123Graph_CINDMES" hidden="1">[3]TESTE!$AG$77:$AP$77</definedName>
    <definedName name="__123Graph_CMERC" hidden="1">[3]TESTE!$BG$4:$BG$26</definedName>
    <definedName name="__123Graph_CPREVREALI" hidden="1">[2]Plan1!$C$15:$L$15</definedName>
    <definedName name="__123Graph_CRESFIN" hidden="1">[3]TESTE!$X$131:$X$152</definedName>
    <definedName name="__123Graph_CSIDECO" hidden="1">'[4]CONSSID12-96'!#REF!</definedName>
    <definedName name="__123Graph_D" hidden="1">'[6]Financial Position'!#REF!</definedName>
    <definedName name="__123Graph_DCOMPARA" hidden="1">[2]Plan1!$C$35:$L$35</definedName>
    <definedName name="__123Graph_DINDMES" hidden="1">[3]TESTE!$AG$79:$AP$79</definedName>
    <definedName name="__123Graph_DPREVREALI" hidden="1">[2]Plan1!#REF!</definedName>
    <definedName name="__123Graph_E" hidden="1">'[6]Financial Position'!#REF!</definedName>
    <definedName name="__123Graph_EPREVREALI" hidden="1">[2]Plan1!$C$37:$L$37</definedName>
    <definedName name="__123Graph_F" hidden="1">'[6]Financial Position'!#REF!</definedName>
    <definedName name="__123Graph_FCOMPARA" hidden="1">[2]Plan1!$C$36:$L$36</definedName>
    <definedName name="__123Graph_X" hidden="1">#REF!</definedName>
    <definedName name="__123Graph_XANIDRO" hidden="1">[1]PRODUCAO!$C$3:$F$3</definedName>
    <definedName name="__123Graph_XCONSMED" hidden="1">[2]Plan1!#REF!</definedName>
    <definedName name="__123Graph_XCURRENT" hidden="1">#REF!</definedName>
    <definedName name="__123Graph_XELASTIC" hidden="1">[2]Plan1!#REF!</definedName>
    <definedName name="__123Graph_XHIALCOOL" hidden="1">[1]PRODUCAO!$C$3:$F$3</definedName>
    <definedName name="__123Graph_XHIDRATADO" hidden="1">[1]PRODUCAO!$C$3:$F$3</definedName>
    <definedName name="__123Graph_XINDMES" hidden="1">[3]TESTE!$AG$73:$AP$73</definedName>
    <definedName name="__123Graph_XMERC" hidden="1">[3]TESTE!$AQ$4:$AQ$26</definedName>
    <definedName name="__123Graph_XPREVRCOM" hidden="1">[2]Plan1!#REF!</definedName>
    <definedName name="__123Graph_XPREVREALI" hidden="1">[2]Plan1!#REF!</definedName>
    <definedName name="__123Graph_XPREVRIND" hidden="1">[2]Plan1!#REF!</definedName>
    <definedName name="__123Graph_XPREVROUT" hidden="1">[2]Plan1!#REF!</definedName>
    <definedName name="__123Graph_XPREVRRES" hidden="1">[2]Plan1!#REF!</definedName>
    <definedName name="__123Graph_XPREVRTOT" hidden="1">[2]Plan1!#REF!</definedName>
    <definedName name="__123Graph_XRESFIN" hidden="1">[3]TESTE!$Q$131:$Q$152</definedName>
    <definedName name="__123Graph_XSACAS" hidden="1">[1]PRODUCAO!$C$3:$F$3</definedName>
    <definedName name="__123Graph_XSIDECO" hidden="1">'[4]CONSSID12-96'!#REF!</definedName>
    <definedName name="__123Graph_XUSS" hidden="1">[3]TESTE!$B$132:$B$195</definedName>
    <definedName name="__123Graph_XYTDSALES" hidden="1">#REF!</definedName>
    <definedName name="__a10" hidden="1">{#N/A,#N/A,FALSE,"SIM95"}</definedName>
    <definedName name="__a11" hidden="1">{#N/A,#N/A,FALSE,"SIM95"}</definedName>
    <definedName name="__a12" hidden="1">{#N/A,#N/A,FALSE,"SIM95"}</definedName>
    <definedName name="__a13" hidden="1">{#N/A,#N/A,FALSE,"SIM95"}</definedName>
    <definedName name="__a14" hidden="1">{#N/A,#N/A,FALSE,"SIM95"}</definedName>
    <definedName name="__a15" hidden="1">{#N/A,#N/A,FALSE,"SIM95"}</definedName>
    <definedName name="__a16" hidden="1">{#N/A,#N/A,FALSE,"SIM95"}</definedName>
    <definedName name="__a17" hidden="1">{#N/A,#N/A,FALSE,"SIM95"}</definedName>
    <definedName name="__a2" hidden="1">{#N/A,#N/A,FALSE,"SIM95"}</definedName>
    <definedName name="__a3" hidden="1">{#N/A,#N/A,FALSE,"SIM95"}</definedName>
    <definedName name="__a4" hidden="1">{#N/A,#N/A,FALSE,"SIM95"}</definedName>
    <definedName name="__a5" hidden="1">{#N/A,#N/A,FALSE,"SIM95"}</definedName>
    <definedName name="__a6" hidden="1">{#N/A,#N/A,FALSE,"SIM95"}</definedName>
    <definedName name="__a7" hidden="1">{#N/A,#N/A,FALSE,"SIM95"}</definedName>
    <definedName name="__a8" hidden="1">{#N/A,#N/A,FALSE,"SIM95"}</definedName>
    <definedName name="__a9" hidden="1">{#N/A,#N/A,FALSE,"SIM95"}</definedName>
    <definedName name="__abr03" hidden="1">{"Econ Consolidado",#N/A,FALSE,"Econ Consol";"Fluxo de Caixa",#N/A,FALSE,"Fluxo Caixa";"Investimentos",#N/A,FALSE,"Investimentos"}</definedName>
    <definedName name="__B1" hidden="1">{#N/A,#N/A,FALSE,"LLAVE";#N/A,#N/A,FALSE,"EERR";#N/A,#N/A,FALSE,"ESP";#N/A,#N/A,FALSE,"EOAF";#N/A,#N/A,FALSE,"CASH";#N/A,#N/A,FALSE,"FINANZAS";#N/A,#N/A,FALSE,"DEUDA";#N/A,#N/A,FALSE,"INVERSION";#N/A,#N/A,FALSE,"PERSONAL"}</definedName>
    <definedName name="__b2" hidden="1">{#N/A,#N/A,FALSE,"SIM95"}</definedName>
    <definedName name="__b3" hidden="1">{#N/A,#N/A,FALSE,"SIM95"}</definedName>
    <definedName name="__bb1" hidden="1">{#N/A,#N/A,FALSE,"ENERGIA";#N/A,#N/A,FALSE,"PERDIDAS";#N/A,#N/A,FALSE,"CLIENTES";#N/A,#N/A,FALSE,"ESTADO";#N/A,#N/A,FALSE,"TECNICA"}</definedName>
    <definedName name="__bbb1" hidden="1">{#N/A,#N/A,FALSE,"LLAVE";#N/A,#N/A,FALSE,"EERR";#N/A,#N/A,FALSE,"ESP";#N/A,#N/A,FALSE,"EOAF";#N/A,#N/A,FALSE,"CASH";#N/A,#N/A,FALSE,"FINANZAS";#N/A,#N/A,FALSE,"DEUDA";#N/A,#N/A,FALSE,"INVERSION";#N/A,#N/A,FALSE,"PERSONAL"}</definedName>
    <definedName name="__bx1" hidden="1">{#N/A,#N/A,FALSE,"LLAVE";#N/A,#N/A,FALSE,"EERR";#N/A,#N/A,FALSE,"ESP";#N/A,#N/A,FALSE,"EOAF";#N/A,#N/A,FALSE,"CASH";#N/A,#N/A,FALSE,"FINANZAS";#N/A,#N/A,FALSE,"DEUDA";#N/A,#N/A,FALSE,"INVERSION";#N/A,#N/A,FALSE,"PERSONAL"}</definedName>
    <definedName name="__CD1" hidden="1">{#N/A,#N/A,FALSE,"LLAVE";#N/A,#N/A,FALSE,"EERR";#N/A,#N/A,FALSE,"ESP";#N/A,#N/A,FALSE,"EOAF";#N/A,#N/A,FALSE,"CASH";#N/A,#N/A,FALSE,"FINANZAS";#N/A,#N/A,FALSE,"DEUDA";#N/A,#N/A,FALSE,"INVERSION";#N/A,#N/A,FALSE,"PERSONAL"}</definedName>
    <definedName name="__cdx1" hidden="1">{#N/A,#N/A,FALSE,"LLAVE";#N/A,#N/A,FALSE,"EERR";#N/A,#N/A,FALSE,"ESP";#N/A,#N/A,FALSE,"EOAF";#N/A,#N/A,FALSE,"CASH";#N/A,#N/A,FALSE,"FINANZAS";#N/A,#N/A,FALSE,"DEUDA";#N/A,#N/A,FALSE,"INVERSION";#N/A,#N/A,FALSE,"PERSONAL"}</definedName>
    <definedName name="__d1" hidden="1">{#N/A,#N/A,FALSE,"SIM95"}</definedName>
    <definedName name="__d2" hidden="1">{#N/A,#N/A,FALSE,"SIM95"}</definedName>
    <definedName name="__d4" hidden="1">{#N/A,#N/A,FALSE,"SIM95"}</definedName>
    <definedName name="__df1" hidden="1">{#N/A,#N/A,FALSE,"LLAVE";#N/A,#N/A,FALSE,"EERR";#N/A,#N/A,FALSE,"ESP";#N/A,#N/A,FALSE,"EOAF";#N/A,#N/A,FALSE,"CASH";#N/A,#N/A,FALSE,"FINANZAS";#N/A,#N/A,FALSE,"DEUDA";#N/A,#N/A,FALSE,"INVERSION";#N/A,#N/A,FALSE,"PERSONAL"}</definedName>
    <definedName name="__DRE0700" hidden="1">{"'PXR_6500'!$A$1:$I$124"}</definedName>
    <definedName name="__e1" hidden="1">{#N/A,#N/A,FALSE,"ENERGIA";#N/A,#N/A,FALSE,"PERDIDAS";#N/A,#N/A,FALSE,"CLIENTES";#N/A,#N/A,FALSE,"ESTADO";#N/A,#N/A,FALSE,"TECNICA"}</definedName>
    <definedName name="__E21" hidden="1">{"Despesas Diferidas Indedutíveis de 1998",#N/A,FALSE,"Impressão"}</definedName>
    <definedName name="__E9" hidden="1">{#N/A,#N/A,FALSE,"Aging Summary";#N/A,#N/A,FALSE,"Ratio Analysis";#N/A,#N/A,FALSE,"Test 120 Day Accts";#N/A,#N/A,FALSE,"Tickmarks"}</definedName>
    <definedName name="__FDS_HYPERLINK_TOGGLE_STATE__" hidden="1">"ON"</definedName>
    <definedName name="__FDS_UNIQUE_RANGE_ID_GENERATOR_COUNTER" hidden="1">12619</definedName>
    <definedName name="__FDS_USED_FOR_REUSING_RANGE_IDS_RECYCLE" hidden="1">{6467,6468,6469,6470,6483,6484,6487,6488,6492,6493,6489,6490,6491,6494,6495,6499,6500,6496,6497,6498,6501,6502,6506,6507,6503,6504,6505,6508,6509,6513,6514,6510}</definedName>
    <definedName name="__IntlFixup" hidden="1">TRUE</definedName>
    <definedName name="__JAN02" hidden="1">{"VENTAS1",#N/A,FALSE,"VENTAS";"VENTAS2",#N/A,FALSE,"VENTAS";"VENTAS3",#N/A,FALSE,"VENTAS";"VENTAS4",#N/A,FALSE,"VENTAS";"VENTAS5",#N/A,FALSE,"VENTAS";"VENTAS6",#N/A,FALSE,"VENTAS";"VENTAS7",#N/A,FALSE,"VENTAS";"VENTAS8",#N/A,FALSE,"VENTAS"}</definedName>
    <definedName name="__LOp2" hidden="1">{#N/A,#N/A,FALSE,"Dutos";#N/A,#N/A,FALSE,"Terminais"}</definedName>
    <definedName name="__LOp3" hidden="1">{#N/A,#N/A,FALSE,"Dutos";#N/A,#N/A,FALSE,"Terminais"}</definedName>
    <definedName name="__o12" hidden="1">{#N/A,#N/A,FALSE,"Aging Summary";#N/A,#N/A,FALSE,"Ratio Analysis";#N/A,#N/A,FALSE,"Test 120 Day Accts";#N/A,#N/A,FALSE,"Tickmarks"}</definedName>
    <definedName name="__P8" hidden="1">{"SCH73",#N/A,FALSE,"eva";"SCH74",#N/A,FALSE,"eva";"SCH75",#N/A,FALSE,"eva"}</definedName>
    <definedName name="__q1" hidden="1">{"Cimesa",#N/A,FALSE,"Cimesa";"Cipasa",#N/A,FALSE,"Cipasa";"Cearense",#N/A,FALSE,"Cearense"}</definedName>
    <definedName name="__q2" hidden="1">{"Econ Consolidado",#N/A,FALSE,"Econ Consol";"Fluxo de Caixa",#N/A,FALSE,"Fluxo Caixa";"Investimentos",#N/A,FALSE,"Investimentos"}</definedName>
    <definedName name="__q32" hidden="1">{"Econ Consolidado",#N/A,FALSE,"Econ Consol";"Fluxo de Caixa",#N/A,FALSE,"Fluxo Caixa";"Investimentos",#N/A,FALSE,"Investimentos"}</definedName>
    <definedName name="__R" hidden="1">{"Rio Branco",#N/A,FALSE,"Rio Branco";"Itajaí",#N/A,FALSE,"Itajaí";"Pinheiro Machado",#N/A,FALSE,"PMachado";"Esteio",#N/A,FALSE,"Esteio"}</definedName>
    <definedName name="__x1"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_1__123Graph_ACDIUS" hidden="1">[3]TESTE!$E$132:$E$151</definedName>
    <definedName name="_1__123Graph_ACHART_1" hidden="1">[7]DUCOCO!$D$114:$N$114</definedName>
    <definedName name="_1__FDSAUDITLINK__" hidden="1">{"fdsup://Directions/FactSet Auditing Viewer?action=AUDIT_VALUE&amp;DB=129&amp;ID1=B24CGK&amp;VALUEID=01001&amp;SDATE=2011&amp;PERIODTYPE=ANN_STD&amp;SCFT=3&amp;window=popup_no_bar&amp;width=385&amp;height=120&amp;START_MAXIMIZED=FALSE&amp;creator=factset&amp;display_string=Audit"}</definedName>
    <definedName name="_10__123Graph_XCHART_2" hidden="1">[7]DUCOCO!$B$6:$F$6</definedName>
    <definedName name="_10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1"}</definedName>
    <definedName name="_1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9"}</definedName>
    <definedName name="_10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6"}</definedName>
    <definedName name="_100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2"}</definedName>
    <definedName name="_100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1"}</definedName>
    <definedName name="_100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0"}</definedName>
    <definedName name="_100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9"}</definedName>
    <definedName name="_100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8"}</definedName>
    <definedName name="_100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7"}</definedName>
    <definedName name="_100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6"}</definedName>
    <definedName name="_100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5"}</definedName>
    <definedName name="_100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4"}</definedName>
    <definedName name="_100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3"}</definedName>
    <definedName name="_10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5"}</definedName>
    <definedName name="_100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2"}</definedName>
    <definedName name="_100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1"}</definedName>
    <definedName name="_100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0"}</definedName>
    <definedName name="_100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9"}</definedName>
    <definedName name="_100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8"}</definedName>
    <definedName name="_100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7"}</definedName>
    <definedName name="_100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6"}</definedName>
    <definedName name="_100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5"}</definedName>
    <definedName name="_100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4"}</definedName>
    <definedName name="_100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3"}</definedName>
    <definedName name="_10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4"}</definedName>
    <definedName name="_100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2"}</definedName>
    <definedName name="_100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1"}</definedName>
    <definedName name="_100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definedName>
    <definedName name="_100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definedName>
    <definedName name="_100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definedName>
    <definedName name="_100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definedName>
    <definedName name="_100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definedName>
    <definedName name="_100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definedName>
    <definedName name="_100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definedName>
    <definedName name="_100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definedName>
    <definedName name="_10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3"}</definedName>
    <definedName name="_100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definedName>
    <definedName name="_100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definedName>
    <definedName name="_100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definedName>
    <definedName name="_100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definedName>
    <definedName name="_100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definedName>
    <definedName name="_100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definedName>
    <definedName name="_100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definedName>
    <definedName name="_100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definedName>
    <definedName name="_100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definedName>
    <definedName name="_100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definedName>
    <definedName name="_10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2"}</definedName>
    <definedName name="_100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definedName>
    <definedName name="_100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definedName>
    <definedName name="_100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definedName>
    <definedName name="_100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definedName>
    <definedName name="_100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definedName>
    <definedName name="_100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definedName>
    <definedName name="_100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definedName>
    <definedName name="_100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definedName>
    <definedName name="_100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definedName>
    <definedName name="_100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definedName>
    <definedName name="_10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1"}</definedName>
    <definedName name="_100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definedName>
    <definedName name="_100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definedName>
    <definedName name="_100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definedName>
    <definedName name="_100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definedName>
    <definedName name="_100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definedName>
    <definedName name="_100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definedName>
    <definedName name="_100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definedName>
    <definedName name="_100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definedName>
    <definedName name="_100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definedName>
    <definedName name="_100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definedName>
    <definedName name="_10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0"}</definedName>
    <definedName name="_100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definedName>
    <definedName name="_100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definedName>
    <definedName name="_100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definedName>
    <definedName name="_100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definedName>
    <definedName name="_100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definedName>
    <definedName name="_100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definedName>
    <definedName name="_100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definedName>
    <definedName name="_100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definedName>
    <definedName name="_100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definedName>
    <definedName name="_100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definedName>
    <definedName name="_10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9"}</definedName>
    <definedName name="_100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definedName>
    <definedName name="_100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definedName>
    <definedName name="_10072__FDSAUDITLINK__" hidden="1">{"fdsup://directions/FAT Viewer?action=UPDATE&amp;creator=factset&amp;DYN_ARGS=TRUE&amp;DOC_NAME=FAT:FQL_AUDITING_CLIENT_TEMPLATE.FAT&amp;display_string=Audit&amp;VAR:KEY=RWFUNYVEDY&amp;VAR:QUERY=RkZfRU5UUlBSX1ZBTF9EQUlMWSgtMkFZLDQxMTcyLEQsLCwnRElMJyk=&amp;WINDOW=FIRST_POPUP&amp;HEIGHT=45","0&amp;WIDTH=450&amp;START_MAXIMIZED=FALSE&amp;VAR:CALENDAR=US&amp;VAR:SYMBOL=B1YWHR&amp;VAR:INDEX=507"}</definedName>
    <definedName name="_100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6"}</definedName>
    <definedName name="_100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5"}</definedName>
    <definedName name="_100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4"}</definedName>
    <definedName name="_100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3"}</definedName>
    <definedName name="_100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2"}</definedName>
    <definedName name="_100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1"}</definedName>
    <definedName name="_100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0"}</definedName>
    <definedName name="_10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8"}</definedName>
    <definedName name="_100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9"}</definedName>
    <definedName name="_100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8"}</definedName>
    <definedName name="_100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7"}</definedName>
    <definedName name="_100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6"}</definedName>
    <definedName name="_100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5"}</definedName>
    <definedName name="_100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4"}</definedName>
    <definedName name="_100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3"}</definedName>
    <definedName name="_100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2"}</definedName>
    <definedName name="_100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1"}</definedName>
    <definedName name="_100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0"}</definedName>
    <definedName name="_10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7"}</definedName>
    <definedName name="_100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9"}</definedName>
    <definedName name="_100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8"}</definedName>
    <definedName name="_100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7"}</definedName>
    <definedName name="_100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6"}</definedName>
    <definedName name="_100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5"}</definedName>
    <definedName name="_100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4"}</definedName>
    <definedName name="_100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3"}</definedName>
    <definedName name="_100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2"}</definedName>
    <definedName name="_100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1"}</definedName>
    <definedName name="_100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0"}</definedName>
    <definedName name="_1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8"}</definedName>
    <definedName name="_10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6"}</definedName>
    <definedName name="_101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9"}</definedName>
    <definedName name="_101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8"}</definedName>
    <definedName name="_101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7"}</definedName>
    <definedName name="_101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6"}</definedName>
    <definedName name="_101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5"}</definedName>
    <definedName name="_101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4"}</definedName>
    <definedName name="_101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3"}</definedName>
    <definedName name="_101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2"}</definedName>
    <definedName name="_101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1"}</definedName>
    <definedName name="_101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0"}</definedName>
    <definedName name="_10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5"}</definedName>
    <definedName name="_101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9"}</definedName>
    <definedName name="_101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8"}</definedName>
    <definedName name="_101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7"}</definedName>
    <definedName name="_101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6"}</definedName>
    <definedName name="_101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5"}</definedName>
    <definedName name="_101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4"}</definedName>
    <definedName name="_101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3"}</definedName>
    <definedName name="_101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2"}</definedName>
    <definedName name="_101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1"}</definedName>
    <definedName name="_101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0"}</definedName>
    <definedName name="_10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4"}</definedName>
    <definedName name="_101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9"}</definedName>
    <definedName name="_101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8"}</definedName>
    <definedName name="_101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7"}</definedName>
    <definedName name="_101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6"}</definedName>
    <definedName name="_101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5"}</definedName>
    <definedName name="_101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4"}</definedName>
    <definedName name="_101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3"}</definedName>
    <definedName name="_101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2"}</definedName>
    <definedName name="_101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1"}</definedName>
    <definedName name="_101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0"}</definedName>
    <definedName name="_10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3"}</definedName>
    <definedName name="_101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9"}</definedName>
    <definedName name="_101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8"}</definedName>
    <definedName name="_101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7"}</definedName>
    <definedName name="_101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6"}</definedName>
    <definedName name="_101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5"}</definedName>
    <definedName name="_101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4"}</definedName>
    <definedName name="_101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3"}</definedName>
    <definedName name="_101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2"}</definedName>
    <definedName name="_101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1"}</definedName>
    <definedName name="_101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0"}</definedName>
    <definedName name="_10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2"}</definedName>
    <definedName name="_101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9"}</definedName>
    <definedName name="_101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8"}</definedName>
    <definedName name="_101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7"}</definedName>
    <definedName name="_101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6"}</definedName>
    <definedName name="_101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5"}</definedName>
    <definedName name="_101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4"}</definedName>
    <definedName name="_101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3"}</definedName>
    <definedName name="_101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2"}</definedName>
    <definedName name="_101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1"}</definedName>
    <definedName name="_101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0"}</definedName>
    <definedName name="_10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1"}</definedName>
    <definedName name="_101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9"}</definedName>
    <definedName name="_101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8"}</definedName>
    <definedName name="_101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7"}</definedName>
    <definedName name="_101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6"}</definedName>
    <definedName name="_101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5"}</definedName>
    <definedName name="_101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4"}</definedName>
    <definedName name="_101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3"}</definedName>
    <definedName name="_101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2"}</definedName>
    <definedName name="_101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1"}</definedName>
    <definedName name="_101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0"}</definedName>
    <definedName name="_10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definedName>
    <definedName name="_101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9"}</definedName>
    <definedName name="_101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8"}</definedName>
    <definedName name="_101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7"}</definedName>
    <definedName name="_101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6"}</definedName>
    <definedName name="_101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5"}</definedName>
    <definedName name="_101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4"}</definedName>
    <definedName name="_101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3"}</definedName>
    <definedName name="_101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2"}</definedName>
    <definedName name="_101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1"}</definedName>
    <definedName name="_101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0"}</definedName>
    <definedName name="_10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definedName>
    <definedName name="_101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9"}</definedName>
    <definedName name="_101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8"}</definedName>
    <definedName name="_101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7"}</definedName>
    <definedName name="_101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6"}</definedName>
    <definedName name="_101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5"}</definedName>
    <definedName name="_101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4"}</definedName>
    <definedName name="_101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3"}</definedName>
    <definedName name="_101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2"}</definedName>
    <definedName name="_101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1"}</definedName>
    <definedName name="_101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0"}</definedName>
    <definedName name="_10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definedName>
    <definedName name="_101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9"}</definedName>
    <definedName name="_101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8"}</definedName>
    <definedName name="_101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7"}</definedName>
    <definedName name="_101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6"}</definedName>
    <definedName name="_101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5"}</definedName>
    <definedName name="_101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4"}</definedName>
    <definedName name="_101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3"}</definedName>
    <definedName name="_101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2"}</definedName>
    <definedName name="_101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1"}</definedName>
    <definedName name="_101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0"}</definedName>
    <definedName name="_10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definedName>
    <definedName name="_101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9"}</definedName>
    <definedName name="_101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8"}</definedName>
    <definedName name="_101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7"}</definedName>
    <definedName name="_101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6"}</definedName>
    <definedName name="_101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5"}</definedName>
    <definedName name="_101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4"}</definedName>
    <definedName name="_101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3"}</definedName>
    <definedName name="_101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2"}</definedName>
    <definedName name="_101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1"}</definedName>
    <definedName name="_101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0"}</definedName>
    <definedName name="_1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7"}</definedName>
    <definedName name="_10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definedName>
    <definedName name="_102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9"}</definedName>
    <definedName name="_102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8"}</definedName>
    <definedName name="_102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7"}</definedName>
    <definedName name="_102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6"}</definedName>
    <definedName name="_102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5"}</definedName>
    <definedName name="_102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4"}</definedName>
    <definedName name="_102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3"}</definedName>
    <definedName name="_102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2"}</definedName>
    <definedName name="_102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1"}</definedName>
    <definedName name="_102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0"}</definedName>
    <definedName name="_10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definedName>
    <definedName name="_102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9"}</definedName>
    <definedName name="_102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8"}</definedName>
    <definedName name="_102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7"}</definedName>
    <definedName name="_102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6"}</definedName>
    <definedName name="_102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5"}</definedName>
    <definedName name="_102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4"}</definedName>
    <definedName name="_102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3"}</definedName>
    <definedName name="_102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2"}</definedName>
    <definedName name="_102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1"}</definedName>
    <definedName name="_102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0"}</definedName>
    <definedName name="_10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definedName>
    <definedName name="_102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9"}</definedName>
    <definedName name="_102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8"}</definedName>
    <definedName name="_102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7"}</definedName>
    <definedName name="_102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6"}</definedName>
    <definedName name="_102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5"}</definedName>
    <definedName name="_102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4"}</definedName>
    <definedName name="_102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3"}</definedName>
    <definedName name="_102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2"}</definedName>
    <definedName name="_102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1"}</definedName>
    <definedName name="_102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0"}</definedName>
    <definedName name="_10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definedName>
    <definedName name="_102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9"}</definedName>
    <definedName name="_102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8"}</definedName>
    <definedName name="_102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7"}</definedName>
    <definedName name="_102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6"}</definedName>
    <definedName name="_102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5"}</definedName>
    <definedName name="_102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4"}</definedName>
    <definedName name="_102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3"}</definedName>
    <definedName name="_102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2"}</definedName>
    <definedName name="_102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1"}</definedName>
    <definedName name="_102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0"}</definedName>
    <definedName name="_10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definedName>
    <definedName name="_102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9"}</definedName>
    <definedName name="_102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8"}</definedName>
    <definedName name="_102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7"}</definedName>
    <definedName name="_102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6"}</definedName>
    <definedName name="_102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5"}</definedName>
    <definedName name="_102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4"}</definedName>
    <definedName name="_102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3"}</definedName>
    <definedName name="_102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2"}</definedName>
    <definedName name="_102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1"}</definedName>
    <definedName name="_102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0"}</definedName>
    <definedName name="_10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definedName>
    <definedName name="_102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9"}</definedName>
    <definedName name="_102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8"}</definedName>
    <definedName name="_102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7"}</definedName>
    <definedName name="_102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6"}</definedName>
    <definedName name="_102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5"}</definedName>
    <definedName name="_102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4"}</definedName>
    <definedName name="_102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3"}</definedName>
    <definedName name="_102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2"}</definedName>
    <definedName name="_102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1"}</definedName>
    <definedName name="_102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0"}</definedName>
    <definedName name="_10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definedName>
    <definedName name="_102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9"}</definedName>
    <definedName name="_102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8"}</definedName>
    <definedName name="_102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7"}</definedName>
    <definedName name="_102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6"}</definedName>
    <definedName name="_102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5"}</definedName>
    <definedName name="_102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4"}</definedName>
    <definedName name="_102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3"}</definedName>
    <definedName name="_102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2"}</definedName>
    <definedName name="_102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1"}</definedName>
    <definedName name="_102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0"}</definedName>
    <definedName name="_10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definedName>
    <definedName name="_102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9"}</definedName>
    <definedName name="_102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8"}</definedName>
    <definedName name="_102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7"}</definedName>
    <definedName name="_102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6"}</definedName>
    <definedName name="_102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5"}</definedName>
    <definedName name="_102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4"}</definedName>
    <definedName name="_102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3"}</definedName>
    <definedName name="_102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2"}</definedName>
    <definedName name="_102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1"}</definedName>
    <definedName name="_102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0"}</definedName>
    <definedName name="_10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definedName>
    <definedName name="_102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9"}</definedName>
    <definedName name="_102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8"}</definedName>
    <definedName name="_102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7"}</definedName>
    <definedName name="_102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6"}</definedName>
    <definedName name="_102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5"}</definedName>
    <definedName name="_102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4"}</definedName>
    <definedName name="_102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3"}</definedName>
    <definedName name="_102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2"}</definedName>
    <definedName name="_102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1"}</definedName>
    <definedName name="_102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0"}</definedName>
    <definedName name="_10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definedName>
    <definedName name="_102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9"}</definedName>
    <definedName name="_102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8"}</definedName>
    <definedName name="_102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7"}</definedName>
    <definedName name="_102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6"}</definedName>
    <definedName name="_102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5"}</definedName>
    <definedName name="_102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4"}</definedName>
    <definedName name="_102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3"}</definedName>
    <definedName name="_102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2"}</definedName>
    <definedName name="_102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1"}</definedName>
    <definedName name="_102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0"}</definedName>
    <definedName name="_1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6"}</definedName>
    <definedName name="_10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definedName>
    <definedName name="_103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9"}</definedName>
    <definedName name="_103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8"}</definedName>
    <definedName name="_103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7"}</definedName>
    <definedName name="_103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6"}</definedName>
    <definedName name="_103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5"}</definedName>
    <definedName name="_103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4"}</definedName>
    <definedName name="_103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3"}</definedName>
    <definedName name="_103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2"}</definedName>
    <definedName name="_103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1"}</definedName>
    <definedName name="_103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0"}</definedName>
    <definedName name="_10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definedName>
    <definedName name="_103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9"}</definedName>
    <definedName name="_103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8"}</definedName>
    <definedName name="_103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7"}</definedName>
    <definedName name="_103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6"}</definedName>
    <definedName name="_103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5"}</definedName>
    <definedName name="_103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4"}</definedName>
    <definedName name="_103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3"}</definedName>
    <definedName name="_103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2"}</definedName>
    <definedName name="_103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1"}</definedName>
    <definedName name="_103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0"}</definedName>
    <definedName name="_10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definedName>
    <definedName name="_103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9"}</definedName>
    <definedName name="_103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8"}</definedName>
    <definedName name="_103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7"}</definedName>
    <definedName name="_103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6"}</definedName>
    <definedName name="_103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5"}</definedName>
    <definedName name="_103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4"}</definedName>
    <definedName name="_103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3"}</definedName>
    <definedName name="_103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2"}</definedName>
    <definedName name="_103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1"}</definedName>
    <definedName name="_103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0"}</definedName>
    <definedName name="_10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definedName>
    <definedName name="_103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9"}</definedName>
    <definedName name="_103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8"}</definedName>
    <definedName name="_103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7"}</definedName>
    <definedName name="_103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6"}</definedName>
    <definedName name="_103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5"}</definedName>
    <definedName name="_103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4"}</definedName>
    <definedName name="_103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3"}</definedName>
    <definedName name="_103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2"}</definedName>
    <definedName name="_103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1"}</definedName>
    <definedName name="_103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0"}</definedName>
    <definedName name="_10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definedName>
    <definedName name="_103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9"}</definedName>
    <definedName name="_103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8"}</definedName>
    <definedName name="_103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7"}</definedName>
    <definedName name="_103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6"}</definedName>
    <definedName name="_103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5"}</definedName>
    <definedName name="_103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4"}</definedName>
    <definedName name="_103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3"}</definedName>
    <definedName name="_103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2"}</definedName>
    <definedName name="_103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1"}</definedName>
    <definedName name="_103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0"}</definedName>
    <definedName name="_10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definedName>
    <definedName name="_103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9"}</definedName>
    <definedName name="_103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8"}</definedName>
    <definedName name="_103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7"}</definedName>
    <definedName name="_103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6"}</definedName>
    <definedName name="_103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5"}</definedName>
    <definedName name="_103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4"}</definedName>
    <definedName name="_103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3"}</definedName>
    <definedName name="_103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2"}</definedName>
    <definedName name="_103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1"}</definedName>
    <definedName name="_103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0"}</definedName>
    <definedName name="_10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definedName>
    <definedName name="_103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9"}</definedName>
    <definedName name="_103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8"}</definedName>
    <definedName name="_103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7"}</definedName>
    <definedName name="_103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6"}</definedName>
    <definedName name="_103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5"}</definedName>
    <definedName name="_103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4"}</definedName>
    <definedName name="_103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3"}</definedName>
    <definedName name="_103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2"}</definedName>
    <definedName name="_103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1"}</definedName>
    <definedName name="_103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0"}</definedName>
    <definedName name="_10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definedName>
    <definedName name="_103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9"}</definedName>
    <definedName name="_103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8"}</definedName>
    <definedName name="_103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7"}</definedName>
    <definedName name="_103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6"}</definedName>
    <definedName name="_103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5"}</definedName>
    <definedName name="_103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4"}</definedName>
    <definedName name="_103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3"}</definedName>
    <definedName name="_103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2"}</definedName>
    <definedName name="_103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1"}</definedName>
    <definedName name="_103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0"}</definedName>
    <definedName name="_10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definedName>
    <definedName name="_103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9"}</definedName>
    <definedName name="_103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8"}</definedName>
    <definedName name="_103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7"}</definedName>
    <definedName name="_103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6"}</definedName>
    <definedName name="_103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5"}</definedName>
    <definedName name="_103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4"}</definedName>
    <definedName name="_103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3"}</definedName>
    <definedName name="_103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2"}</definedName>
    <definedName name="_103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1"}</definedName>
    <definedName name="_103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0"}</definedName>
    <definedName name="_10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definedName>
    <definedName name="_103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9"}</definedName>
    <definedName name="_103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8"}</definedName>
    <definedName name="_103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7"}</definedName>
    <definedName name="_103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6"}</definedName>
    <definedName name="_103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5"}</definedName>
    <definedName name="_103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4"}</definedName>
    <definedName name="_103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3"}</definedName>
    <definedName name="_103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2"}</definedName>
    <definedName name="_103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1"}</definedName>
    <definedName name="_103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0"}</definedName>
    <definedName name="_1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5"}</definedName>
    <definedName name="_10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definedName>
    <definedName name="_104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9"}</definedName>
    <definedName name="_104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8"}</definedName>
    <definedName name="_104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7"}</definedName>
    <definedName name="_104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6"}</definedName>
    <definedName name="_104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5"}</definedName>
    <definedName name="_104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4"}</definedName>
    <definedName name="_104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3"}</definedName>
    <definedName name="_104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2"}</definedName>
    <definedName name="_104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1"}</definedName>
    <definedName name="_104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0"}</definedName>
    <definedName name="_10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definedName>
    <definedName name="_104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9"}</definedName>
    <definedName name="_104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8"}</definedName>
    <definedName name="_104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7"}</definedName>
    <definedName name="_104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6"}</definedName>
    <definedName name="_104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5"}</definedName>
    <definedName name="_104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4"}</definedName>
    <definedName name="_104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3"}</definedName>
    <definedName name="_104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2"}</definedName>
    <definedName name="_104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1"}</definedName>
    <definedName name="_104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0"}</definedName>
    <definedName name="_10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definedName>
    <definedName name="_104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9"}</definedName>
    <definedName name="_104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8"}</definedName>
    <definedName name="_104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7"}</definedName>
    <definedName name="_104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6"}</definedName>
    <definedName name="_104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5"}</definedName>
    <definedName name="_104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4"}</definedName>
    <definedName name="_104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3"}</definedName>
    <definedName name="_104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2"}</definedName>
    <definedName name="_104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1"}</definedName>
    <definedName name="_104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0"}</definedName>
    <definedName name="_10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definedName>
    <definedName name="_104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9"}</definedName>
    <definedName name="_104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8"}</definedName>
    <definedName name="_104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7"}</definedName>
    <definedName name="_104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6"}</definedName>
    <definedName name="_104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5"}</definedName>
    <definedName name="_104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4"}</definedName>
    <definedName name="_104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3"}</definedName>
    <definedName name="_104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2"}</definedName>
    <definedName name="_104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1"}</definedName>
    <definedName name="_104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0"}</definedName>
    <definedName name="_10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definedName>
    <definedName name="_104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9"}</definedName>
    <definedName name="_104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8"}</definedName>
    <definedName name="_104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7"}</definedName>
    <definedName name="_104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6"}</definedName>
    <definedName name="_104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5"}</definedName>
    <definedName name="_104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4"}</definedName>
    <definedName name="_104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3"}</definedName>
    <definedName name="_104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2"}</definedName>
    <definedName name="_104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1"}</definedName>
    <definedName name="_104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0"}</definedName>
    <definedName name="_10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definedName>
    <definedName name="_104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9"}</definedName>
    <definedName name="_104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8"}</definedName>
    <definedName name="_104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7"}</definedName>
    <definedName name="_104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6"}</definedName>
    <definedName name="_104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5"}</definedName>
    <definedName name="_104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4"}</definedName>
    <definedName name="_104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3"}</definedName>
    <definedName name="_104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2"}</definedName>
    <definedName name="_104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1"}</definedName>
    <definedName name="_104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0"}</definedName>
    <definedName name="_10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definedName>
    <definedName name="_104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9"}</definedName>
    <definedName name="_104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8"}</definedName>
    <definedName name="_104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7"}</definedName>
    <definedName name="_104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6"}</definedName>
    <definedName name="_104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5"}</definedName>
    <definedName name="_104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4"}</definedName>
    <definedName name="_104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3"}</definedName>
    <definedName name="_104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2"}</definedName>
    <definedName name="_104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1"}</definedName>
    <definedName name="_104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0"}</definedName>
    <definedName name="_10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definedName>
    <definedName name="_104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9"}</definedName>
    <definedName name="_104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8"}</definedName>
    <definedName name="_104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7"}</definedName>
    <definedName name="_104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6"}</definedName>
    <definedName name="_104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5"}</definedName>
    <definedName name="_104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4"}</definedName>
    <definedName name="_104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3"}</definedName>
    <definedName name="_104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2"}</definedName>
    <definedName name="_104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1"}</definedName>
    <definedName name="_104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0"}</definedName>
    <definedName name="_10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definedName>
    <definedName name="_104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9"}</definedName>
    <definedName name="_104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8"}</definedName>
    <definedName name="_104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7"}</definedName>
    <definedName name="_104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6"}</definedName>
    <definedName name="_104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5"}</definedName>
    <definedName name="_104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4"}</definedName>
    <definedName name="_104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3"}</definedName>
    <definedName name="_104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2"}</definedName>
    <definedName name="_104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1"}</definedName>
    <definedName name="_104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0"}</definedName>
    <definedName name="_10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definedName>
    <definedName name="_104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9"}</definedName>
    <definedName name="_104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8"}</definedName>
    <definedName name="_104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7"}</definedName>
    <definedName name="_104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6"}</definedName>
    <definedName name="_104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5"}</definedName>
    <definedName name="_104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4"}</definedName>
    <definedName name="_104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3"}</definedName>
    <definedName name="_104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2"}</definedName>
    <definedName name="_104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1"}</definedName>
    <definedName name="_104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0"}</definedName>
    <definedName name="_1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4"}</definedName>
    <definedName name="_10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definedName>
    <definedName name="_105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9"}</definedName>
    <definedName name="_105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8"}</definedName>
    <definedName name="_105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7"}</definedName>
    <definedName name="_105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6"}</definedName>
    <definedName name="_105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5"}</definedName>
    <definedName name="_105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4"}</definedName>
    <definedName name="_105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3"}</definedName>
    <definedName name="_105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2"}</definedName>
    <definedName name="_105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1"}</definedName>
    <definedName name="_105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0"}</definedName>
    <definedName name="_10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definedName>
    <definedName name="_105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9"}</definedName>
    <definedName name="_105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8"}</definedName>
    <definedName name="_105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7"}</definedName>
    <definedName name="_105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6"}</definedName>
    <definedName name="_105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5"}</definedName>
    <definedName name="_105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4"}</definedName>
    <definedName name="_105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3"}</definedName>
    <definedName name="_105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2"}</definedName>
    <definedName name="_105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1"}</definedName>
    <definedName name="_105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0"}</definedName>
    <definedName name="_10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definedName>
    <definedName name="_105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9"}</definedName>
    <definedName name="_105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8"}</definedName>
    <definedName name="_105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7"}</definedName>
    <definedName name="_105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6"}</definedName>
    <definedName name="_105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5"}</definedName>
    <definedName name="_105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4"}</definedName>
    <definedName name="_105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3"}</definedName>
    <definedName name="_105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2"}</definedName>
    <definedName name="_105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1"}</definedName>
    <definedName name="_105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definedName>
    <definedName name="_10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definedName>
    <definedName name="_105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definedName>
    <definedName name="_105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definedName>
    <definedName name="_105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definedName>
    <definedName name="_105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definedName>
    <definedName name="_105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definedName>
    <definedName name="_105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definedName>
    <definedName name="_105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definedName>
    <definedName name="_105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definedName>
    <definedName name="_105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definedName>
    <definedName name="_105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definedName>
    <definedName name="_10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definedName>
    <definedName name="_105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definedName>
    <definedName name="_105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definedName>
    <definedName name="_105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definedName>
    <definedName name="_105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definedName>
    <definedName name="_105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definedName>
    <definedName name="_105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definedName>
    <definedName name="_105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definedName>
    <definedName name="_105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definedName>
    <definedName name="_105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definedName>
    <definedName name="_105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definedName>
    <definedName name="_10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definedName>
    <definedName name="_105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definedName>
    <definedName name="_105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definedName>
    <definedName name="_105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definedName>
    <definedName name="_105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definedName>
    <definedName name="_105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definedName>
    <definedName name="_105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definedName>
    <definedName name="_105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definedName>
    <definedName name="_105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definedName>
    <definedName name="_105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definedName>
    <definedName name="_105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definedName>
    <definedName name="_10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definedName>
    <definedName name="_105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definedName>
    <definedName name="_105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definedName>
    <definedName name="_105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definedName>
    <definedName name="_105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definedName>
    <definedName name="_105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definedName>
    <definedName name="_105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definedName>
    <definedName name="_105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definedName>
    <definedName name="_105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definedName>
    <definedName name="_105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definedName>
    <definedName name="_105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definedName>
    <definedName name="_10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definedName>
    <definedName name="_105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definedName>
    <definedName name="_105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definedName>
    <definedName name="_105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definedName>
    <definedName name="_105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definedName>
    <definedName name="_105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definedName>
    <definedName name="_105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definedName>
    <definedName name="_105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definedName>
    <definedName name="_105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definedName>
    <definedName name="_105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definedName>
    <definedName name="_10579__FDSAUDITLINK__" hidden="1">{"fdsup://directions/FAT Viewer?action=UPDATE&amp;creator=factset&amp;DYN_ARGS=TRUE&amp;DOC_NAME=FAT:FQL_AUDITING_CLIENT_TEMPLATE.FAT&amp;display_string=Audit&amp;VAR:KEY=WXOLARCNOX&amp;VAR:QUERY=RkZfRU5UUlBSX1ZBTF9EQUlMWSgtMkFZLDQxMTcyLEQsLCwnRElMJyk=&amp;WINDOW=FIRST_POPUP&amp;HEIGHT=45","0&amp;WIDTH=450&amp;START_MAXIMIZED=FALSE&amp;VAR:CALENDAR=US&amp;VAR:SYMBOL=B1V74X&amp;VAR:INDEX=507"}</definedName>
    <definedName name="_10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definedName>
    <definedName name="_105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6"}</definedName>
    <definedName name="_105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5"}</definedName>
    <definedName name="_105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4"}</definedName>
    <definedName name="_105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3"}</definedName>
    <definedName name="_105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2"}</definedName>
    <definedName name="_105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1"}</definedName>
    <definedName name="_105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0"}</definedName>
    <definedName name="_105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9"}</definedName>
    <definedName name="_105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8"}</definedName>
    <definedName name="_105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7"}</definedName>
    <definedName name="_10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definedName>
    <definedName name="_105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6"}</definedName>
    <definedName name="_105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5"}</definedName>
    <definedName name="_105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4"}</definedName>
    <definedName name="_105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3"}</definedName>
    <definedName name="_105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2"}</definedName>
    <definedName name="_105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1"}</definedName>
    <definedName name="_105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0"}</definedName>
    <definedName name="_105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9"}</definedName>
    <definedName name="_105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8"}</definedName>
    <definedName name="_105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7"}</definedName>
    <definedName name="_1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3"}</definedName>
    <definedName name="_10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definedName>
    <definedName name="_106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6"}</definedName>
    <definedName name="_106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5"}</definedName>
    <definedName name="_106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4"}</definedName>
    <definedName name="_106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3"}</definedName>
    <definedName name="_106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2"}</definedName>
    <definedName name="_106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1"}</definedName>
    <definedName name="_106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0"}</definedName>
    <definedName name="_106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9"}</definedName>
    <definedName name="_106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8"}</definedName>
    <definedName name="_106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7"}</definedName>
    <definedName name="_10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definedName>
    <definedName name="_106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6"}</definedName>
    <definedName name="_106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5"}</definedName>
    <definedName name="_106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4"}</definedName>
    <definedName name="_106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3"}</definedName>
    <definedName name="_106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2"}</definedName>
    <definedName name="_106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1"}</definedName>
    <definedName name="_106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0"}</definedName>
    <definedName name="_106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9"}</definedName>
    <definedName name="_106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8"}</definedName>
    <definedName name="_106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7"}</definedName>
    <definedName name="_10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definedName>
    <definedName name="_106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6"}</definedName>
    <definedName name="_106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5"}</definedName>
    <definedName name="_106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4"}</definedName>
    <definedName name="_106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3"}</definedName>
    <definedName name="_106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2"}</definedName>
    <definedName name="_106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1"}</definedName>
    <definedName name="_106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0"}</definedName>
    <definedName name="_106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9"}</definedName>
    <definedName name="_106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8"}</definedName>
    <definedName name="_106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7"}</definedName>
    <definedName name="_10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definedName>
    <definedName name="_106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6"}</definedName>
    <definedName name="_106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5"}</definedName>
    <definedName name="_106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4"}</definedName>
    <definedName name="_106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3"}</definedName>
    <definedName name="_106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2"}</definedName>
    <definedName name="_106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1"}</definedName>
    <definedName name="_106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0"}</definedName>
    <definedName name="_106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9"}</definedName>
    <definedName name="_106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8"}</definedName>
    <definedName name="_106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7"}</definedName>
    <definedName name="_10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definedName>
    <definedName name="_106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6"}</definedName>
    <definedName name="_106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5"}</definedName>
    <definedName name="_106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4"}</definedName>
    <definedName name="_106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3"}</definedName>
    <definedName name="_106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2"}</definedName>
    <definedName name="_106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1"}</definedName>
    <definedName name="_106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0"}</definedName>
    <definedName name="_106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9"}</definedName>
    <definedName name="_106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8"}</definedName>
    <definedName name="_106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7"}</definedName>
    <definedName name="_10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definedName>
    <definedName name="_106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6"}</definedName>
    <definedName name="_106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5"}</definedName>
    <definedName name="_106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4"}</definedName>
    <definedName name="_106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3"}</definedName>
    <definedName name="_106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2"}</definedName>
    <definedName name="_106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1"}</definedName>
    <definedName name="_106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0"}</definedName>
    <definedName name="_106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9"}</definedName>
    <definedName name="_106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8"}</definedName>
    <definedName name="_106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7"}</definedName>
    <definedName name="_10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0"}</definedName>
    <definedName name="_106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6"}</definedName>
    <definedName name="_106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5"}</definedName>
    <definedName name="_106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4"}</definedName>
    <definedName name="_106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3"}</definedName>
    <definedName name="_106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2"}</definedName>
    <definedName name="_106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1"}</definedName>
    <definedName name="_106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0"}</definedName>
    <definedName name="_106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9"}</definedName>
    <definedName name="_106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8"}</definedName>
    <definedName name="_106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7"}</definedName>
    <definedName name="_10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6"}</definedName>
    <definedName name="_106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6"}</definedName>
    <definedName name="_106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5"}</definedName>
    <definedName name="_106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4"}</definedName>
    <definedName name="_106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3"}</definedName>
    <definedName name="_106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2"}</definedName>
    <definedName name="_106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1"}</definedName>
    <definedName name="_106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0"}</definedName>
    <definedName name="_106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9"}</definedName>
    <definedName name="_106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8"}</definedName>
    <definedName name="_106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7"}</definedName>
    <definedName name="_10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5"}</definedName>
    <definedName name="_106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6"}</definedName>
    <definedName name="_106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5"}</definedName>
    <definedName name="_106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4"}</definedName>
    <definedName name="_106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3"}</definedName>
    <definedName name="_106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2"}</definedName>
    <definedName name="_106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1"}</definedName>
    <definedName name="_106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0"}</definedName>
    <definedName name="_106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9"}</definedName>
    <definedName name="_106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8"}</definedName>
    <definedName name="_106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7"}</definedName>
    <definedName name="_10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4"}</definedName>
    <definedName name="_106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6"}</definedName>
    <definedName name="_106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5"}</definedName>
    <definedName name="_106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4"}</definedName>
    <definedName name="_106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3"}</definedName>
    <definedName name="_106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2"}</definedName>
    <definedName name="_106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1"}</definedName>
    <definedName name="_106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0"}</definedName>
    <definedName name="_106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9"}</definedName>
    <definedName name="_106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8"}</definedName>
    <definedName name="_106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7"}</definedName>
    <definedName name="_1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2"}</definedName>
    <definedName name="_10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3"}</definedName>
    <definedName name="_107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6"}</definedName>
    <definedName name="_107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5"}</definedName>
    <definedName name="_107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4"}</definedName>
    <definedName name="_107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3"}</definedName>
    <definedName name="_107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2"}</definedName>
    <definedName name="_107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1"}</definedName>
    <definedName name="_107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0"}</definedName>
    <definedName name="_107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9"}</definedName>
    <definedName name="_107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8"}</definedName>
    <definedName name="_107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7"}</definedName>
    <definedName name="_10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2"}</definedName>
    <definedName name="_107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6"}</definedName>
    <definedName name="_107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5"}</definedName>
    <definedName name="_107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4"}</definedName>
    <definedName name="_107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3"}</definedName>
    <definedName name="_107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2"}</definedName>
    <definedName name="_107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1"}</definedName>
    <definedName name="_107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0"}</definedName>
    <definedName name="_107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9"}</definedName>
    <definedName name="_107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8"}</definedName>
    <definedName name="_107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7"}</definedName>
    <definedName name="_10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1"}</definedName>
    <definedName name="_107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6"}</definedName>
    <definedName name="_107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5"}</definedName>
    <definedName name="_107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4"}</definedName>
    <definedName name="_107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3"}</definedName>
    <definedName name="_107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2"}</definedName>
    <definedName name="_107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1"}</definedName>
    <definedName name="_107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0"}</definedName>
    <definedName name="_107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9"}</definedName>
    <definedName name="_107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8"}</definedName>
    <definedName name="_107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7"}</definedName>
    <definedName name="_10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0"}</definedName>
    <definedName name="_107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6"}</definedName>
    <definedName name="_107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5"}</definedName>
    <definedName name="_107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4"}</definedName>
    <definedName name="_107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3"}</definedName>
    <definedName name="_107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2"}</definedName>
    <definedName name="_107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1"}</definedName>
    <definedName name="_107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0"}</definedName>
    <definedName name="_107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9"}</definedName>
    <definedName name="_107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8"}</definedName>
    <definedName name="_107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7"}</definedName>
    <definedName name="_10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9"}</definedName>
    <definedName name="_107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6"}</definedName>
    <definedName name="_107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5"}</definedName>
    <definedName name="_107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4"}</definedName>
    <definedName name="_107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3"}</definedName>
    <definedName name="_107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2"}</definedName>
    <definedName name="_107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1"}</definedName>
    <definedName name="_107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0"}</definedName>
    <definedName name="_107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9"}</definedName>
    <definedName name="_107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8"}</definedName>
    <definedName name="_107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7"}</definedName>
    <definedName name="_10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8"}</definedName>
    <definedName name="_107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6"}</definedName>
    <definedName name="_107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5"}</definedName>
    <definedName name="_107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4"}</definedName>
    <definedName name="_107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3"}</definedName>
    <definedName name="_107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2"}</definedName>
    <definedName name="_107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1"}</definedName>
    <definedName name="_107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0"}</definedName>
    <definedName name="_107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9"}</definedName>
    <definedName name="_107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8"}</definedName>
    <definedName name="_107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7"}</definedName>
    <definedName name="_10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7"}</definedName>
    <definedName name="_107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6"}</definedName>
    <definedName name="_107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5"}</definedName>
    <definedName name="_107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4"}</definedName>
    <definedName name="_107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3"}</definedName>
    <definedName name="_107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2"}</definedName>
    <definedName name="_107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1"}</definedName>
    <definedName name="_107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0"}</definedName>
    <definedName name="_107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9"}</definedName>
    <definedName name="_107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8"}</definedName>
    <definedName name="_107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7"}</definedName>
    <definedName name="_10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6"}</definedName>
    <definedName name="_107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6"}</definedName>
    <definedName name="_107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5"}</definedName>
    <definedName name="_107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4"}</definedName>
    <definedName name="_107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3"}</definedName>
    <definedName name="_107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2"}</definedName>
    <definedName name="_107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1"}</definedName>
    <definedName name="_107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0"}</definedName>
    <definedName name="_107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9"}</definedName>
    <definedName name="_107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8"}</definedName>
    <definedName name="_107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7"}</definedName>
    <definedName name="_10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5"}</definedName>
    <definedName name="_107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6"}</definedName>
    <definedName name="_107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5"}</definedName>
    <definedName name="_107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4"}</definedName>
    <definedName name="_107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3"}</definedName>
    <definedName name="_107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2"}</definedName>
    <definedName name="_107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1"}</definedName>
    <definedName name="_107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0"}</definedName>
    <definedName name="_107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9"}</definedName>
    <definedName name="_107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8"}</definedName>
    <definedName name="_107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7"}</definedName>
    <definedName name="_10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4"}</definedName>
    <definedName name="_107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6"}</definedName>
    <definedName name="_107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5"}</definedName>
    <definedName name="_107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4"}</definedName>
    <definedName name="_107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3"}</definedName>
    <definedName name="_107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2"}</definedName>
    <definedName name="_107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1"}</definedName>
    <definedName name="_107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0"}</definedName>
    <definedName name="_107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9"}</definedName>
    <definedName name="_107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8"}</definedName>
    <definedName name="_107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7"}</definedName>
    <definedName name="_1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1"}</definedName>
    <definedName name="_10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3"}</definedName>
    <definedName name="_108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6"}</definedName>
    <definedName name="_108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5"}</definedName>
    <definedName name="_108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4"}</definedName>
    <definedName name="_108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3"}</definedName>
    <definedName name="_108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2"}</definedName>
    <definedName name="_108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1"}</definedName>
    <definedName name="_108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0"}</definedName>
    <definedName name="_108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9"}</definedName>
    <definedName name="_108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8"}</definedName>
    <definedName name="_108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7"}</definedName>
    <definedName name="_10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2"}</definedName>
    <definedName name="_108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6"}</definedName>
    <definedName name="_108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5"}</definedName>
    <definedName name="_108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4"}</definedName>
    <definedName name="_108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3"}</definedName>
    <definedName name="_108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2"}</definedName>
    <definedName name="_108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1"}</definedName>
    <definedName name="_108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0"}</definedName>
    <definedName name="_108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9"}</definedName>
    <definedName name="_108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8"}</definedName>
    <definedName name="_108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7"}</definedName>
    <definedName name="_10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1"}</definedName>
    <definedName name="_108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6"}</definedName>
    <definedName name="_108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5"}</definedName>
    <definedName name="_108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4"}</definedName>
    <definedName name="_108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3"}</definedName>
    <definedName name="_108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2"}</definedName>
    <definedName name="_108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1"}</definedName>
    <definedName name="_108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0"}</definedName>
    <definedName name="_108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9"}</definedName>
    <definedName name="_108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8"}</definedName>
    <definedName name="_108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7"}</definedName>
    <definedName name="_10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0"}</definedName>
    <definedName name="_108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6"}</definedName>
    <definedName name="_108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5"}</definedName>
    <definedName name="_108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4"}</definedName>
    <definedName name="_108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3"}</definedName>
    <definedName name="_108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2"}</definedName>
    <definedName name="_108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1"}</definedName>
    <definedName name="_108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0"}</definedName>
    <definedName name="_108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9"}</definedName>
    <definedName name="_108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8"}</definedName>
    <definedName name="_108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7"}</definedName>
    <definedName name="_10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9"}</definedName>
    <definedName name="_108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6"}</definedName>
    <definedName name="_108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5"}</definedName>
    <definedName name="_108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4"}</definedName>
    <definedName name="_108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3"}</definedName>
    <definedName name="_108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2"}</definedName>
    <definedName name="_108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1"}</definedName>
    <definedName name="_108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0"}</definedName>
    <definedName name="_108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9"}</definedName>
    <definedName name="_108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8"}</definedName>
    <definedName name="_108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7"}</definedName>
    <definedName name="_10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8"}</definedName>
    <definedName name="_108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6"}</definedName>
    <definedName name="_108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5"}</definedName>
    <definedName name="_108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4"}</definedName>
    <definedName name="_108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3"}</definedName>
    <definedName name="_108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2"}</definedName>
    <definedName name="_108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1"}</definedName>
    <definedName name="_108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0"}</definedName>
    <definedName name="_108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9"}</definedName>
    <definedName name="_108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8"}</definedName>
    <definedName name="_108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7"}</definedName>
    <definedName name="_10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7"}</definedName>
    <definedName name="_108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6"}</definedName>
    <definedName name="_108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5"}</definedName>
    <definedName name="_108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4"}</definedName>
    <definedName name="_108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3"}</definedName>
    <definedName name="_108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2"}</definedName>
    <definedName name="_108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1"}</definedName>
    <definedName name="_108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0"}</definedName>
    <definedName name="_108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9"}</definedName>
    <definedName name="_108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8"}</definedName>
    <definedName name="_108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7"}</definedName>
    <definedName name="_10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6"}</definedName>
    <definedName name="_108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6"}</definedName>
    <definedName name="_108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5"}</definedName>
    <definedName name="_108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4"}</definedName>
    <definedName name="_108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3"}</definedName>
    <definedName name="_108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2"}</definedName>
    <definedName name="_108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1"}</definedName>
    <definedName name="_108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0"}</definedName>
    <definedName name="_108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9"}</definedName>
    <definedName name="_108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8"}</definedName>
    <definedName name="_108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7"}</definedName>
    <definedName name="_10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5"}</definedName>
    <definedName name="_108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6"}</definedName>
    <definedName name="_108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5"}</definedName>
    <definedName name="_108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4"}</definedName>
    <definedName name="_108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3"}</definedName>
    <definedName name="_108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2"}</definedName>
    <definedName name="_108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1"}</definedName>
    <definedName name="_108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0"}</definedName>
    <definedName name="_108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9"}</definedName>
    <definedName name="_108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8"}</definedName>
    <definedName name="_108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7"}</definedName>
    <definedName name="_10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4"}</definedName>
    <definedName name="_108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6"}</definedName>
    <definedName name="_108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5"}</definedName>
    <definedName name="_108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4"}</definedName>
    <definedName name="_108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3"}</definedName>
    <definedName name="_108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2"}</definedName>
    <definedName name="_108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1"}</definedName>
    <definedName name="_108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0"}</definedName>
    <definedName name="_108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9"}</definedName>
    <definedName name="_108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8"}</definedName>
    <definedName name="_108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7"}</definedName>
    <definedName name="_1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0"}</definedName>
    <definedName name="_10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3"}</definedName>
    <definedName name="_109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6"}</definedName>
    <definedName name="_109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5"}</definedName>
    <definedName name="_109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4"}</definedName>
    <definedName name="_109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3"}</definedName>
    <definedName name="_109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2"}</definedName>
    <definedName name="_109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1"}</definedName>
    <definedName name="_109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0"}</definedName>
    <definedName name="_109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9"}</definedName>
    <definedName name="_109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8"}</definedName>
    <definedName name="_109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7"}</definedName>
    <definedName name="_10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2"}</definedName>
    <definedName name="_109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6"}</definedName>
    <definedName name="_109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5"}</definedName>
    <definedName name="_109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4"}</definedName>
    <definedName name="_109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3"}</definedName>
    <definedName name="_109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2"}</definedName>
    <definedName name="_109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1"}</definedName>
    <definedName name="_109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0"}</definedName>
    <definedName name="_109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9"}</definedName>
    <definedName name="_109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8"}</definedName>
    <definedName name="_109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7"}</definedName>
    <definedName name="_10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1"}</definedName>
    <definedName name="_109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6"}</definedName>
    <definedName name="_109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5"}</definedName>
    <definedName name="_109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4"}</definedName>
    <definedName name="_109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3"}</definedName>
    <definedName name="_109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2"}</definedName>
    <definedName name="_109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1"}</definedName>
    <definedName name="_109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0"}</definedName>
    <definedName name="_109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9"}</definedName>
    <definedName name="_109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8"}</definedName>
    <definedName name="_109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7"}</definedName>
    <definedName name="_10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0"}</definedName>
    <definedName name="_109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6"}</definedName>
    <definedName name="_109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5"}</definedName>
    <definedName name="_109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4"}</definedName>
    <definedName name="_109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3"}</definedName>
    <definedName name="_109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2"}</definedName>
    <definedName name="_109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1"}</definedName>
    <definedName name="_109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0"}</definedName>
    <definedName name="_109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9"}</definedName>
    <definedName name="_109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8"}</definedName>
    <definedName name="_109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7"}</definedName>
    <definedName name="_10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9"}</definedName>
    <definedName name="_109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6"}</definedName>
    <definedName name="_109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5"}</definedName>
    <definedName name="_109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4"}</definedName>
    <definedName name="_109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3"}</definedName>
    <definedName name="_109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2"}</definedName>
    <definedName name="_109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1"}</definedName>
    <definedName name="_109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0"}</definedName>
    <definedName name="_109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9"}</definedName>
    <definedName name="_109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8"}</definedName>
    <definedName name="_109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7"}</definedName>
    <definedName name="_10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8"}</definedName>
    <definedName name="_109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6"}</definedName>
    <definedName name="_109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5"}</definedName>
    <definedName name="_109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4"}</definedName>
    <definedName name="_109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3"}</definedName>
    <definedName name="_109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2"}</definedName>
    <definedName name="_109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1"}</definedName>
    <definedName name="_109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0"}</definedName>
    <definedName name="_109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9"}</definedName>
    <definedName name="_109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8"}</definedName>
    <definedName name="_109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7"}</definedName>
    <definedName name="_10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7"}</definedName>
    <definedName name="_109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6"}</definedName>
    <definedName name="_109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5"}</definedName>
    <definedName name="_109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4"}</definedName>
    <definedName name="_109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3"}</definedName>
    <definedName name="_109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2"}</definedName>
    <definedName name="_109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1"}</definedName>
    <definedName name="_109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0"}</definedName>
    <definedName name="_109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9"}</definedName>
    <definedName name="_109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8"}</definedName>
    <definedName name="_109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7"}</definedName>
    <definedName name="_10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6"}</definedName>
    <definedName name="_109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6"}</definedName>
    <definedName name="_109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5"}</definedName>
    <definedName name="_109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4"}</definedName>
    <definedName name="_109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3"}</definedName>
    <definedName name="_109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2"}</definedName>
    <definedName name="_109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1"}</definedName>
    <definedName name="_109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0"}</definedName>
    <definedName name="_109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9"}</definedName>
    <definedName name="_109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8"}</definedName>
    <definedName name="_109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7"}</definedName>
    <definedName name="_10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5"}</definedName>
    <definedName name="_109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6"}</definedName>
    <definedName name="_109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5"}</definedName>
    <definedName name="_109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4"}</definedName>
    <definedName name="_109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3"}</definedName>
    <definedName name="_109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2"}</definedName>
    <definedName name="_109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1"}</definedName>
    <definedName name="_109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0"}</definedName>
    <definedName name="_109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9"}</definedName>
    <definedName name="_109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8"}</definedName>
    <definedName name="_109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7"}</definedName>
    <definedName name="_10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4"}</definedName>
    <definedName name="_109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6"}</definedName>
    <definedName name="_109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5"}</definedName>
    <definedName name="_109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4"}</definedName>
    <definedName name="_109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3"}</definedName>
    <definedName name="_109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2"}</definedName>
    <definedName name="_109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1"}</definedName>
    <definedName name="_109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0"}</definedName>
    <definedName name="_109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9"}</definedName>
    <definedName name="_109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8"}</definedName>
    <definedName name="_109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7"}</definedName>
    <definedName name="_11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0"}</definedName>
    <definedName name="_1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9"}</definedName>
    <definedName name="_11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3"}</definedName>
    <definedName name="_110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6"}</definedName>
    <definedName name="_110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5"}</definedName>
    <definedName name="_110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4"}</definedName>
    <definedName name="_110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3"}</definedName>
    <definedName name="_110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2"}</definedName>
    <definedName name="_110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1"}</definedName>
    <definedName name="_110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0"}</definedName>
    <definedName name="_110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9"}</definedName>
    <definedName name="_110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8"}</definedName>
    <definedName name="_110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7"}</definedName>
    <definedName name="_11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2"}</definedName>
    <definedName name="_110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6"}</definedName>
    <definedName name="_110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5"}</definedName>
    <definedName name="_110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4"}</definedName>
    <definedName name="_110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3"}</definedName>
    <definedName name="_110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2"}</definedName>
    <definedName name="_110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1"}</definedName>
    <definedName name="_110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0"}</definedName>
    <definedName name="_110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9"}</definedName>
    <definedName name="_110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8"}</definedName>
    <definedName name="_110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7"}</definedName>
    <definedName name="_11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1"}</definedName>
    <definedName name="_110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6"}</definedName>
    <definedName name="_110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5"}</definedName>
    <definedName name="_110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4"}</definedName>
    <definedName name="_110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3"}</definedName>
    <definedName name="_110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2"}</definedName>
    <definedName name="_110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1"}</definedName>
    <definedName name="_110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0"}</definedName>
    <definedName name="_110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9"}</definedName>
    <definedName name="_110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8"}</definedName>
    <definedName name="_110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7"}</definedName>
    <definedName name="_11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0"}</definedName>
    <definedName name="_110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6"}</definedName>
    <definedName name="_110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5"}</definedName>
    <definedName name="_110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4"}</definedName>
    <definedName name="_110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3"}</definedName>
    <definedName name="_110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2"}</definedName>
    <definedName name="_110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1"}</definedName>
    <definedName name="_110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definedName>
    <definedName name="_110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definedName>
    <definedName name="_110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definedName>
    <definedName name="_110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definedName>
    <definedName name="_11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9"}</definedName>
    <definedName name="_110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definedName>
    <definedName name="_110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definedName>
    <definedName name="_110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definedName>
    <definedName name="_110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definedName>
    <definedName name="_110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definedName>
    <definedName name="_110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definedName>
    <definedName name="_110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definedName>
    <definedName name="_110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definedName>
    <definedName name="_110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definedName>
    <definedName name="_110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definedName>
    <definedName name="_11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8"}</definedName>
    <definedName name="_110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definedName>
    <definedName name="_110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definedName>
    <definedName name="_110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definedName>
    <definedName name="_110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definedName>
    <definedName name="_110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definedName>
    <definedName name="_110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definedName>
    <definedName name="_110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definedName>
    <definedName name="_110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definedName>
    <definedName name="_110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definedName>
    <definedName name="_110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definedName>
    <definedName name="_11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7"}</definedName>
    <definedName name="_110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definedName>
    <definedName name="_110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definedName>
    <definedName name="_110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definedName>
    <definedName name="_110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definedName>
    <definedName name="_110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definedName>
    <definedName name="_110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definedName>
    <definedName name="_110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definedName>
    <definedName name="_110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definedName>
    <definedName name="_110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definedName>
    <definedName name="_110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definedName>
    <definedName name="_11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6"}</definedName>
    <definedName name="_110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definedName>
    <definedName name="_110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definedName>
    <definedName name="_110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definedName>
    <definedName name="_110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definedName>
    <definedName name="_110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definedName>
    <definedName name="_110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definedName>
    <definedName name="_110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definedName>
    <definedName name="_110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definedName>
    <definedName name="_110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definedName>
    <definedName name="_110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definedName>
    <definedName name="_11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5"}</definedName>
    <definedName name="_110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definedName>
    <definedName name="_110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definedName>
    <definedName name="_110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definedName>
    <definedName name="_110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definedName>
    <definedName name="_110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definedName>
    <definedName name="_110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definedName>
    <definedName name="_11086__FDSAUDITLINK__" hidden="1">{"fdsup://directions/FAT Viewer?action=UPDATE&amp;creator=factset&amp;DYN_ARGS=TRUE&amp;DOC_NAME=FAT:FQL_AUDITING_CLIENT_TEMPLATE.FAT&amp;display_string=Audit&amp;VAR:KEY=HYFETMXCDY&amp;VAR:QUERY=RkZfRU5UUlBSX1ZBTF9EQUlMWSgtMkFZLDQxMTcyLEQsLCwnRElMJyk=&amp;WINDOW=FIRST_POPUP&amp;HEIGHT=45","0&amp;WIDTH=450&amp;START_MAXIMIZED=FALSE&amp;VAR:CALENDAR=US&amp;VAR:SYMBOL=203699&amp;VAR:INDEX=507"}</definedName>
    <definedName name="_110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6"}</definedName>
    <definedName name="_110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5"}</definedName>
    <definedName name="_110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4"}</definedName>
    <definedName name="_11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4"}</definedName>
    <definedName name="_110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3"}</definedName>
    <definedName name="_110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2"}</definedName>
    <definedName name="_110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1"}</definedName>
    <definedName name="_110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0"}</definedName>
    <definedName name="_110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9"}</definedName>
    <definedName name="_110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8"}</definedName>
    <definedName name="_110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7"}</definedName>
    <definedName name="_110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6"}</definedName>
    <definedName name="_110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5"}</definedName>
    <definedName name="_110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4"}</definedName>
    <definedName name="_1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8"}</definedName>
    <definedName name="_11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3"}</definedName>
    <definedName name="_111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3"}</definedName>
    <definedName name="_111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2"}</definedName>
    <definedName name="_111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1"}</definedName>
    <definedName name="_111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0"}</definedName>
    <definedName name="_111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9"}</definedName>
    <definedName name="_111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8"}</definedName>
    <definedName name="_111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7"}</definedName>
    <definedName name="_111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6"}</definedName>
    <definedName name="_111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5"}</definedName>
    <definedName name="_111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4"}</definedName>
    <definedName name="_11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2"}</definedName>
    <definedName name="_111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3"}</definedName>
    <definedName name="_111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2"}</definedName>
    <definedName name="_111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1"}</definedName>
    <definedName name="_111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0"}</definedName>
    <definedName name="_111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9"}</definedName>
    <definedName name="_111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8"}</definedName>
    <definedName name="_111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7"}</definedName>
    <definedName name="_111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6"}</definedName>
    <definedName name="_111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5"}</definedName>
    <definedName name="_111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4"}</definedName>
    <definedName name="_11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1"}</definedName>
    <definedName name="_111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3"}</definedName>
    <definedName name="_111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2"}</definedName>
    <definedName name="_111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1"}</definedName>
    <definedName name="_111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0"}</definedName>
    <definedName name="_111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9"}</definedName>
    <definedName name="_111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8"}</definedName>
    <definedName name="_111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7"}</definedName>
    <definedName name="_111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6"}</definedName>
    <definedName name="_111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5"}</definedName>
    <definedName name="_111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4"}</definedName>
    <definedName name="_11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0"}</definedName>
    <definedName name="_111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3"}</definedName>
    <definedName name="_111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2"}</definedName>
    <definedName name="_111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1"}</definedName>
    <definedName name="_111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0"}</definedName>
    <definedName name="_111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9"}</definedName>
    <definedName name="_111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8"}</definedName>
    <definedName name="_111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7"}</definedName>
    <definedName name="_111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6"}</definedName>
    <definedName name="_111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5"}</definedName>
    <definedName name="_111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4"}</definedName>
    <definedName name="_11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9"}</definedName>
    <definedName name="_111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3"}</definedName>
    <definedName name="_111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2"}</definedName>
    <definedName name="_111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1"}</definedName>
    <definedName name="_111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0"}</definedName>
    <definedName name="_111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9"}</definedName>
    <definedName name="_111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8"}</definedName>
    <definedName name="_111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7"}</definedName>
    <definedName name="_111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6"}</definedName>
    <definedName name="_111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5"}</definedName>
    <definedName name="_111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4"}</definedName>
    <definedName name="_11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8"}</definedName>
    <definedName name="_111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3"}</definedName>
    <definedName name="_111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2"}</definedName>
    <definedName name="_111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1"}</definedName>
    <definedName name="_111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0"}</definedName>
    <definedName name="_111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9"}</definedName>
    <definedName name="_111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8"}</definedName>
    <definedName name="_111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7"}</definedName>
    <definedName name="_111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6"}</definedName>
    <definedName name="_111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5"}</definedName>
    <definedName name="_111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4"}</definedName>
    <definedName name="_11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7"}</definedName>
    <definedName name="_111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3"}</definedName>
    <definedName name="_111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2"}</definedName>
    <definedName name="_111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1"}</definedName>
    <definedName name="_111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0"}</definedName>
    <definedName name="_111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9"}</definedName>
    <definedName name="_111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8"}</definedName>
    <definedName name="_111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7"}</definedName>
    <definedName name="_111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6"}</definedName>
    <definedName name="_111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5"}</definedName>
    <definedName name="_111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4"}</definedName>
    <definedName name="_11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6"}</definedName>
    <definedName name="_111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3"}</definedName>
    <definedName name="_111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2"}</definedName>
    <definedName name="_111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1"}</definedName>
    <definedName name="_111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0"}</definedName>
    <definedName name="_111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9"}</definedName>
    <definedName name="_111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8"}</definedName>
    <definedName name="_111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7"}</definedName>
    <definedName name="_111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6"}</definedName>
    <definedName name="_111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5"}</definedName>
    <definedName name="_111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4"}</definedName>
    <definedName name="_11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5"}</definedName>
    <definedName name="_111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3"}</definedName>
    <definedName name="_111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2"}</definedName>
    <definedName name="_111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1"}</definedName>
    <definedName name="_111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0"}</definedName>
    <definedName name="_111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9"}</definedName>
    <definedName name="_111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8"}</definedName>
    <definedName name="_111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7"}</definedName>
    <definedName name="_111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6"}</definedName>
    <definedName name="_111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5"}</definedName>
    <definedName name="_111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4"}</definedName>
    <definedName name="_11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4"}</definedName>
    <definedName name="_111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3"}</definedName>
    <definedName name="_111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2"}</definedName>
    <definedName name="_111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1"}</definedName>
    <definedName name="_111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0"}</definedName>
    <definedName name="_111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9"}</definedName>
    <definedName name="_111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8"}</definedName>
    <definedName name="_111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7"}</definedName>
    <definedName name="_111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6"}</definedName>
    <definedName name="_111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5"}</definedName>
    <definedName name="_111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4"}</definedName>
    <definedName name="_1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7"}</definedName>
    <definedName name="_11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3"}</definedName>
    <definedName name="_112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3"}</definedName>
    <definedName name="_112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2"}</definedName>
    <definedName name="_112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1"}</definedName>
    <definedName name="_112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0"}</definedName>
    <definedName name="_112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9"}</definedName>
    <definedName name="_112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8"}</definedName>
    <definedName name="_112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7"}</definedName>
    <definedName name="_112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6"}</definedName>
    <definedName name="_112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5"}</definedName>
    <definedName name="_112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4"}</definedName>
    <definedName name="_11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2"}</definedName>
    <definedName name="_112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3"}</definedName>
    <definedName name="_112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2"}</definedName>
    <definedName name="_112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1"}</definedName>
    <definedName name="_112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0"}</definedName>
    <definedName name="_112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9"}</definedName>
    <definedName name="_112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8"}</definedName>
    <definedName name="_112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7"}</definedName>
    <definedName name="_112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6"}</definedName>
    <definedName name="_112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5"}</definedName>
    <definedName name="_112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4"}</definedName>
    <definedName name="_11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1"}</definedName>
    <definedName name="_112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3"}</definedName>
    <definedName name="_112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2"}</definedName>
    <definedName name="_112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1"}</definedName>
    <definedName name="_112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0"}</definedName>
    <definedName name="_112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9"}</definedName>
    <definedName name="_112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8"}</definedName>
    <definedName name="_112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7"}</definedName>
    <definedName name="_112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6"}</definedName>
    <definedName name="_112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5"}</definedName>
    <definedName name="_112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4"}</definedName>
    <definedName name="_11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0"}</definedName>
    <definedName name="_112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3"}</definedName>
    <definedName name="_112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2"}</definedName>
    <definedName name="_112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1"}</definedName>
    <definedName name="_112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0"}</definedName>
    <definedName name="_112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9"}</definedName>
    <definedName name="_112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8"}</definedName>
    <definedName name="_112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7"}</definedName>
    <definedName name="_112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6"}</definedName>
    <definedName name="_112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5"}</definedName>
    <definedName name="_112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4"}</definedName>
    <definedName name="_11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9"}</definedName>
    <definedName name="_112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3"}</definedName>
    <definedName name="_112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2"}</definedName>
    <definedName name="_112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1"}</definedName>
    <definedName name="_112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0"}</definedName>
    <definedName name="_112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9"}</definedName>
    <definedName name="_112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8"}</definedName>
    <definedName name="_112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7"}</definedName>
    <definedName name="_112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6"}</definedName>
    <definedName name="_112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5"}</definedName>
    <definedName name="_112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4"}</definedName>
    <definedName name="_11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8"}</definedName>
    <definedName name="_112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3"}</definedName>
    <definedName name="_112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2"}</definedName>
    <definedName name="_112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1"}</definedName>
    <definedName name="_112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0"}</definedName>
    <definedName name="_112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9"}</definedName>
    <definedName name="_112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8"}</definedName>
    <definedName name="_112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7"}</definedName>
    <definedName name="_112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6"}</definedName>
    <definedName name="_112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5"}</definedName>
    <definedName name="_112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4"}</definedName>
    <definedName name="_11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7"}</definedName>
    <definedName name="_112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3"}</definedName>
    <definedName name="_112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2"}</definedName>
    <definedName name="_112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1"}</definedName>
    <definedName name="_112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0"}</definedName>
    <definedName name="_112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9"}</definedName>
    <definedName name="_112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8"}</definedName>
    <definedName name="_112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7"}</definedName>
    <definedName name="_112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6"}</definedName>
    <definedName name="_112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5"}</definedName>
    <definedName name="_112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4"}</definedName>
    <definedName name="_11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6"}</definedName>
    <definedName name="_112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3"}</definedName>
    <definedName name="_112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2"}</definedName>
    <definedName name="_112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1"}</definedName>
    <definedName name="_112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0"}</definedName>
    <definedName name="_112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9"}</definedName>
    <definedName name="_112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8"}</definedName>
    <definedName name="_112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7"}</definedName>
    <definedName name="_112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6"}</definedName>
    <definedName name="_112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5"}</definedName>
    <definedName name="_112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4"}</definedName>
    <definedName name="_11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5"}</definedName>
    <definedName name="_112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3"}</definedName>
    <definedName name="_112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2"}</definedName>
    <definedName name="_112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1"}</definedName>
    <definedName name="_112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0"}</definedName>
    <definedName name="_112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9"}</definedName>
    <definedName name="_112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8"}</definedName>
    <definedName name="_112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7"}</definedName>
    <definedName name="_112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6"}</definedName>
    <definedName name="_112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5"}</definedName>
    <definedName name="_112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4"}</definedName>
    <definedName name="_11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4"}</definedName>
    <definedName name="_112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3"}</definedName>
    <definedName name="_112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2"}</definedName>
    <definedName name="_112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1"}</definedName>
    <definedName name="_112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0"}</definedName>
    <definedName name="_112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9"}</definedName>
    <definedName name="_112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8"}</definedName>
    <definedName name="_112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7"}</definedName>
    <definedName name="_112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6"}</definedName>
    <definedName name="_112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5"}</definedName>
    <definedName name="_112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4"}</definedName>
    <definedName name="_1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6"}</definedName>
    <definedName name="_11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3"}</definedName>
    <definedName name="_113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3"}</definedName>
    <definedName name="_113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2"}</definedName>
    <definedName name="_113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1"}</definedName>
    <definedName name="_113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0"}</definedName>
    <definedName name="_113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9"}</definedName>
    <definedName name="_113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8"}</definedName>
    <definedName name="_113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7"}</definedName>
    <definedName name="_113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6"}</definedName>
    <definedName name="_113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5"}</definedName>
    <definedName name="_113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4"}</definedName>
    <definedName name="_11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2"}</definedName>
    <definedName name="_113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3"}</definedName>
    <definedName name="_113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2"}</definedName>
    <definedName name="_113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1"}</definedName>
    <definedName name="_113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0"}</definedName>
    <definedName name="_113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9"}</definedName>
    <definedName name="_113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8"}</definedName>
    <definedName name="_113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7"}</definedName>
    <definedName name="_113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6"}</definedName>
    <definedName name="_113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5"}</definedName>
    <definedName name="_113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4"}</definedName>
    <definedName name="_11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1"}</definedName>
    <definedName name="_113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3"}</definedName>
    <definedName name="_113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2"}</definedName>
    <definedName name="_113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1"}</definedName>
    <definedName name="_113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0"}</definedName>
    <definedName name="_113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9"}</definedName>
    <definedName name="_113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8"}</definedName>
    <definedName name="_113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7"}</definedName>
    <definedName name="_113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6"}</definedName>
    <definedName name="_113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5"}</definedName>
    <definedName name="_113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4"}</definedName>
    <definedName name="_11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0"}</definedName>
    <definedName name="_113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3"}</definedName>
    <definedName name="_113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2"}</definedName>
    <definedName name="_113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1"}</definedName>
    <definedName name="_113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0"}</definedName>
    <definedName name="_113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9"}</definedName>
    <definedName name="_113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8"}</definedName>
    <definedName name="_113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7"}</definedName>
    <definedName name="_113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6"}</definedName>
    <definedName name="_113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5"}</definedName>
    <definedName name="_113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4"}</definedName>
    <definedName name="_11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9"}</definedName>
    <definedName name="_113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3"}</definedName>
    <definedName name="_113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2"}</definedName>
    <definedName name="_113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1"}</definedName>
    <definedName name="_113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0"}</definedName>
    <definedName name="_113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9"}</definedName>
    <definedName name="_113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8"}</definedName>
    <definedName name="_113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7"}</definedName>
    <definedName name="_113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6"}</definedName>
    <definedName name="_113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5"}</definedName>
    <definedName name="_113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4"}</definedName>
    <definedName name="_11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8"}</definedName>
    <definedName name="_113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3"}</definedName>
    <definedName name="_113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2"}</definedName>
    <definedName name="_113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1"}</definedName>
    <definedName name="_113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0"}</definedName>
    <definedName name="_113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9"}</definedName>
    <definedName name="_113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8"}</definedName>
    <definedName name="_113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7"}</definedName>
    <definedName name="_113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6"}</definedName>
    <definedName name="_113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5"}</definedName>
    <definedName name="_113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4"}</definedName>
    <definedName name="_11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7"}</definedName>
    <definedName name="_113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3"}</definedName>
    <definedName name="_113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2"}</definedName>
    <definedName name="_113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1"}</definedName>
    <definedName name="_113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0"}</definedName>
    <definedName name="_113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9"}</definedName>
    <definedName name="_113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8"}</definedName>
    <definedName name="_113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7"}</definedName>
    <definedName name="_113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6"}</definedName>
    <definedName name="_113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5"}</definedName>
    <definedName name="_113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4"}</definedName>
    <definedName name="_11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6"}</definedName>
    <definedName name="_113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3"}</definedName>
    <definedName name="_113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2"}</definedName>
    <definedName name="_113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1"}</definedName>
    <definedName name="_113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0"}</definedName>
    <definedName name="_113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9"}</definedName>
    <definedName name="_113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8"}</definedName>
    <definedName name="_113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7"}</definedName>
    <definedName name="_113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6"}</definedName>
    <definedName name="_113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5"}</definedName>
    <definedName name="_113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4"}</definedName>
    <definedName name="_11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5"}</definedName>
    <definedName name="_113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3"}</definedName>
    <definedName name="_113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2"}</definedName>
    <definedName name="_113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1"}</definedName>
    <definedName name="_113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0"}</definedName>
    <definedName name="_113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9"}</definedName>
    <definedName name="_113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8"}</definedName>
    <definedName name="_113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7"}</definedName>
    <definedName name="_113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6"}</definedName>
    <definedName name="_113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5"}</definedName>
    <definedName name="_113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4"}</definedName>
    <definedName name="_11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4"}</definedName>
    <definedName name="_113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3"}</definedName>
    <definedName name="_113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2"}</definedName>
    <definedName name="_113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1"}</definedName>
    <definedName name="_113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0"}</definedName>
    <definedName name="_113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9"}</definedName>
    <definedName name="_113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8"}</definedName>
    <definedName name="_113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7"}</definedName>
    <definedName name="_113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6"}</definedName>
    <definedName name="_113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5"}</definedName>
    <definedName name="_113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4"}</definedName>
    <definedName name="_1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5"}</definedName>
    <definedName name="_11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3"}</definedName>
    <definedName name="_114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3"}</definedName>
    <definedName name="_114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2"}</definedName>
    <definedName name="_114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1"}</definedName>
    <definedName name="_114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0"}</definedName>
    <definedName name="_114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9"}</definedName>
    <definedName name="_114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8"}</definedName>
    <definedName name="_114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7"}</definedName>
    <definedName name="_114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6"}</definedName>
    <definedName name="_114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5"}</definedName>
    <definedName name="_114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4"}</definedName>
    <definedName name="_11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2"}</definedName>
    <definedName name="_114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3"}</definedName>
    <definedName name="_114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2"}</definedName>
    <definedName name="_114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1"}</definedName>
    <definedName name="_114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0"}</definedName>
    <definedName name="_114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9"}</definedName>
    <definedName name="_114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8"}</definedName>
    <definedName name="_114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7"}</definedName>
    <definedName name="_114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6"}</definedName>
    <definedName name="_114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5"}</definedName>
    <definedName name="_114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4"}</definedName>
    <definedName name="_11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1"}</definedName>
    <definedName name="_114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3"}</definedName>
    <definedName name="_114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2"}</definedName>
    <definedName name="_114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1"}</definedName>
    <definedName name="_114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0"}</definedName>
    <definedName name="_114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9"}</definedName>
    <definedName name="_114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8"}</definedName>
    <definedName name="_114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7"}</definedName>
    <definedName name="_114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6"}</definedName>
    <definedName name="_114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5"}</definedName>
    <definedName name="_114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4"}</definedName>
    <definedName name="_11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0"}</definedName>
    <definedName name="_114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3"}</definedName>
    <definedName name="_114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2"}</definedName>
    <definedName name="_114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1"}</definedName>
    <definedName name="_114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0"}</definedName>
    <definedName name="_114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9"}</definedName>
    <definedName name="_114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8"}</definedName>
    <definedName name="_114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7"}</definedName>
    <definedName name="_114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6"}</definedName>
    <definedName name="_114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5"}</definedName>
    <definedName name="_114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4"}</definedName>
    <definedName name="_11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9"}</definedName>
    <definedName name="_114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3"}</definedName>
    <definedName name="_114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2"}</definedName>
    <definedName name="_114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1"}</definedName>
    <definedName name="_114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0"}</definedName>
    <definedName name="_114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9"}</definedName>
    <definedName name="_114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8"}</definedName>
    <definedName name="_114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7"}</definedName>
    <definedName name="_114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6"}</definedName>
    <definedName name="_114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5"}</definedName>
    <definedName name="_114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4"}</definedName>
    <definedName name="_11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8"}</definedName>
    <definedName name="_114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3"}</definedName>
    <definedName name="_114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2"}</definedName>
    <definedName name="_114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1"}</definedName>
    <definedName name="_114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0"}</definedName>
    <definedName name="_114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9"}</definedName>
    <definedName name="_114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8"}</definedName>
    <definedName name="_114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7"}</definedName>
    <definedName name="_114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6"}</definedName>
    <definedName name="_114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5"}</definedName>
    <definedName name="_114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4"}</definedName>
    <definedName name="_11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7"}</definedName>
    <definedName name="_114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3"}</definedName>
    <definedName name="_114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2"}</definedName>
    <definedName name="_114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1"}</definedName>
    <definedName name="_114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0"}</definedName>
    <definedName name="_114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9"}</definedName>
    <definedName name="_114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8"}</definedName>
    <definedName name="_114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7"}</definedName>
    <definedName name="_114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6"}</definedName>
    <definedName name="_114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5"}</definedName>
    <definedName name="_114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4"}</definedName>
    <definedName name="_11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6"}</definedName>
    <definedName name="_114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3"}</definedName>
    <definedName name="_114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2"}</definedName>
    <definedName name="_114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1"}</definedName>
    <definedName name="_114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0"}</definedName>
    <definedName name="_114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9"}</definedName>
    <definedName name="_114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8"}</definedName>
    <definedName name="_114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7"}</definedName>
    <definedName name="_114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6"}</definedName>
    <definedName name="_114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5"}</definedName>
    <definedName name="_114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4"}</definedName>
    <definedName name="_11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5"}</definedName>
    <definedName name="_114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3"}</definedName>
    <definedName name="_114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2"}</definedName>
    <definedName name="_114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1"}</definedName>
    <definedName name="_114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0"}</definedName>
    <definedName name="_114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9"}</definedName>
    <definedName name="_114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8"}</definedName>
    <definedName name="_114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7"}</definedName>
    <definedName name="_114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6"}</definedName>
    <definedName name="_114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5"}</definedName>
    <definedName name="_114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4"}</definedName>
    <definedName name="_11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4"}</definedName>
    <definedName name="_114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3"}</definedName>
    <definedName name="_114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2"}</definedName>
    <definedName name="_114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1"}</definedName>
    <definedName name="_114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0"}</definedName>
    <definedName name="_114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9"}</definedName>
    <definedName name="_114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8"}</definedName>
    <definedName name="_114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7"}</definedName>
    <definedName name="_114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6"}</definedName>
    <definedName name="_114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5"}</definedName>
    <definedName name="_114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4"}</definedName>
    <definedName name="_1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4"}</definedName>
    <definedName name="_11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3"}</definedName>
    <definedName name="_115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3"}</definedName>
    <definedName name="_115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2"}</definedName>
    <definedName name="_115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1"}</definedName>
    <definedName name="_115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0"}</definedName>
    <definedName name="_115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9"}</definedName>
    <definedName name="_115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8"}</definedName>
    <definedName name="_115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7"}</definedName>
    <definedName name="_115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6"}</definedName>
    <definedName name="_115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5"}</definedName>
    <definedName name="_115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4"}</definedName>
    <definedName name="_11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2"}</definedName>
    <definedName name="_115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3"}</definedName>
    <definedName name="_115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2"}</definedName>
    <definedName name="_115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1"}</definedName>
    <definedName name="_115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0"}</definedName>
    <definedName name="_115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9"}</definedName>
    <definedName name="_115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8"}</definedName>
    <definedName name="_115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7"}</definedName>
    <definedName name="_115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6"}</definedName>
    <definedName name="_115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5"}</definedName>
    <definedName name="_115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4"}</definedName>
    <definedName name="_11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1"}</definedName>
    <definedName name="_115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3"}</definedName>
    <definedName name="_115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2"}</definedName>
    <definedName name="_115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1"}</definedName>
    <definedName name="_115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0"}</definedName>
    <definedName name="_115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9"}</definedName>
    <definedName name="_115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8"}</definedName>
    <definedName name="_115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7"}</definedName>
    <definedName name="_115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6"}</definedName>
    <definedName name="_115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5"}</definedName>
    <definedName name="_115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4"}</definedName>
    <definedName name="_11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0"}</definedName>
    <definedName name="_115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3"}</definedName>
    <definedName name="_115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2"}</definedName>
    <definedName name="_115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1"}</definedName>
    <definedName name="_115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0"}</definedName>
    <definedName name="_115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9"}</definedName>
    <definedName name="_115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8"}</definedName>
    <definedName name="_115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7"}</definedName>
    <definedName name="_115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6"}</definedName>
    <definedName name="_115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5"}</definedName>
    <definedName name="_115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4"}</definedName>
    <definedName name="_11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9"}</definedName>
    <definedName name="_115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3"}</definedName>
    <definedName name="_115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2"}</definedName>
    <definedName name="_115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1"}</definedName>
    <definedName name="_115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definedName>
    <definedName name="_115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definedName>
    <definedName name="_115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definedName>
    <definedName name="_115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definedName>
    <definedName name="_115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definedName>
    <definedName name="_115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definedName>
    <definedName name="_115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definedName>
    <definedName name="_11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8"}</definedName>
    <definedName name="_115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definedName>
    <definedName name="_115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definedName>
    <definedName name="_115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definedName>
    <definedName name="_115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definedName>
    <definedName name="_115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definedName>
    <definedName name="_115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definedName>
    <definedName name="_115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definedName>
    <definedName name="_115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definedName>
    <definedName name="_115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definedName>
    <definedName name="_115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definedName>
    <definedName name="_11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7"}</definedName>
    <definedName name="_115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definedName>
    <definedName name="_115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definedName>
    <definedName name="_115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definedName>
    <definedName name="_115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definedName>
    <definedName name="_115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definedName>
    <definedName name="_115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definedName>
    <definedName name="_115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definedName>
    <definedName name="_115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definedName>
    <definedName name="_115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definedName>
    <definedName name="_115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definedName>
    <definedName name="_11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6"}</definedName>
    <definedName name="_115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definedName>
    <definedName name="_115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definedName>
    <definedName name="_115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definedName>
    <definedName name="_115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definedName>
    <definedName name="_115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definedName>
    <definedName name="_115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definedName>
    <definedName name="_115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definedName>
    <definedName name="_115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definedName>
    <definedName name="_115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definedName>
    <definedName name="_115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definedName>
    <definedName name="_11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5"}</definedName>
    <definedName name="_115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definedName>
    <definedName name="_115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definedName>
    <definedName name="_115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definedName>
    <definedName name="_115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definedName>
    <definedName name="_115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definedName>
    <definedName name="_115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definedName>
    <definedName name="_115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definedName>
    <definedName name="_115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definedName>
    <definedName name="_115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definedName>
    <definedName name="_115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definedName>
    <definedName name="_11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4"}</definedName>
    <definedName name="_115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definedName>
    <definedName name="_115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definedName>
    <definedName name="_115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definedName>
    <definedName name="_115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6"}</definedName>
    <definedName name="_115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5"}</definedName>
    <definedName name="_115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4"}</definedName>
    <definedName name="_115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3"}</definedName>
    <definedName name="_115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2"}</definedName>
    <definedName name="_115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1"}</definedName>
    <definedName name="_115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0"}</definedName>
    <definedName name="_1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3"}</definedName>
    <definedName name="_11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3"}</definedName>
    <definedName name="_116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9"}</definedName>
    <definedName name="_116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8"}</definedName>
    <definedName name="_116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7"}</definedName>
    <definedName name="_116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6"}</definedName>
    <definedName name="_116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5"}</definedName>
    <definedName name="_116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4"}</definedName>
    <definedName name="_116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3"}</definedName>
    <definedName name="_116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2"}</definedName>
    <definedName name="_116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1"}</definedName>
    <definedName name="_116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0"}</definedName>
    <definedName name="_11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2"}</definedName>
    <definedName name="_116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9"}</definedName>
    <definedName name="_116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8"}</definedName>
    <definedName name="_116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7"}</definedName>
    <definedName name="_116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6"}</definedName>
    <definedName name="_116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5"}</definedName>
    <definedName name="_116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4"}</definedName>
    <definedName name="_116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3"}</definedName>
    <definedName name="_116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2"}</definedName>
    <definedName name="_116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1"}</definedName>
    <definedName name="_116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0"}</definedName>
    <definedName name="_11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1"}</definedName>
    <definedName name="_116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9"}</definedName>
    <definedName name="_116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8"}</definedName>
    <definedName name="_116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7"}</definedName>
    <definedName name="_116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6"}</definedName>
    <definedName name="_116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5"}</definedName>
    <definedName name="_116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4"}</definedName>
    <definedName name="_116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3"}</definedName>
    <definedName name="_116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2"}</definedName>
    <definedName name="_116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1"}</definedName>
    <definedName name="_116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0"}</definedName>
    <definedName name="_11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0"}</definedName>
    <definedName name="_116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9"}</definedName>
    <definedName name="_116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8"}</definedName>
    <definedName name="_116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7"}</definedName>
    <definedName name="_116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6"}</definedName>
    <definedName name="_116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5"}</definedName>
    <definedName name="_116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4"}</definedName>
    <definedName name="_116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3"}</definedName>
    <definedName name="_116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2"}</definedName>
    <definedName name="_116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1"}</definedName>
    <definedName name="_116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0"}</definedName>
    <definedName name="_11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9"}</definedName>
    <definedName name="_116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9"}</definedName>
    <definedName name="_116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8"}</definedName>
    <definedName name="_116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7"}</definedName>
    <definedName name="_116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6"}</definedName>
    <definedName name="_116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5"}</definedName>
    <definedName name="_116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4"}</definedName>
    <definedName name="_116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3"}</definedName>
    <definedName name="_116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2"}</definedName>
    <definedName name="_116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1"}</definedName>
    <definedName name="_116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0"}</definedName>
    <definedName name="_11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8"}</definedName>
    <definedName name="_116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9"}</definedName>
    <definedName name="_116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8"}</definedName>
    <definedName name="_116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7"}</definedName>
    <definedName name="_116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6"}</definedName>
    <definedName name="_116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5"}</definedName>
    <definedName name="_116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4"}</definedName>
    <definedName name="_116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3"}</definedName>
    <definedName name="_116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2"}</definedName>
    <definedName name="_116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1"}</definedName>
    <definedName name="_116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0"}</definedName>
    <definedName name="_11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7"}</definedName>
    <definedName name="_116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9"}</definedName>
    <definedName name="_116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8"}</definedName>
    <definedName name="_116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7"}</definedName>
    <definedName name="_116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6"}</definedName>
    <definedName name="_116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5"}</definedName>
    <definedName name="_116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4"}</definedName>
    <definedName name="_116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3"}</definedName>
    <definedName name="_116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2"}</definedName>
    <definedName name="_116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1"}</definedName>
    <definedName name="_116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0"}</definedName>
    <definedName name="_11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6"}</definedName>
    <definedName name="_116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9"}</definedName>
    <definedName name="_116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8"}</definedName>
    <definedName name="_116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7"}</definedName>
    <definedName name="_116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6"}</definedName>
    <definedName name="_116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5"}</definedName>
    <definedName name="_116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4"}</definedName>
    <definedName name="_116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3"}</definedName>
    <definedName name="_116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2"}</definedName>
    <definedName name="_116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1"}</definedName>
    <definedName name="_116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0"}</definedName>
    <definedName name="_11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5"}</definedName>
    <definedName name="_116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9"}</definedName>
    <definedName name="_116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8"}</definedName>
    <definedName name="_116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7"}</definedName>
    <definedName name="_116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6"}</definedName>
    <definedName name="_116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5"}</definedName>
    <definedName name="_116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4"}</definedName>
    <definedName name="_116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3"}</definedName>
    <definedName name="_116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2"}</definedName>
    <definedName name="_116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1"}</definedName>
    <definedName name="_116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0"}</definedName>
    <definedName name="_11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4"}</definedName>
    <definedName name="_116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9"}</definedName>
    <definedName name="_116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8"}</definedName>
    <definedName name="_116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7"}</definedName>
    <definedName name="_116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6"}</definedName>
    <definedName name="_116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5"}</definedName>
    <definedName name="_116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4"}</definedName>
    <definedName name="_116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3"}</definedName>
    <definedName name="_116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2"}</definedName>
    <definedName name="_116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1"}</definedName>
    <definedName name="_116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0"}</definedName>
    <definedName name="_1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2"}</definedName>
    <definedName name="_11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3"}</definedName>
    <definedName name="_117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9"}</definedName>
    <definedName name="_117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8"}</definedName>
    <definedName name="_117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7"}</definedName>
    <definedName name="_117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6"}</definedName>
    <definedName name="_117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5"}</definedName>
    <definedName name="_117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4"}</definedName>
    <definedName name="_117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3"}</definedName>
    <definedName name="_117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2"}</definedName>
    <definedName name="_117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1"}</definedName>
    <definedName name="_117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0"}</definedName>
    <definedName name="_11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2"}</definedName>
    <definedName name="_117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9"}</definedName>
    <definedName name="_117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8"}</definedName>
    <definedName name="_117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7"}</definedName>
    <definedName name="_117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6"}</definedName>
    <definedName name="_117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5"}</definedName>
    <definedName name="_117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4"}</definedName>
    <definedName name="_117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3"}</definedName>
    <definedName name="_117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2"}</definedName>
    <definedName name="_117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1"}</definedName>
    <definedName name="_117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0"}</definedName>
    <definedName name="_11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1"}</definedName>
    <definedName name="_117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9"}</definedName>
    <definedName name="_117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8"}</definedName>
    <definedName name="_117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7"}</definedName>
    <definedName name="_117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6"}</definedName>
    <definedName name="_117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5"}</definedName>
    <definedName name="_117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4"}</definedName>
    <definedName name="_117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3"}</definedName>
    <definedName name="_117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2"}</definedName>
    <definedName name="_117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1"}</definedName>
    <definedName name="_117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0"}</definedName>
    <definedName name="_11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0"}</definedName>
    <definedName name="_117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9"}</definedName>
    <definedName name="_117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8"}</definedName>
    <definedName name="_117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7"}</definedName>
    <definedName name="_117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6"}</definedName>
    <definedName name="_117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5"}</definedName>
    <definedName name="_117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4"}</definedName>
    <definedName name="_117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3"}</definedName>
    <definedName name="_117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2"}</definedName>
    <definedName name="_117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1"}</definedName>
    <definedName name="_117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0"}</definedName>
    <definedName name="_11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9"}</definedName>
    <definedName name="_117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9"}</definedName>
    <definedName name="_117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8"}</definedName>
    <definedName name="_117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7"}</definedName>
    <definedName name="_117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6"}</definedName>
    <definedName name="_117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5"}</definedName>
    <definedName name="_117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4"}</definedName>
    <definedName name="_117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3"}</definedName>
    <definedName name="_117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2"}</definedName>
    <definedName name="_117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1"}</definedName>
    <definedName name="_117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0"}</definedName>
    <definedName name="_11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8"}</definedName>
    <definedName name="_117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9"}</definedName>
    <definedName name="_117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8"}</definedName>
    <definedName name="_117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7"}</definedName>
    <definedName name="_117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6"}</definedName>
    <definedName name="_117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5"}</definedName>
    <definedName name="_117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4"}</definedName>
    <definedName name="_117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3"}</definedName>
    <definedName name="_117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2"}</definedName>
    <definedName name="_117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1"}</definedName>
    <definedName name="_117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0"}</definedName>
    <definedName name="_11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7"}</definedName>
    <definedName name="_117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9"}</definedName>
    <definedName name="_117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8"}</definedName>
    <definedName name="_117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7"}</definedName>
    <definedName name="_117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6"}</definedName>
    <definedName name="_117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5"}</definedName>
    <definedName name="_117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4"}</definedName>
    <definedName name="_117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3"}</definedName>
    <definedName name="_117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2"}</definedName>
    <definedName name="_117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1"}</definedName>
    <definedName name="_117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0"}</definedName>
    <definedName name="_11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6"}</definedName>
    <definedName name="_117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9"}</definedName>
    <definedName name="_117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8"}</definedName>
    <definedName name="_117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7"}</definedName>
    <definedName name="_117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6"}</definedName>
    <definedName name="_117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5"}</definedName>
    <definedName name="_117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4"}</definedName>
    <definedName name="_117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3"}</definedName>
    <definedName name="_117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2"}</definedName>
    <definedName name="_117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1"}</definedName>
    <definedName name="_117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0"}</definedName>
    <definedName name="_11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5"}</definedName>
    <definedName name="_117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9"}</definedName>
    <definedName name="_117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8"}</definedName>
    <definedName name="_117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7"}</definedName>
    <definedName name="_117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6"}</definedName>
    <definedName name="_117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5"}</definedName>
    <definedName name="_117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4"}</definedName>
    <definedName name="_117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3"}</definedName>
    <definedName name="_117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2"}</definedName>
    <definedName name="_117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1"}</definedName>
    <definedName name="_117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0"}</definedName>
    <definedName name="_11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4"}</definedName>
    <definedName name="_117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9"}</definedName>
    <definedName name="_117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8"}</definedName>
    <definedName name="_117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7"}</definedName>
    <definedName name="_117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6"}</definedName>
    <definedName name="_117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5"}</definedName>
    <definedName name="_117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4"}</definedName>
    <definedName name="_117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3"}</definedName>
    <definedName name="_117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2"}</definedName>
    <definedName name="_117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1"}</definedName>
    <definedName name="_117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0"}</definedName>
    <definedName name="_1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1"}</definedName>
    <definedName name="_11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3"}</definedName>
    <definedName name="_118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9"}</definedName>
    <definedName name="_118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8"}</definedName>
    <definedName name="_118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7"}</definedName>
    <definedName name="_118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6"}</definedName>
    <definedName name="_118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5"}</definedName>
    <definedName name="_118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4"}</definedName>
    <definedName name="_118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3"}</definedName>
    <definedName name="_118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2"}</definedName>
    <definedName name="_118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1"}</definedName>
    <definedName name="_118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0"}</definedName>
    <definedName name="_11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2"}</definedName>
    <definedName name="_118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9"}</definedName>
    <definedName name="_118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8"}</definedName>
    <definedName name="_118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7"}</definedName>
    <definedName name="_118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6"}</definedName>
    <definedName name="_118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5"}</definedName>
    <definedName name="_118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4"}</definedName>
    <definedName name="_118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3"}</definedName>
    <definedName name="_118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2"}</definedName>
    <definedName name="_118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1"}</definedName>
    <definedName name="_118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0"}</definedName>
    <definedName name="_11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1"}</definedName>
    <definedName name="_118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9"}</definedName>
    <definedName name="_118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8"}</definedName>
    <definedName name="_118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7"}</definedName>
    <definedName name="_118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6"}</definedName>
    <definedName name="_118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5"}</definedName>
    <definedName name="_118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4"}</definedName>
    <definedName name="_118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3"}</definedName>
    <definedName name="_118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2"}</definedName>
    <definedName name="_118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1"}</definedName>
    <definedName name="_118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0"}</definedName>
    <definedName name="_11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0"}</definedName>
    <definedName name="_118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9"}</definedName>
    <definedName name="_118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8"}</definedName>
    <definedName name="_118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7"}</definedName>
    <definedName name="_118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6"}</definedName>
    <definedName name="_118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5"}</definedName>
    <definedName name="_118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4"}</definedName>
    <definedName name="_118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3"}</definedName>
    <definedName name="_118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2"}</definedName>
    <definedName name="_118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1"}</definedName>
    <definedName name="_118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0"}</definedName>
    <definedName name="_11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9"}</definedName>
    <definedName name="_118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9"}</definedName>
    <definedName name="_118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8"}</definedName>
    <definedName name="_118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7"}</definedName>
    <definedName name="_118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6"}</definedName>
    <definedName name="_118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5"}</definedName>
    <definedName name="_118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4"}</definedName>
    <definedName name="_118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3"}</definedName>
    <definedName name="_118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2"}</definedName>
    <definedName name="_118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1"}</definedName>
    <definedName name="_118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0"}</definedName>
    <definedName name="_11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8"}</definedName>
    <definedName name="_118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9"}</definedName>
    <definedName name="_118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8"}</definedName>
    <definedName name="_118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7"}</definedName>
    <definedName name="_118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6"}</definedName>
    <definedName name="_118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5"}</definedName>
    <definedName name="_118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4"}</definedName>
    <definedName name="_118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3"}</definedName>
    <definedName name="_118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2"}</definedName>
    <definedName name="_118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1"}</definedName>
    <definedName name="_118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0"}</definedName>
    <definedName name="_11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7"}</definedName>
    <definedName name="_118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9"}</definedName>
    <definedName name="_118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8"}</definedName>
    <definedName name="_118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7"}</definedName>
    <definedName name="_118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6"}</definedName>
    <definedName name="_118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5"}</definedName>
    <definedName name="_118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4"}</definedName>
    <definedName name="_118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3"}</definedName>
    <definedName name="_118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2"}</definedName>
    <definedName name="_118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1"}</definedName>
    <definedName name="_118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0"}</definedName>
    <definedName name="_11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6"}</definedName>
    <definedName name="_118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9"}</definedName>
    <definedName name="_118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8"}</definedName>
    <definedName name="_118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7"}</definedName>
    <definedName name="_118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6"}</definedName>
    <definedName name="_118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5"}</definedName>
    <definedName name="_118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4"}</definedName>
    <definedName name="_118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3"}</definedName>
    <definedName name="_118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2"}</definedName>
    <definedName name="_118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1"}</definedName>
    <definedName name="_118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0"}</definedName>
    <definedName name="_11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5"}</definedName>
    <definedName name="_118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9"}</definedName>
    <definedName name="_118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8"}</definedName>
    <definedName name="_118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7"}</definedName>
    <definedName name="_118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6"}</definedName>
    <definedName name="_118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5"}</definedName>
    <definedName name="_118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4"}</definedName>
    <definedName name="_118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3"}</definedName>
    <definedName name="_118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2"}</definedName>
    <definedName name="_118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1"}</definedName>
    <definedName name="_118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0"}</definedName>
    <definedName name="_11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4"}</definedName>
    <definedName name="_118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9"}</definedName>
    <definedName name="_118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8"}</definedName>
    <definedName name="_118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7"}</definedName>
    <definedName name="_118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6"}</definedName>
    <definedName name="_118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5"}</definedName>
    <definedName name="_118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4"}</definedName>
    <definedName name="_118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3"}</definedName>
    <definedName name="_118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2"}</definedName>
    <definedName name="_118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1"}</definedName>
    <definedName name="_118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0"}</definedName>
    <definedName name="_1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0"}</definedName>
    <definedName name="_11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3"}</definedName>
    <definedName name="_119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9"}</definedName>
    <definedName name="_119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8"}</definedName>
    <definedName name="_119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7"}</definedName>
    <definedName name="_119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6"}</definedName>
    <definedName name="_119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5"}</definedName>
    <definedName name="_119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4"}</definedName>
    <definedName name="_119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3"}</definedName>
    <definedName name="_119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2"}</definedName>
    <definedName name="_119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1"}</definedName>
    <definedName name="_119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0"}</definedName>
    <definedName name="_11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2"}</definedName>
    <definedName name="_119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9"}</definedName>
    <definedName name="_119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8"}</definedName>
    <definedName name="_119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7"}</definedName>
    <definedName name="_119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6"}</definedName>
    <definedName name="_119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5"}</definedName>
    <definedName name="_119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4"}</definedName>
    <definedName name="_119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3"}</definedName>
    <definedName name="_119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2"}</definedName>
    <definedName name="_119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1"}</definedName>
    <definedName name="_119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0"}</definedName>
    <definedName name="_11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1"}</definedName>
    <definedName name="_119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9"}</definedName>
    <definedName name="_119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8"}</definedName>
    <definedName name="_119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7"}</definedName>
    <definedName name="_119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6"}</definedName>
    <definedName name="_119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5"}</definedName>
    <definedName name="_119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4"}</definedName>
    <definedName name="_119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3"}</definedName>
    <definedName name="_119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2"}</definedName>
    <definedName name="_119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1"}</definedName>
    <definedName name="_119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0"}</definedName>
    <definedName name="_11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0"}</definedName>
    <definedName name="_119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9"}</definedName>
    <definedName name="_119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8"}</definedName>
    <definedName name="_119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7"}</definedName>
    <definedName name="_119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6"}</definedName>
    <definedName name="_119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5"}</definedName>
    <definedName name="_119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4"}</definedName>
    <definedName name="_119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3"}</definedName>
    <definedName name="_119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2"}</definedName>
    <definedName name="_119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1"}</definedName>
    <definedName name="_119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0"}</definedName>
    <definedName name="_11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9"}</definedName>
    <definedName name="_119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9"}</definedName>
    <definedName name="_119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8"}</definedName>
    <definedName name="_119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7"}</definedName>
    <definedName name="_119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6"}</definedName>
    <definedName name="_119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5"}</definedName>
    <definedName name="_119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4"}</definedName>
    <definedName name="_119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3"}</definedName>
    <definedName name="_119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2"}</definedName>
    <definedName name="_119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1"}</definedName>
    <definedName name="_119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0"}</definedName>
    <definedName name="_11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8"}</definedName>
    <definedName name="_119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9"}</definedName>
    <definedName name="_119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8"}</definedName>
    <definedName name="_119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7"}</definedName>
    <definedName name="_119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6"}</definedName>
    <definedName name="_119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5"}</definedName>
    <definedName name="_119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4"}</definedName>
    <definedName name="_119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3"}</definedName>
    <definedName name="_119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2"}</definedName>
    <definedName name="_119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1"}</definedName>
    <definedName name="_119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0"}</definedName>
    <definedName name="_11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7"}</definedName>
    <definedName name="_119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9"}</definedName>
    <definedName name="_119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8"}</definedName>
    <definedName name="_119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7"}</definedName>
    <definedName name="_119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6"}</definedName>
    <definedName name="_119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5"}</definedName>
    <definedName name="_119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4"}</definedName>
    <definedName name="_119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3"}</definedName>
    <definedName name="_119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2"}</definedName>
    <definedName name="_119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1"}</definedName>
    <definedName name="_119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0"}</definedName>
    <definedName name="_11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6"}</definedName>
    <definedName name="_119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9"}</definedName>
    <definedName name="_119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8"}</definedName>
    <definedName name="_119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7"}</definedName>
    <definedName name="_119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6"}</definedName>
    <definedName name="_119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5"}</definedName>
    <definedName name="_119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4"}</definedName>
    <definedName name="_119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3"}</definedName>
    <definedName name="_119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2"}</definedName>
    <definedName name="_119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1"}</definedName>
    <definedName name="_119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0"}</definedName>
    <definedName name="_11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5"}</definedName>
    <definedName name="_119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9"}</definedName>
    <definedName name="_119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8"}</definedName>
    <definedName name="_119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7"}</definedName>
    <definedName name="_119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6"}</definedName>
    <definedName name="_119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5"}</definedName>
    <definedName name="_119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4"}</definedName>
    <definedName name="_119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3"}</definedName>
    <definedName name="_119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2"}</definedName>
    <definedName name="_119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1"}</definedName>
    <definedName name="_119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0"}</definedName>
    <definedName name="_11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4"}</definedName>
    <definedName name="_119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9"}</definedName>
    <definedName name="_119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8"}</definedName>
    <definedName name="_119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7"}</definedName>
    <definedName name="_119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6"}</definedName>
    <definedName name="_119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5"}</definedName>
    <definedName name="_119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4"}</definedName>
    <definedName name="_119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3"}</definedName>
    <definedName name="_119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2"}</definedName>
    <definedName name="_119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1"}</definedName>
    <definedName name="_119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0"}</definedName>
    <definedName name="_12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5"}</definedName>
    <definedName name="_1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9"}</definedName>
    <definedName name="_12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3"}</definedName>
    <definedName name="_120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9"}</definedName>
    <definedName name="_120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8"}</definedName>
    <definedName name="_120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7"}</definedName>
    <definedName name="_120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6"}</definedName>
    <definedName name="_120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5"}</definedName>
    <definedName name="_120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4"}</definedName>
    <definedName name="_120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3"}</definedName>
    <definedName name="_120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2"}</definedName>
    <definedName name="_120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1"}</definedName>
    <definedName name="_120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0"}</definedName>
    <definedName name="_12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2"}</definedName>
    <definedName name="_120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9"}</definedName>
    <definedName name="_120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8"}</definedName>
    <definedName name="_120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7"}</definedName>
    <definedName name="_120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6"}</definedName>
    <definedName name="_120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5"}</definedName>
    <definedName name="_120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4"}</definedName>
    <definedName name="_120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3"}</definedName>
    <definedName name="_120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2"}</definedName>
    <definedName name="_120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1"}</definedName>
    <definedName name="_120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0"}</definedName>
    <definedName name="_12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1"}</definedName>
    <definedName name="_120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9"}</definedName>
    <definedName name="_120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8"}</definedName>
    <definedName name="_120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7"}</definedName>
    <definedName name="_120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6"}</definedName>
    <definedName name="_120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5"}</definedName>
    <definedName name="_120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4"}</definedName>
    <definedName name="_120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3"}</definedName>
    <definedName name="_120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2"}</definedName>
    <definedName name="_120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1"}</definedName>
    <definedName name="_120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0"}</definedName>
    <definedName name="_12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0"}</definedName>
    <definedName name="_120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9"}</definedName>
    <definedName name="_120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8"}</definedName>
    <definedName name="_120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7"}</definedName>
    <definedName name="_120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6"}</definedName>
    <definedName name="_120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5"}</definedName>
    <definedName name="_120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4"}</definedName>
    <definedName name="_120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3"}</definedName>
    <definedName name="_120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2"}</definedName>
    <definedName name="_120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1"}</definedName>
    <definedName name="_120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0"}</definedName>
    <definedName name="_12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9"}</definedName>
    <definedName name="_120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9"}</definedName>
    <definedName name="_120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8"}</definedName>
    <definedName name="_120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7"}</definedName>
    <definedName name="_120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6"}</definedName>
    <definedName name="_120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5"}</definedName>
    <definedName name="_120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4"}</definedName>
    <definedName name="_120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3"}</definedName>
    <definedName name="_120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2"}</definedName>
    <definedName name="_120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1"}</definedName>
    <definedName name="_120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definedName>
    <definedName name="_12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8"}</definedName>
    <definedName name="_120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definedName>
    <definedName name="_120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definedName>
    <definedName name="_120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definedName>
    <definedName name="_120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definedName>
    <definedName name="_120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definedName>
    <definedName name="_120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definedName>
    <definedName name="_120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definedName>
    <definedName name="_120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definedName>
    <definedName name="_120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definedName>
    <definedName name="_120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definedName>
    <definedName name="_12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7"}</definedName>
    <definedName name="_120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definedName>
    <definedName name="_120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definedName>
    <definedName name="_120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definedName>
    <definedName name="_120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definedName>
    <definedName name="_120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definedName>
    <definedName name="_120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definedName>
    <definedName name="_120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definedName>
    <definedName name="_120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definedName>
    <definedName name="_120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definedName>
    <definedName name="_120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definedName>
    <definedName name="_12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6"}</definedName>
    <definedName name="_120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definedName>
    <definedName name="_120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definedName>
    <definedName name="_120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definedName>
    <definedName name="_120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definedName>
    <definedName name="_120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definedName>
    <definedName name="_120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definedName>
    <definedName name="_120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definedName>
    <definedName name="_120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definedName>
    <definedName name="_120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definedName>
    <definedName name="_120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definedName>
    <definedName name="_12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5"}</definedName>
    <definedName name="_120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definedName>
    <definedName name="_120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definedName>
    <definedName name="_120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definedName>
    <definedName name="_120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definedName>
    <definedName name="_120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definedName>
    <definedName name="_120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definedName>
    <definedName name="_120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definedName>
    <definedName name="_120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definedName>
    <definedName name="_120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definedName>
    <definedName name="_120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definedName>
    <definedName name="_12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4"}</definedName>
    <definedName name="_120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definedName>
    <definedName name="_120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definedName>
    <definedName name="_120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definedName>
    <definedName name="_120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definedName>
    <definedName name="_120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definedName>
    <definedName name="_120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definedName>
    <definedName name="_120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definedName>
    <definedName name="_120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definedName>
    <definedName name="_120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definedName>
    <definedName name="_12099__FDSAUDITLINK__" hidden="1">{"fdsup://directions/FAT Viewer?action=UPDATE&amp;creator=factset&amp;DYN_ARGS=TRUE&amp;DOC_NAME=FAT:FQL_AUDITING_CLIENT_TEMPLATE.FAT&amp;display_string=Audit&amp;VAR:KEY=ZINYVYTSPQ&amp;VAR:QUERY=RkZfRU5UUlBSX1ZBTF9EQUlMWSgtMkFZLDQxMTcyLEQsLCwnRElMJyk=&amp;WINDOW=FIRST_POPUP&amp;HEIGHT=45","0&amp;WIDTH=450&amp;START_MAXIMIZED=FALSE&amp;VAR:CALENDAR=US&amp;VAR:SYMBOL=236197&amp;VAR:INDEX=507"}</definedName>
    <definedName name="_1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8"}</definedName>
    <definedName name="_12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3"}</definedName>
    <definedName name="_12100__FDSAUDITLINK__" hidden="1">{"fdsup://directions/FAT Viewer?action=UPDATE&amp;creator=factset&amp;DYN_ARGS=TRUE&amp;DOC_NAME=FAT:FQL_AUDITING_CLIENT_TEMPLATE.FAT&amp;display_string=Audit&amp;VAR:KEY=ZINYVYTSPQ&amp;VAR:QUERY=RkZfRU5UUlBSX1ZBTF9EQUlMWSgtMkFZLDQxMTcyLEQsLCwnRElMJyk=&amp;WINDOW=FIRST_POPUP&amp;HEIGHT=45","0&amp;WIDTH=450&amp;START_MAXIMIZED=FALSE&amp;VAR:CALENDAR=US&amp;VAR:SYMBOL=236197&amp;VAR:INDEX=506"}</definedName>
    <definedName name="_121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4"}</definedName>
    <definedName name="_121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3"}</definedName>
    <definedName name="_121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2"}</definedName>
    <definedName name="_121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1"}</definedName>
    <definedName name="_121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0"}</definedName>
    <definedName name="_121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9"}</definedName>
    <definedName name="_121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8"}</definedName>
    <definedName name="_121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7"}</definedName>
    <definedName name="_12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2"}</definedName>
    <definedName name="_121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6"}</definedName>
    <definedName name="_121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5"}</definedName>
    <definedName name="_121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4"}</definedName>
    <definedName name="_121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3"}</definedName>
    <definedName name="_121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2"}</definedName>
    <definedName name="_121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1"}</definedName>
    <definedName name="_121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0"}</definedName>
    <definedName name="_121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9"}</definedName>
    <definedName name="_121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8"}</definedName>
    <definedName name="_121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7"}</definedName>
    <definedName name="_12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1"}</definedName>
    <definedName name="_121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6"}</definedName>
    <definedName name="_121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5"}</definedName>
    <definedName name="_121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4"}</definedName>
    <definedName name="_121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3"}</definedName>
    <definedName name="_121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2"}</definedName>
    <definedName name="_121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1"}</definedName>
    <definedName name="_121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0"}</definedName>
    <definedName name="_121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9"}</definedName>
    <definedName name="_121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8"}</definedName>
    <definedName name="_121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7"}</definedName>
    <definedName name="_12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0"}</definedName>
    <definedName name="_121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6"}</definedName>
    <definedName name="_121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5"}</definedName>
    <definedName name="_121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4"}</definedName>
    <definedName name="_121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3"}</definedName>
    <definedName name="_121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2"}</definedName>
    <definedName name="_121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1"}</definedName>
    <definedName name="_121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0"}</definedName>
    <definedName name="_121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9"}</definedName>
    <definedName name="_121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8"}</definedName>
    <definedName name="_121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7"}</definedName>
    <definedName name="_12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9"}</definedName>
    <definedName name="_121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6"}</definedName>
    <definedName name="_121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5"}</definedName>
    <definedName name="_121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4"}</definedName>
    <definedName name="_121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3"}</definedName>
    <definedName name="_121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2"}</definedName>
    <definedName name="_121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1"}</definedName>
    <definedName name="_121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0"}</definedName>
    <definedName name="_121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9"}</definedName>
    <definedName name="_121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8"}</definedName>
    <definedName name="_121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7"}</definedName>
    <definedName name="_12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8"}</definedName>
    <definedName name="_121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6"}</definedName>
    <definedName name="_121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5"}</definedName>
    <definedName name="_121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4"}</definedName>
    <definedName name="_121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3"}</definedName>
    <definedName name="_121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2"}</definedName>
    <definedName name="_121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1"}</definedName>
    <definedName name="_121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0"}</definedName>
    <definedName name="_121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9"}</definedName>
    <definedName name="_121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8"}</definedName>
    <definedName name="_121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7"}</definedName>
    <definedName name="_12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7"}</definedName>
    <definedName name="_121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6"}</definedName>
    <definedName name="_121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5"}</definedName>
    <definedName name="_121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4"}</definedName>
    <definedName name="_121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3"}</definedName>
    <definedName name="_121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2"}</definedName>
    <definedName name="_121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1"}</definedName>
    <definedName name="_121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0"}</definedName>
    <definedName name="_121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9"}</definedName>
    <definedName name="_121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8"}</definedName>
    <definedName name="_121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7"}</definedName>
    <definedName name="_12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6"}</definedName>
    <definedName name="_121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6"}</definedName>
    <definedName name="_121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5"}</definedName>
    <definedName name="_121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4"}</definedName>
    <definedName name="_121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3"}</definedName>
    <definedName name="_121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2"}</definedName>
    <definedName name="_121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1"}</definedName>
    <definedName name="_121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0"}</definedName>
    <definedName name="_121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9"}</definedName>
    <definedName name="_121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8"}</definedName>
    <definedName name="_121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7"}</definedName>
    <definedName name="_12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5"}</definedName>
    <definedName name="_121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6"}</definedName>
    <definedName name="_121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5"}</definedName>
    <definedName name="_121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4"}</definedName>
    <definedName name="_121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3"}</definedName>
    <definedName name="_121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2"}</definedName>
    <definedName name="_121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1"}</definedName>
    <definedName name="_121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0"}</definedName>
    <definedName name="_121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9"}</definedName>
    <definedName name="_121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8"}</definedName>
    <definedName name="_121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7"}</definedName>
    <definedName name="_12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4"}</definedName>
    <definedName name="_121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6"}</definedName>
    <definedName name="_121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5"}</definedName>
    <definedName name="_121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4"}</definedName>
    <definedName name="_121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3"}</definedName>
    <definedName name="_121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2"}</definedName>
    <definedName name="_121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1"}</definedName>
    <definedName name="_121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0"}</definedName>
    <definedName name="_121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9"}</definedName>
    <definedName name="_121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8"}</definedName>
    <definedName name="_121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7"}</definedName>
    <definedName name="_1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7"}</definedName>
    <definedName name="_12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3"}</definedName>
    <definedName name="_122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6"}</definedName>
    <definedName name="_122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5"}</definedName>
    <definedName name="_122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4"}</definedName>
    <definedName name="_122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3"}</definedName>
    <definedName name="_122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2"}</definedName>
    <definedName name="_122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1"}</definedName>
    <definedName name="_122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0"}</definedName>
    <definedName name="_122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9"}</definedName>
    <definedName name="_122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8"}</definedName>
    <definedName name="_122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7"}</definedName>
    <definedName name="_12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2"}</definedName>
    <definedName name="_122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6"}</definedName>
    <definedName name="_122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5"}</definedName>
    <definedName name="_122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4"}</definedName>
    <definedName name="_122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3"}</definedName>
    <definedName name="_122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2"}</definedName>
    <definedName name="_122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1"}</definedName>
    <definedName name="_122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0"}</definedName>
    <definedName name="_122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9"}</definedName>
    <definedName name="_122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8"}</definedName>
    <definedName name="_122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7"}</definedName>
    <definedName name="_12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1"}</definedName>
    <definedName name="_122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6"}</definedName>
    <definedName name="_122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5"}</definedName>
    <definedName name="_122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4"}</definedName>
    <definedName name="_122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3"}</definedName>
    <definedName name="_122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2"}</definedName>
    <definedName name="_122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1"}</definedName>
    <definedName name="_122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0"}</definedName>
    <definedName name="_122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9"}</definedName>
    <definedName name="_122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8"}</definedName>
    <definedName name="_122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7"}</definedName>
    <definedName name="_12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0"}</definedName>
    <definedName name="_122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6"}</definedName>
    <definedName name="_122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5"}</definedName>
    <definedName name="_122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4"}</definedName>
    <definedName name="_122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3"}</definedName>
    <definedName name="_122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2"}</definedName>
    <definedName name="_122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1"}</definedName>
    <definedName name="_122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0"}</definedName>
    <definedName name="_122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9"}</definedName>
    <definedName name="_122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8"}</definedName>
    <definedName name="_122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7"}</definedName>
    <definedName name="_12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9"}</definedName>
    <definedName name="_122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6"}</definedName>
    <definedName name="_122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5"}</definedName>
    <definedName name="_122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4"}</definedName>
    <definedName name="_122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3"}</definedName>
    <definedName name="_122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2"}</definedName>
    <definedName name="_122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1"}</definedName>
    <definedName name="_122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0"}</definedName>
    <definedName name="_122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9"}</definedName>
    <definedName name="_122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8"}</definedName>
    <definedName name="_122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7"}</definedName>
    <definedName name="_12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8"}</definedName>
    <definedName name="_122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6"}</definedName>
    <definedName name="_122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5"}</definedName>
    <definedName name="_122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4"}</definedName>
    <definedName name="_122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3"}</definedName>
    <definedName name="_122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2"}</definedName>
    <definedName name="_122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1"}</definedName>
    <definedName name="_122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0"}</definedName>
    <definedName name="_122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9"}</definedName>
    <definedName name="_122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8"}</definedName>
    <definedName name="_122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7"}</definedName>
    <definedName name="_12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7"}</definedName>
    <definedName name="_122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6"}</definedName>
    <definedName name="_122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5"}</definedName>
    <definedName name="_122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4"}</definedName>
    <definedName name="_122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3"}</definedName>
    <definedName name="_122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2"}</definedName>
    <definedName name="_122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1"}</definedName>
    <definedName name="_122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0"}</definedName>
    <definedName name="_122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9"}</definedName>
    <definedName name="_122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8"}</definedName>
    <definedName name="_122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7"}</definedName>
    <definedName name="_12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6"}</definedName>
    <definedName name="_122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6"}</definedName>
    <definedName name="_122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5"}</definedName>
    <definedName name="_122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4"}</definedName>
    <definedName name="_122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3"}</definedName>
    <definedName name="_122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2"}</definedName>
    <definedName name="_122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1"}</definedName>
    <definedName name="_122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0"}</definedName>
    <definedName name="_122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9"}</definedName>
    <definedName name="_122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8"}</definedName>
    <definedName name="_122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7"}</definedName>
    <definedName name="_12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5"}</definedName>
    <definedName name="_122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6"}</definedName>
    <definedName name="_122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5"}</definedName>
    <definedName name="_122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4"}</definedName>
    <definedName name="_122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3"}</definedName>
    <definedName name="_122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2"}</definedName>
    <definedName name="_122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1"}</definedName>
    <definedName name="_122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0"}</definedName>
    <definedName name="_122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9"}</definedName>
    <definedName name="_122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8"}</definedName>
    <definedName name="_122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7"}</definedName>
    <definedName name="_12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4"}</definedName>
    <definedName name="_122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6"}</definedName>
    <definedName name="_122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5"}</definedName>
    <definedName name="_122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4"}</definedName>
    <definedName name="_122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3"}</definedName>
    <definedName name="_122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2"}</definedName>
    <definedName name="_122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1"}</definedName>
    <definedName name="_122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0"}</definedName>
    <definedName name="_122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9"}</definedName>
    <definedName name="_122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8"}</definedName>
    <definedName name="_122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7"}</definedName>
    <definedName name="_1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6"}</definedName>
    <definedName name="_12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3"}</definedName>
    <definedName name="_123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6"}</definedName>
    <definedName name="_123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5"}</definedName>
    <definedName name="_123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4"}</definedName>
    <definedName name="_123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3"}</definedName>
    <definedName name="_123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2"}</definedName>
    <definedName name="_123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1"}</definedName>
    <definedName name="_123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0"}</definedName>
    <definedName name="_123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9"}</definedName>
    <definedName name="_123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8"}</definedName>
    <definedName name="_123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7"}</definedName>
    <definedName name="_12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2"}</definedName>
    <definedName name="_123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6"}</definedName>
    <definedName name="_123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5"}</definedName>
    <definedName name="_123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4"}</definedName>
    <definedName name="_123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3"}</definedName>
    <definedName name="_123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2"}</definedName>
    <definedName name="_123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1"}</definedName>
    <definedName name="_123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0"}</definedName>
    <definedName name="_123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9"}</definedName>
    <definedName name="_123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8"}</definedName>
    <definedName name="_123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7"}</definedName>
    <definedName name="_12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1"}</definedName>
    <definedName name="_123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6"}</definedName>
    <definedName name="_123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5"}</definedName>
    <definedName name="_123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4"}</definedName>
    <definedName name="_123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3"}</definedName>
    <definedName name="_123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2"}</definedName>
    <definedName name="_123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1"}</definedName>
    <definedName name="_123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0"}</definedName>
    <definedName name="_123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9"}</definedName>
    <definedName name="_123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8"}</definedName>
    <definedName name="_123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7"}</definedName>
    <definedName name="_12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0"}</definedName>
    <definedName name="_123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6"}</definedName>
    <definedName name="_123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5"}</definedName>
    <definedName name="_123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4"}</definedName>
    <definedName name="_123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3"}</definedName>
    <definedName name="_123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2"}</definedName>
    <definedName name="_123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1"}</definedName>
    <definedName name="_123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0"}</definedName>
    <definedName name="_123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9"}</definedName>
    <definedName name="_123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8"}</definedName>
    <definedName name="_123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7"}</definedName>
    <definedName name="_12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9"}</definedName>
    <definedName name="_123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6"}</definedName>
    <definedName name="_123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5"}</definedName>
    <definedName name="_123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4"}</definedName>
    <definedName name="_123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3"}</definedName>
    <definedName name="_123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2"}</definedName>
    <definedName name="_123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1"}</definedName>
    <definedName name="_123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0"}</definedName>
    <definedName name="_123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9"}</definedName>
    <definedName name="_123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8"}</definedName>
    <definedName name="_123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7"}</definedName>
    <definedName name="_12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8"}</definedName>
    <definedName name="_123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6"}</definedName>
    <definedName name="_123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5"}</definedName>
    <definedName name="_123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4"}</definedName>
    <definedName name="_123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3"}</definedName>
    <definedName name="_123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2"}</definedName>
    <definedName name="_123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1"}</definedName>
    <definedName name="_123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0"}</definedName>
    <definedName name="_123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9"}</definedName>
    <definedName name="_123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8"}</definedName>
    <definedName name="_123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7"}</definedName>
    <definedName name="_12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7"}</definedName>
    <definedName name="_123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6"}</definedName>
    <definedName name="_123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5"}</definedName>
    <definedName name="_123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4"}</definedName>
    <definedName name="_123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3"}</definedName>
    <definedName name="_123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2"}</definedName>
    <definedName name="_123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1"}</definedName>
    <definedName name="_123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0"}</definedName>
    <definedName name="_123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9"}</definedName>
    <definedName name="_123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8"}</definedName>
    <definedName name="_123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7"}</definedName>
    <definedName name="_12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6"}</definedName>
    <definedName name="_123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6"}</definedName>
    <definedName name="_123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5"}</definedName>
    <definedName name="_123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4"}</definedName>
    <definedName name="_123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3"}</definedName>
    <definedName name="_123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2"}</definedName>
    <definedName name="_123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1"}</definedName>
    <definedName name="_123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0"}</definedName>
    <definedName name="_123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9"}</definedName>
    <definedName name="_123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8"}</definedName>
    <definedName name="_123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7"}</definedName>
    <definedName name="_12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5"}</definedName>
    <definedName name="_123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6"}</definedName>
    <definedName name="_123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5"}</definedName>
    <definedName name="_123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4"}</definedName>
    <definedName name="_123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3"}</definedName>
    <definedName name="_123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2"}</definedName>
    <definedName name="_123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1"}</definedName>
    <definedName name="_123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0"}</definedName>
    <definedName name="_123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9"}</definedName>
    <definedName name="_123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8"}</definedName>
    <definedName name="_123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7"}</definedName>
    <definedName name="_12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4"}</definedName>
    <definedName name="_123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6"}</definedName>
    <definedName name="_123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5"}</definedName>
    <definedName name="_123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4"}</definedName>
    <definedName name="_123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3"}</definedName>
    <definedName name="_123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2"}</definedName>
    <definedName name="_123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1"}</definedName>
    <definedName name="_123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0"}</definedName>
    <definedName name="_123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9"}</definedName>
    <definedName name="_123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8"}</definedName>
    <definedName name="_123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7"}</definedName>
    <definedName name="_1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5"}</definedName>
    <definedName name="_12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3"}</definedName>
    <definedName name="_124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6"}</definedName>
    <definedName name="_124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5"}</definedName>
    <definedName name="_124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4"}</definedName>
    <definedName name="_124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3"}</definedName>
    <definedName name="_124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2"}</definedName>
    <definedName name="_124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1"}</definedName>
    <definedName name="_124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0"}</definedName>
    <definedName name="_124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9"}</definedName>
    <definedName name="_124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8"}</definedName>
    <definedName name="_124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7"}</definedName>
    <definedName name="_12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2"}</definedName>
    <definedName name="_124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6"}</definedName>
    <definedName name="_124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5"}</definedName>
    <definedName name="_124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4"}</definedName>
    <definedName name="_124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3"}</definedName>
    <definedName name="_124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2"}</definedName>
    <definedName name="_124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1"}</definedName>
    <definedName name="_124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0"}</definedName>
    <definedName name="_124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9"}</definedName>
    <definedName name="_124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8"}</definedName>
    <definedName name="_124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7"}</definedName>
    <definedName name="_12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1"}</definedName>
    <definedName name="_124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6"}</definedName>
    <definedName name="_124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5"}</definedName>
    <definedName name="_124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4"}</definedName>
    <definedName name="_124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3"}</definedName>
    <definedName name="_124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2"}</definedName>
    <definedName name="_124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1"}</definedName>
    <definedName name="_124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0"}</definedName>
    <definedName name="_124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9"}</definedName>
    <definedName name="_124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8"}</definedName>
    <definedName name="_124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7"}</definedName>
    <definedName name="_12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0"}</definedName>
    <definedName name="_124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6"}</definedName>
    <definedName name="_124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5"}</definedName>
    <definedName name="_124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4"}</definedName>
    <definedName name="_124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3"}</definedName>
    <definedName name="_124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2"}</definedName>
    <definedName name="_124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1"}</definedName>
    <definedName name="_124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0"}</definedName>
    <definedName name="_124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9"}</definedName>
    <definedName name="_124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8"}</definedName>
    <definedName name="_124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7"}</definedName>
    <definedName name="_12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9"}</definedName>
    <definedName name="_124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6"}</definedName>
    <definedName name="_124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5"}</definedName>
    <definedName name="_124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4"}</definedName>
    <definedName name="_124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3"}</definedName>
    <definedName name="_124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2"}</definedName>
    <definedName name="_124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1"}</definedName>
    <definedName name="_124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0"}</definedName>
    <definedName name="_124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9"}</definedName>
    <definedName name="_124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8"}</definedName>
    <definedName name="_124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7"}</definedName>
    <definedName name="_12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8"}</definedName>
    <definedName name="_124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6"}</definedName>
    <definedName name="_124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5"}</definedName>
    <definedName name="_124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4"}</definedName>
    <definedName name="_124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3"}</definedName>
    <definedName name="_124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2"}</definedName>
    <definedName name="_124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1"}</definedName>
    <definedName name="_124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0"}</definedName>
    <definedName name="_124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9"}</definedName>
    <definedName name="_124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8"}</definedName>
    <definedName name="_124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7"}</definedName>
    <definedName name="_12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7"}</definedName>
    <definedName name="_124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6"}</definedName>
    <definedName name="_124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5"}</definedName>
    <definedName name="_124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4"}</definedName>
    <definedName name="_124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3"}</definedName>
    <definedName name="_124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2"}</definedName>
    <definedName name="_124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1"}</definedName>
    <definedName name="_124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0"}</definedName>
    <definedName name="_124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9"}</definedName>
    <definedName name="_124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8"}</definedName>
    <definedName name="_124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7"}</definedName>
    <definedName name="_12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6"}</definedName>
    <definedName name="_124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6"}</definedName>
    <definedName name="_124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5"}</definedName>
    <definedName name="_124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4"}</definedName>
    <definedName name="_124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3"}</definedName>
    <definedName name="_124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2"}</definedName>
    <definedName name="_124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1"}</definedName>
    <definedName name="_124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0"}</definedName>
    <definedName name="_124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9"}</definedName>
    <definedName name="_124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8"}</definedName>
    <definedName name="_124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7"}</definedName>
    <definedName name="_12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5"}</definedName>
    <definedName name="_124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6"}</definedName>
    <definedName name="_124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5"}</definedName>
    <definedName name="_124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4"}</definedName>
    <definedName name="_124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3"}</definedName>
    <definedName name="_124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2"}</definedName>
    <definedName name="_124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1"}</definedName>
    <definedName name="_124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0"}</definedName>
    <definedName name="_124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9"}</definedName>
    <definedName name="_124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8"}</definedName>
    <definedName name="_124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7"}</definedName>
    <definedName name="_12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4"}</definedName>
    <definedName name="_124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6"}</definedName>
    <definedName name="_124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5"}</definedName>
    <definedName name="_124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4"}</definedName>
    <definedName name="_124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3"}</definedName>
    <definedName name="_124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2"}</definedName>
    <definedName name="_124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1"}</definedName>
    <definedName name="_124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0"}</definedName>
    <definedName name="_124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9"}</definedName>
    <definedName name="_124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8"}</definedName>
    <definedName name="_124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7"}</definedName>
    <definedName name="_1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4"}</definedName>
    <definedName name="_12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3"}</definedName>
    <definedName name="_125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6"}</definedName>
    <definedName name="_125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5"}</definedName>
    <definedName name="_125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4"}</definedName>
    <definedName name="_125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3"}</definedName>
    <definedName name="_125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2"}</definedName>
    <definedName name="_125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1"}</definedName>
    <definedName name="_125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0"}</definedName>
    <definedName name="_125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9"}</definedName>
    <definedName name="_125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8"}</definedName>
    <definedName name="_125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7"}</definedName>
    <definedName name="_12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2"}</definedName>
    <definedName name="_125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6"}</definedName>
    <definedName name="_125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5"}</definedName>
    <definedName name="_125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4"}</definedName>
    <definedName name="_125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3"}</definedName>
    <definedName name="_125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2"}</definedName>
    <definedName name="_125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1"}</definedName>
    <definedName name="_125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0"}</definedName>
    <definedName name="_125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9"}</definedName>
    <definedName name="_125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8"}</definedName>
    <definedName name="_125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7"}</definedName>
    <definedName name="_12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1"}</definedName>
    <definedName name="_125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6"}</definedName>
    <definedName name="_125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5"}</definedName>
    <definedName name="_125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4"}</definedName>
    <definedName name="_125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3"}</definedName>
    <definedName name="_125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2"}</definedName>
    <definedName name="_125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1"}</definedName>
    <definedName name="_125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0"}</definedName>
    <definedName name="_125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9"}</definedName>
    <definedName name="_125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8"}</definedName>
    <definedName name="_125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7"}</definedName>
    <definedName name="_12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0"}</definedName>
    <definedName name="_125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6"}</definedName>
    <definedName name="_125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5"}</definedName>
    <definedName name="_125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4"}</definedName>
    <definedName name="_125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3"}</definedName>
    <definedName name="_125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2"}</definedName>
    <definedName name="_125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1"}</definedName>
    <definedName name="_125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0"}</definedName>
    <definedName name="_125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9"}</definedName>
    <definedName name="_125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8"}</definedName>
    <definedName name="_125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7"}</definedName>
    <definedName name="_12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9"}</definedName>
    <definedName name="_125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6"}</definedName>
    <definedName name="_125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5"}</definedName>
    <definedName name="_125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4"}</definedName>
    <definedName name="_125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3"}</definedName>
    <definedName name="_125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2"}</definedName>
    <definedName name="_125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1"}</definedName>
    <definedName name="_125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0"}</definedName>
    <definedName name="_125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9"}</definedName>
    <definedName name="_125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8"}</definedName>
    <definedName name="_125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7"}</definedName>
    <definedName name="_12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8"}</definedName>
    <definedName name="_125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6"}</definedName>
    <definedName name="_125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5"}</definedName>
    <definedName name="_125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4"}</definedName>
    <definedName name="_125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3"}</definedName>
    <definedName name="_125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2"}</definedName>
    <definedName name="_125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1"}</definedName>
    <definedName name="_125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definedName>
    <definedName name="_125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definedName>
    <definedName name="_125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definedName>
    <definedName name="_125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definedName>
    <definedName name="_12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7"}</definedName>
    <definedName name="_125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definedName>
    <definedName name="_125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definedName>
    <definedName name="_125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definedName>
    <definedName name="_125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definedName>
    <definedName name="_125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definedName>
    <definedName name="_125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definedName>
    <definedName name="_125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definedName>
    <definedName name="_125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definedName>
    <definedName name="_125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definedName>
    <definedName name="_125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definedName>
    <definedName name="_12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6"}</definedName>
    <definedName name="_125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definedName>
    <definedName name="_125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definedName>
    <definedName name="_125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definedName>
    <definedName name="_125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definedName>
    <definedName name="_125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definedName>
    <definedName name="_125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definedName>
    <definedName name="_125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definedName>
    <definedName name="_125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definedName>
    <definedName name="_125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definedName>
    <definedName name="_125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definedName>
    <definedName name="_12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5"}</definedName>
    <definedName name="_125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definedName>
    <definedName name="_125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definedName>
    <definedName name="_125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definedName>
    <definedName name="_125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definedName>
    <definedName name="_125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definedName>
    <definedName name="_125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definedName>
    <definedName name="_125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definedName>
    <definedName name="_125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definedName>
    <definedName name="_125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definedName>
    <definedName name="_125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definedName>
    <definedName name="_12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4"}</definedName>
    <definedName name="_125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definedName>
    <definedName name="_125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definedName>
    <definedName name="_125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definedName>
    <definedName name="_125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definedName>
    <definedName name="_125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definedName>
    <definedName name="_125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definedName>
    <definedName name="_125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definedName>
    <definedName name="_125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definedName>
    <definedName name="_125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definedName>
    <definedName name="_125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definedName>
    <definedName name="_1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3"}</definedName>
    <definedName name="_12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3"}</definedName>
    <definedName name="_126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definedName>
    <definedName name="_126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definedName>
    <definedName name="_126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definedName>
    <definedName name="_126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definedName>
    <definedName name="_126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definedName>
    <definedName name="_126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definedName>
    <definedName name="_126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0"}</definedName>
    <definedName name="_126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0"}</definedName>
    <definedName name="_126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0"}</definedName>
    <definedName name="_126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0"}</definedName>
    <definedName name="_12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2"}</definedName>
    <definedName name="_126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0"}</definedName>
    <definedName name="_126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0"}</definedName>
    <definedName name="_126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0"}</definedName>
    <definedName name="_126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0"}</definedName>
    <definedName name="_126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0"}</definedName>
    <definedName name="_126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0"}</definedName>
    <definedName name="_126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0"}</definedName>
    <definedName name="_126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0"}</definedName>
    <definedName name="_126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6"}</definedName>
    <definedName name="_126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9"}</definedName>
    <definedName name="_12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1"}</definedName>
    <definedName name="_126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8"}</definedName>
    <definedName name="_126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7"}</definedName>
    <definedName name="_126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6"}</definedName>
    <definedName name="_126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5"}</definedName>
    <definedName name="_126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4"}</definedName>
    <definedName name="_126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3"}</definedName>
    <definedName name="_126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2"}</definedName>
    <definedName name="_126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1"}</definedName>
    <definedName name="_126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0"}</definedName>
    <definedName name="_126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9"}</definedName>
    <definedName name="_12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0"}</definedName>
    <definedName name="_126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8"}</definedName>
    <definedName name="_126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7"}</definedName>
    <definedName name="_126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6"}</definedName>
    <definedName name="_126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5"}</definedName>
    <definedName name="_126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4"}</definedName>
    <definedName name="_126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3"}</definedName>
    <definedName name="_126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2"}</definedName>
    <definedName name="_126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1"}</definedName>
    <definedName name="_126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0"}</definedName>
    <definedName name="_126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9"}</definedName>
    <definedName name="_12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9"}</definedName>
    <definedName name="_126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8"}</definedName>
    <definedName name="_126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7"}</definedName>
    <definedName name="_126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6"}</definedName>
    <definedName name="_126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5"}</definedName>
    <definedName name="_126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4"}</definedName>
    <definedName name="_126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3"}</definedName>
    <definedName name="_126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2"}</definedName>
    <definedName name="_126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1"}</definedName>
    <definedName name="_126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0"}</definedName>
    <definedName name="_126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9"}</definedName>
    <definedName name="_12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8"}</definedName>
    <definedName name="_126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8"}</definedName>
    <definedName name="_126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7"}</definedName>
    <definedName name="_126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6"}</definedName>
    <definedName name="_126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5"}</definedName>
    <definedName name="_126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4"}</definedName>
    <definedName name="_126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3"}</definedName>
    <definedName name="_126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2"}</definedName>
    <definedName name="_126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1"}</definedName>
    <definedName name="_126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0"}</definedName>
    <definedName name="_126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9"}</definedName>
    <definedName name="_12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7"}</definedName>
    <definedName name="_126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8"}</definedName>
    <definedName name="_126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7"}</definedName>
    <definedName name="_126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6"}</definedName>
    <definedName name="_126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5"}</definedName>
    <definedName name="_126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4"}</definedName>
    <definedName name="_126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3"}</definedName>
    <definedName name="_126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2"}</definedName>
    <definedName name="_126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1"}</definedName>
    <definedName name="_126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0"}</definedName>
    <definedName name="_126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9"}</definedName>
    <definedName name="_12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6"}</definedName>
    <definedName name="_126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8"}</definedName>
    <definedName name="_126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7"}</definedName>
    <definedName name="_126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6"}</definedName>
    <definedName name="_126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5"}</definedName>
    <definedName name="_126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4"}</definedName>
    <definedName name="_126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3"}</definedName>
    <definedName name="_126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2"}</definedName>
    <definedName name="_126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1"}</definedName>
    <definedName name="_126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0"}</definedName>
    <definedName name="_126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9"}</definedName>
    <definedName name="_12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5"}</definedName>
    <definedName name="_126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8"}</definedName>
    <definedName name="_126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7"}</definedName>
    <definedName name="_126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6"}</definedName>
    <definedName name="_126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5"}</definedName>
    <definedName name="_126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4"}</definedName>
    <definedName name="_126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3"}</definedName>
    <definedName name="_126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2"}</definedName>
    <definedName name="_126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1"}</definedName>
    <definedName name="_126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0"}</definedName>
    <definedName name="_126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9"}</definedName>
    <definedName name="_12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4"}</definedName>
    <definedName name="_126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8"}</definedName>
    <definedName name="_126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7"}</definedName>
    <definedName name="_126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6"}</definedName>
    <definedName name="_126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5"}</definedName>
    <definedName name="_126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4"}</definedName>
    <definedName name="_126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3"}</definedName>
    <definedName name="_126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2"}</definedName>
    <definedName name="_126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1"}</definedName>
    <definedName name="_126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0"}</definedName>
    <definedName name="_126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9"}</definedName>
    <definedName name="_1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2"}</definedName>
    <definedName name="_12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3"}</definedName>
    <definedName name="_127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8"}</definedName>
    <definedName name="_127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7"}</definedName>
    <definedName name="_127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6"}</definedName>
    <definedName name="_127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5"}</definedName>
    <definedName name="_127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4"}</definedName>
    <definedName name="_127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3"}</definedName>
    <definedName name="_127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2"}</definedName>
    <definedName name="_127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1"}</definedName>
    <definedName name="_127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0"}</definedName>
    <definedName name="_127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9"}</definedName>
    <definedName name="_12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2"}</definedName>
    <definedName name="_127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8"}</definedName>
    <definedName name="_127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7"}</definedName>
    <definedName name="_127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6"}</definedName>
    <definedName name="_127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5"}</definedName>
    <definedName name="_127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4"}</definedName>
    <definedName name="_127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3"}</definedName>
    <definedName name="_127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2"}</definedName>
    <definedName name="_127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1"}</definedName>
    <definedName name="_127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0"}</definedName>
    <definedName name="_127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9"}</definedName>
    <definedName name="_12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1"}</definedName>
    <definedName name="_127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8"}</definedName>
    <definedName name="_127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7"}</definedName>
    <definedName name="_127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6"}</definedName>
    <definedName name="_127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5"}</definedName>
    <definedName name="_127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4"}</definedName>
    <definedName name="_127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3"}</definedName>
    <definedName name="_127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2"}</definedName>
    <definedName name="_127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1"}</definedName>
    <definedName name="_127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0"}</definedName>
    <definedName name="_127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9"}</definedName>
    <definedName name="_12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0"}</definedName>
    <definedName name="_127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8"}</definedName>
    <definedName name="_127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7"}</definedName>
    <definedName name="_127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6"}</definedName>
    <definedName name="_127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5"}</definedName>
    <definedName name="_127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4"}</definedName>
    <definedName name="_127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3"}</definedName>
    <definedName name="_127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2"}</definedName>
    <definedName name="_127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1"}</definedName>
    <definedName name="_127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0"}</definedName>
    <definedName name="_127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9"}</definedName>
    <definedName name="_12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9"}</definedName>
    <definedName name="_127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8"}</definedName>
    <definedName name="_127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7"}</definedName>
    <definedName name="_127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6"}</definedName>
    <definedName name="_127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5"}</definedName>
    <definedName name="_127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4"}</definedName>
    <definedName name="_127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3"}</definedName>
    <definedName name="_127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2"}</definedName>
    <definedName name="_127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1"}</definedName>
    <definedName name="_127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0"}</definedName>
    <definedName name="_127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9"}</definedName>
    <definedName name="_12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8"}</definedName>
    <definedName name="_127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8"}</definedName>
    <definedName name="_127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7"}</definedName>
    <definedName name="_127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6"}</definedName>
    <definedName name="_127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5"}</definedName>
    <definedName name="_127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4"}</definedName>
    <definedName name="_127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3"}</definedName>
    <definedName name="_127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2"}</definedName>
    <definedName name="_127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1"}</definedName>
    <definedName name="_127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0"}</definedName>
    <definedName name="_127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9"}</definedName>
    <definedName name="_12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7"}</definedName>
    <definedName name="_127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8"}</definedName>
    <definedName name="_127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7"}</definedName>
    <definedName name="_127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6"}</definedName>
    <definedName name="_127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5"}</definedName>
    <definedName name="_127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4"}</definedName>
    <definedName name="_127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3"}</definedName>
    <definedName name="_127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2"}</definedName>
    <definedName name="_127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1"}</definedName>
    <definedName name="_127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0"}</definedName>
    <definedName name="_127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9"}</definedName>
    <definedName name="_12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6"}</definedName>
    <definedName name="_127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8"}</definedName>
    <definedName name="_127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7"}</definedName>
    <definedName name="_127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6"}</definedName>
    <definedName name="_127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5"}</definedName>
    <definedName name="_127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4"}</definedName>
    <definedName name="_127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3"}</definedName>
    <definedName name="_127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2"}</definedName>
    <definedName name="_127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1"}</definedName>
    <definedName name="_127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0"}</definedName>
    <definedName name="_127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9"}</definedName>
    <definedName name="_12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5"}</definedName>
    <definedName name="_127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8"}</definedName>
    <definedName name="_127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7"}</definedName>
    <definedName name="_127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6"}</definedName>
    <definedName name="_127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5"}</definedName>
    <definedName name="_127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4"}</definedName>
    <definedName name="_127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3"}</definedName>
    <definedName name="_127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2"}</definedName>
    <definedName name="_127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1"}</definedName>
    <definedName name="_127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0"}</definedName>
    <definedName name="_127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9"}</definedName>
    <definedName name="_12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4"}</definedName>
    <definedName name="_127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8"}</definedName>
    <definedName name="_127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7"}</definedName>
    <definedName name="_127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6"}</definedName>
    <definedName name="_127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5"}</definedName>
    <definedName name="_127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4"}</definedName>
    <definedName name="_127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3"}</definedName>
    <definedName name="_127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2"}</definedName>
    <definedName name="_127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1"}</definedName>
    <definedName name="_127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0"}</definedName>
    <definedName name="_127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9"}</definedName>
    <definedName name="_1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1"}</definedName>
    <definedName name="_12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3"}</definedName>
    <definedName name="_128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8"}</definedName>
    <definedName name="_128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7"}</definedName>
    <definedName name="_128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6"}</definedName>
    <definedName name="_128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5"}</definedName>
    <definedName name="_128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4"}</definedName>
    <definedName name="_128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3"}</definedName>
    <definedName name="_128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2"}</definedName>
    <definedName name="_128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1"}</definedName>
    <definedName name="_128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0"}</definedName>
    <definedName name="_128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9"}</definedName>
    <definedName name="_12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2"}</definedName>
    <definedName name="_128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8"}</definedName>
    <definedName name="_128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7"}</definedName>
    <definedName name="_128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6"}</definedName>
    <definedName name="_128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5"}</definedName>
    <definedName name="_128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4"}</definedName>
    <definedName name="_128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3"}</definedName>
    <definedName name="_128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2"}</definedName>
    <definedName name="_128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1"}</definedName>
    <definedName name="_128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0"}</definedName>
    <definedName name="_128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9"}</definedName>
    <definedName name="_12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1"}</definedName>
    <definedName name="_128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8"}</definedName>
    <definedName name="_128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7"}</definedName>
    <definedName name="_128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6"}</definedName>
    <definedName name="_128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5"}</definedName>
    <definedName name="_128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4"}</definedName>
    <definedName name="_128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3"}</definedName>
    <definedName name="_128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2"}</definedName>
    <definedName name="_128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1"}</definedName>
    <definedName name="_128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0"}</definedName>
    <definedName name="_128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9"}</definedName>
    <definedName name="_12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0"}</definedName>
    <definedName name="_128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8"}</definedName>
    <definedName name="_128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7"}</definedName>
    <definedName name="_128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6"}</definedName>
    <definedName name="_128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5"}</definedName>
    <definedName name="_128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4"}</definedName>
    <definedName name="_128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3"}</definedName>
    <definedName name="_128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2"}</definedName>
    <definedName name="_128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1"}</definedName>
    <definedName name="_128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0"}</definedName>
    <definedName name="_128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9"}</definedName>
    <definedName name="_12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9"}</definedName>
    <definedName name="_128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8"}</definedName>
    <definedName name="_128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7"}</definedName>
    <definedName name="_128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6"}</definedName>
    <definedName name="_128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5"}</definedName>
    <definedName name="_128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4"}</definedName>
    <definedName name="_128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3"}</definedName>
    <definedName name="_128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2"}</definedName>
    <definedName name="_128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1"}</definedName>
    <definedName name="_128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0"}</definedName>
    <definedName name="_128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9"}</definedName>
    <definedName name="_12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8"}</definedName>
    <definedName name="_128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8"}</definedName>
    <definedName name="_128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7"}</definedName>
    <definedName name="_128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6"}</definedName>
    <definedName name="_128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5"}</definedName>
    <definedName name="_128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4"}</definedName>
    <definedName name="_128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3"}</definedName>
    <definedName name="_128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2"}</definedName>
    <definedName name="_128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1"}</definedName>
    <definedName name="_128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0"}</definedName>
    <definedName name="_128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9"}</definedName>
    <definedName name="_12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7"}</definedName>
    <definedName name="_128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8"}</definedName>
    <definedName name="_128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7"}</definedName>
    <definedName name="_128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6"}</definedName>
    <definedName name="_128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5"}</definedName>
    <definedName name="_128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4"}</definedName>
    <definedName name="_128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3"}</definedName>
    <definedName name="_128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2"}</definedName>
    <definedName name="_128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1"}</definedName>
    <definedName name="_128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definedName>
    <definedName name="_128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definedName>
    <definedName name="_12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6"}</definedName>
    <definedName name="_128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definedName>
    <definedName name="_128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definedName>
    <definedName name="_128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definedName>
    <definedName name="_128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definedName>
    <definedName name="_128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definedName>
    <definedName name="_128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definedName>
    <definedName name="_128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definedName>
    <definedName name="_128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definedName>
    <definedName name="_128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definedName>
    <definedName name="_128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definedName>
    <definedName name="_12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5"}</definedName>
    <definedName name="_128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definedName>
    <definedName name="_128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definedName>
    <definedName name="_128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definedName>
    <definedName name="_128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definedName>
    <definedName name="_128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definedName>
    <definedName name="_128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definedName>
    <definedName name="_128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definedName>
    <definedName name="_128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definedName>
    <definedName name="_128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definedName>
    <definedName name="_128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definedName>
    <definedName name="_12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4"}</definedName>
    <definedName name="_128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definedName>
    <definedName name="_128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definedName>
    <definedName name="_128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definedName>
    <definedName name="_128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definedName>
    <definedName name="_128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definedName>
    <definedName name="_128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definedName>
    <definedName name="_128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definedName>
    <definedName name="_128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definedName>
    <definedName name="_128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definedName>
    <definedName name="_128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definedName>
    <definedName name="_1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0"}</definedName>
    <definedName name="_12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3"}</definedName>
    <definedName name="_129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definedName>
    <definedName name="_129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definedName>
    <definedName name="_129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definedName>
    <definedName name="_129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definedName>
    <definedName name="_129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definedName>
    <definedName name="_129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definedName>
    <definedName name="_129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definedName>
    <definedName name="_129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definedName>
    <definedName name="_129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definedName>
    <definedName name="_129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definedName>
    <definedName name="_12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2"}</definedName>
    <definedName name="_129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definedName>
    <definedName name="_129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definedName>
    <definedName name="_129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definedName>
    <definedName name="_129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definedName>
    <definedName name="_129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definedName>
    <definedName name="_129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definedName>
    <definedName name="_129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definedName>
    <definedName name="_129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definedName>
    <definedName name="_129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0"}</definedName>
    <definedName name="_129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6"}</definedName>
    <definedName name="_12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1"}</definedName>
    <definedName name="_129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5"}</definedName>
    <definedName name="_129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4"}</definedName>
    <definedName name="_129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3"}</definedName>
    <definedName name="_129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2"}</definedName>
    <definedName name="_129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1"}</definedName>
    <definedName name="_129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0"}</definedName>
    <definedName name="_129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9"}</definedName>
    <definedName name="_129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8"}</definedName>
    <definedName name="_129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7"}</definedName>
    <definedName name="_129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6"}</definedName>
    <definedName name="_12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0"}</definedName>
    <definedName name="_129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5"}</definedName>
    <definedName name="_129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4"}</definedName>
    <definedName name="_129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3"}</definedName>
    <definedName name="_129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2"}</definedName>
    <definedName name="_129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1"}</definedName>
    <definedName name="_129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0"}</definedName>
    <definedName name="_129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9"}</definedName>
    <definedName name="_129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8"}</definedName>
    <definedName name="_129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7"}</definedName>
    <definedName name="_129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6"}</definedName>
    <definedName name="_12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9"}</definedName>
    <definedName name="_129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5"}</definedName>
    <definedName name="_129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4"}</definedName>
    <definedName name="_129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3"}</definedName>
    <definedName name="_129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2"}</definedName>
    <definedName name="_129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1"}</definedName>
    <definedName name="_129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0"}</definedName>
    <definedName name="_129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9"}</definedName>
    <definedName name="_129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8"}</definedName>
    <definedName name="_129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7"}</definedName>
    <definedName name="_129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6"}</definedName>
    <definedName name="_12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8"}</definedName>
    <definedName name="_129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5"}</definedName>
    <definedName name="_129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4"}</definedName>
    <definedName name="_129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3"}</definedName>
    <definedName name="_129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2"}</definedName>
    <definedName name="_129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1"}</definedName>
    <definedName name="_129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0"}</definedName>
    <definedName name="_129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9"}</definedName>
    <definedName name="_129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8"}</definedName>
    <definedName name="_129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7"}</definedName>
    <definedName name="_129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6"}</definedName>
    <definedName name="_12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7"}</definedName>
    <definedName name="_129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5"}</definedName>
    <definedName name="_129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4"}</definedName>
    <definedName name="_129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3"}</definedName>
    <definedName name="_129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2"}</definedName>
    <definedName name="_129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1"}</definedName>
    <definedName name="_129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0"}</definedName>
    <definedName name="_129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9"}</definedName>
    <definedName name="_129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8"}</definedName>
    <definedName name="_129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7"}</definedName>
    <definedName name="_129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6"}</definedName>
    <definedName name="_12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6"}</definedName>
    <definedName name="_129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5"}</definedName>
    <definedName name="_129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4"}</definedName>
    <definedName name="_129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3"}</definedName>
    <definedName name="_129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2"}</definedName>
    <definedName name="_129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1"}</definedName>
    <definedName name="_129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0"}</definedName>
    <definedName name="_129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9"}</definedName>
    <definedName name="_129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8"}</definedName>
    <definedName name="_129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7"}</definedName>
    <definedName name="_129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6"}</definedName>
    <definedName name="_12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5"}</definedName>
    <definedName name="_129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5"}</definedName>
    <definedName name="_129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4"}</definedName>
    <definedName name="_129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3"}</definedName>
    <definedName name="_129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2"}</definedName>
    <definedName name="_129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1"}</definedName>
    <definedName name="_129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0"}</definedName>
    <definedName name="_129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9"}</definedName>
    <definedName name="_129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8"}</definedName>
    <definedName name="_129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7"}</definedName>
    <definedName name="_129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6"}</definedName>
    <definedName name="_12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4"}</definedName>
    <definedName name="_129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5"}</definedName>
    <definedName name="_129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4"}</definedName>
    <definedName name="_129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3"}</definedName>
    <definedName name="_129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2"}</definedName>
    <definedName name="_129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1"}</definedName>
    <definedName name="_129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0"}</definedName>
    <definedName name="_129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9"}</definedName>
    <definedName name="_129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8"}</definedName>
    <definedName name="_129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7"}</definedName>
    <definedName name="_129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6"}</definedName>
    <definedName name="_13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4"}</definedName>
    <definedName name="_1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9"}</definedName>
    <definedName name="_13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3"}</definedName>
    <definedName name="_130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5"}</definedName>
    <definedName name="_130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4"}</definedName>
    <definedName name="_130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3"}</definedName>
    <definedName name="_130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2"}</definedName>
    <definedName name="_130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1"}</definedName>
    <definedName name="_130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0"}</definedName>
    <definedName name="_130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9"}</definedName>
    <definedName name="_130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8"}</definedName>
    <definedName name="_130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7"}</definedName>
    <definedName name="_130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6"}</definedName>
    <definedName name="_13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2"}</definedName>
    <definedName name="_130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5"}</definedName>
    <definedName name="_130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4"}</definedName>
    <definedName name="_130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3"}</definedName>
    <definedName name="_130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2"}</definedName>
    <definedName name="_130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1"}</definedName>
    <definedName name="_130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0"}</definedName>
    <definedName name="_130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9"}</definedName>
    <definedName name="_130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8"}</definedName>
    <definedName name="_130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7"}</definedName>
    <definedName name="_130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6"}</definedName>
    <definedName name="_13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1"}</definedName>
    <definedName name="_130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5"}</definedName>
    <definedName name="_130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4"}</definedName>
    <definedName name="_130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3"}</definedName>
    <definedName name="_130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2"}</definedName>
    <definedName name="_130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1"}</definedName>
    <definedName name="_130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0"}</definedName>
    <definedName name="_130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9"}</definedName>
    <definedName name="_130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8"}</definedName>
    <definedName name="_130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7"}</definedName>
    <definedName name="_130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6"}</definedName>
    <definedName name="_13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0"}</definedName>
    <definedName name="_130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5"}</definedName>
    <definedName name="_130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4"}</definedName>
    <definedName name="_130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3"}</definedName>
    <definedName name="_130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2"}</definedName>
    <definedName name="_130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1"}</definedName>
    <definedName name="_130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0"}</definedName>
    <definedName name="_130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9"}</definedName>
    <definedName name="_130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8"}</definedName>
    <definedName name="_130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7"}</definedName>
    <definedName name="_130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6"}</definedName>
    <definedName name="_13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9"}</definedName>
    <definedName name="_130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5"}</definedName>
    <definedName name="_130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4"}</definedName>
    <definedName name="_130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3"}</definedName>
    <definedName name="_130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2"}</definedName>
    <definedName name="_130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1"}</definedName>
    <definedName name="_130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0"}</definedName>
    <definedName name="_130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9"}</definedName>
    <definedName name="_130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8"}</definedName>
    <definedName name="_130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7"}</definedName>
    <definedName name="_130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6"}</definedName>
    <definedName name="_13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8"}</definedName>
    <definedName name="_130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5"}</definedName>
    <definedName name="_130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4"}</definedName>
    <definedName name="_130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3"}</definedName>
    <definedName name="_130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2"}</definedName>
    <definedName name="_130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1"}</definedName>
    <definedName name="_130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0"}</definedName>
    <definedName name="_130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9"}</definedName>
    <definedName name="_130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8"}</definedName>
    <definedName name="_130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7"}</definedName>
    <definedName name="_130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6"}</definedName>
    <definedName name="_13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7"}</definedName>
    <definedName name="_130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5"}</definedName>
    <definedName name="_130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4"}</definedName>
    <definedName name="_130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3"}</definedName>
    <definedName name="_130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2"}</definedName>
    <definedName name="_130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1"}</definedName>
    <definedName name="_130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0"}</definedName>
    <definedName name="_130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9"}</definedName>
    <definedName name="_130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8"}</definedName>
    <definedName name="_130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7"}</definedName>
    <definedName name="_130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6"}</definedName>
    <definedName name="_13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6"}</definedName>
    <definedName name="_130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5"}</definedName>
    <definedName name="_130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4"}</definedName>
    <definedName name="_130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3"}</definedName>
    <definedName name="_130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2"}</definedName>
    <definedName name="_130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1"}</definedName>
    <definedName name="_130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0"}</definedName>
    <definedName name="_130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9"}</definedName>
    <definedName name="_130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8"}</definedName>
    <definedName name="_130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7"}</definedName>
    <definedName name="_130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6"}</definedName>
    <definedName name="_13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5"}</definedName>
    <definedName name="_130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5"}</definedName>
    <definedName name="_130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4"}</definedName>
    <definedName name="_130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3"}</definedName>
    <definedName name="_130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2"}</definedName>
    <definedName name="_130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1"}</definedName>
    <definedName name="_130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0"}</definedName>
    <definedName name="_130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9"}</definedName>
    <definedName name="_130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8"}</definedName>
    <definedName name="_130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7"}</definedName>
    <definedName name="_130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6"}</definedName>
    <definedName name="_13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4"}</definedName>
    <definedName name="_130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5"}</definedName>
    <definedName name="_130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4"}</definedName>
    <definedName name="_130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3"}</definedName>
    <definedName name="_130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2"}</definedName>
    <definedName name="_130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1"}</definedName>
    <definedName name="_130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0"}</definedName>
    <definedName name="_130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9"}</definedName>
    <definedName name="_130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8"}</definedName>
    <definedName name="_130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7"}</definedName>
    <definedName name="_130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6"}</definedName>
    <definedName name="_1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8"}</definedName>
    <definedName name="_13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3"}</definedName>
    <definedName name="_131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5"}</definedName>
    <definedName name="_131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4"}</definedName>
    <definedName name="_131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3"}</definedName>
    <definedName name="_131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2"}</definedName>
    <definedName name="_131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1"}</definedName>
    <definedName name="_131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0"}</definedName>
    <definedName name="_131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9"}</definedName>
    <definedName name="_131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8"}</definedName>
    <definedName name="_131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7"}</definedName>
    <definedName name="_131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6"}</definedName>
    <definedName name="_13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2"}</definedName>
    <definedName name="_131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5"}</definedName>
    <definedName name="_131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4"}</definedName>
    <definedName name="_131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3"}</definedName>
    <definedName name="_131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2"}</definedName>
    <definedName name="_131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1"}</definedName>
    <definedName name="_131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0"}</definedName>
    <definedName name="_131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9"}</definedName>
    <definedName name="_131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8"}</definedName>
    <definedName name="_131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7"}</definedName>
    <definedName name="_131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6"}</definedName>
    <definedName name="_13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1"}</definedName>
    <definedName name="_131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5"}</definedName>
    <definedName name="_131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4"}</definedName>
    <definedName name="_131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3"}</definedName>
    <definedName name="_131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2"}</definedName>
    <definedName name="_131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1"}</definedName>
    <definedName name="_131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0"}</definedName>
    <definedName name="_131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9"}</definedName>
    <definedName name="_131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8"}</definedName>
    <definedName name="_131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7"}</definedName>
    <definedName name="_131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6"}</definedName>
    <definedName name="_13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0"}</definedName>
    <definedName name="_131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5"}</definedName>
    <definedName name="_131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4"}</definedName>
    <definedName name="_131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3"}</definedName>
    <definedName name="_131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2"}</definedName>
    <definedName name="_131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1"}</definedName>
    <definedName name="_131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0"}</definedName>
    <definedName name="_131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9"}</definedName>
    <definedName name="_131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8"}</definedName>
    <definedName name="_131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7"}</definedName>
    <definedName name="_131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6"}</definedName>
    <definedName name="_13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9"}</definedName>
    <definedName name="_131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5"}</definedName>
    <definedName name="_131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4"}</definedName>
    <definedName name="_131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3"}</definedName>
    <definedName name="_131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2"}</definedName>
    <definedName name="_131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1"}</definedName>
    <definedName name="_131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0"}</definedName>
    <definedName name="_131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9"}</definedName>
    <definedName name="_131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8"}</definedName>
    <definedName name="_131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7"}</definedName>
    <definedName name="_131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6"}</definedName>
    <definedName name="_13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8"}</definedName>
    <definedName name="_131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5"}</definedName>
    <definedName name="_131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4"}</definedName>
    <definedName name="_131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3"}</definedName>
    <definedName name="_131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2"}</definedName>
    <definedName name="_131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1"}</definedName>
    <definedName name="_131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0"}</definedName>
    <definedName name="_131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9"}</definedName>
    <definedName name="_131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8"}</definedName>
    <definedName name="_131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7"}</definedName>
    <definedName name="_131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6"}</definedName>
    <definedName name="_13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7"}</definedName>
    <definedName name="_131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5"}</definedName>
    <definedName name="_131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4"}</definedName>
    <definedName name="_131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3"}</definedName>
    <definedName name="_131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2"}</definedName>
    <definedName name="_131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1"}</definedName>
    <definedName name="_131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0"}</definedName>
    <definedName name="_131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9"}</definedName>
    <definedName name="_131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8"}</definedName>
    <definedName name="_131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7"}</definedName>
    <definedName name="_131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6"}</definedName>
    <definedName name="_13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6"}</definedName>
    <definedName name="_131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5"}</definedName>
    <definedName name="_131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4"}</definedName>
    <definedName name="_131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3"}</definedName>
    <definedName name="_131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2"}</definedName>
    <definedName name="_131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1"}</definedName>
    <definedName name="_131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0"}</definedName>
    <definedName name="_131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9"}</definedName>
    <definedName name="_131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8"}</definedName>
    <definedName name="_131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7"}</definedName>
    <definedName name="_131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6"}</definedName>
    <definedName name="_13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5"}</definedName>
    <definedName name="_131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5"}</definedName>
    <definedName name="_131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4"}</definedName>
    <definedName name="_131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3"}</definedName>
    <definedName name="_131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2"}</definedName>
    <definedName name="_131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1"}</definedName>
    <definedName name="_131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0"}</definedName>
    <definedName name="_131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9"}</definedName>
    <definedName name="_131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8"}</definedName>
    <definedName name="_131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7"}</definedName>
    <definedName name="_131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6"}</definedName>
    <definedName name="_13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4"}</definedName>
    <definedName name="_131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5"}</definedName>
    <definedName name="_131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4"}</definedName>
    <definedName name="_131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3"}</definedName>
    <definedName name="_131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2"}</definedName>
    <definedName name="_131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1"}</definedName>
    <definedName name="_131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0"}</definedName>
    <definedName name="_131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9"}</definedName>
    <definedName name="_131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8"}</definedName>
    <definedName name="_131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7"}</definedName>
    <definedName name="_131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6"}</definedName>
    <definedName name="_1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7"}</definedName>
    <definedName name="_13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3"}</definedName>
    <definedName name="_132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5"}</definedName>
    <definedName name="_132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4"}</definedName>
    <definedName name="_132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3"}</definedName>
    <definedName name="_132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2"}</definedName>
    <definedName name="_132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1"}</definedName>
    <definedName name="_132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0"}</definedName>
    <definedName name="_132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9"}</definedName>
    <definedName name="_132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8"}</definedName>
    <definedName name="_132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7"}</definedName>
    <definedName name="_132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6"}</definedName>
    <definedName name="_13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2"}</definedName>
    <definedName name="_132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5"}</definedName>
    <definedName name="_132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4"}</definedName>
    <definedName name="_132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3"}</definedName>
    <definedName name="_132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2"}</definedName>
    <definedName name="_132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1"}</definedName>
    <definedName name="_132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0"}</definedName>
    <definedName name="_132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9"}</definedName>
    <definedName name="_132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8"}</definedName>
    <definedName name="_132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7"}</definedName>
    <definedName name="_132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6"}</definedName>
    <definedName name="_13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1"}</definedName>
    <definedName name="_132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5"}</definedName>
    <definedName name="_132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4"}</definedName>
    <definedName name="_132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3"}</definedName>
    <definedName name="_132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2"}</definedName>
    <definedName name="_132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1"}</definedName>
    <definedName name="_132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0"}</definedName>
    <definedName name="_132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9"}</definedName>
    <definedName name="_132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8"}</definedName>
    <definedName name="_132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7"}</definedName>
    <definedName name="_132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6"}</definedName>
    <definedName name="_13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0"}</definedName>
    <definedName name="_132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5"}</definedName>
    <definedName name="_132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4"}</definedName>
    <definedName name="_132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3"}</definedName>
    <definedName name="_132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2"}</definedName>
    <definedName name="_132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1"}</definedName>
    <definedName name="_132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0"}</definedName>
    <definedName name="_132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9"}</definedName>
    <definedName name="_132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8"}</definedName>
    <definedName name="_132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7"}</definedName>
    <definedName name="_132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6"}</definedName>
    <definedName name="_13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9"}</definedName>
    <definedName name="_132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5"}</definedName>
    <definedName name="_132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4"}</definedName>
    <definedName name="_132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3"}</definedName>
    <definedName name="_132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2"}</definedName>
    <definedName name="_132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1"}</definedName>
    <definedName name="_132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0"}</definedName>
    <definedName name="_132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9"}</definedName>
    <definedName name="_132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8"}</definedName>
    <definedName name="_132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7"}</definedName>
    <definedName name="_132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6"}</definedName>
    <definedName name="_13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8"}</definedName>
    <definedName name="_132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5"}</definedName>
    <definedName name="_132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4"}</definedName>
    <definedName name="_132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3"}</definedName>
    <definedName name="_132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2"}</definedName>
    <definedName name="_132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1"}</definedName>
    <definedName name="_132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0"}</definedName>
    <definedName name="_132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9"}</definedName>
    <definedName name="_132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8"}</definedName>
    <definedName name="_132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7"}</definedName>
    <definedName name="_132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6"}</definedName>
    <definedName name="_13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7"}</definedName>
    <definedName name="_132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5"}</definedName>
    <definedName name="_132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4"}</definedName>
    <definedName name="_132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3"}</definedName>
    <definedName name="_132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2"}</definedName>
    <definedName name="_132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1"}</definedName>
    <definedName name="_132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0"}</definedName>
    <definedName name="_132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9"}</definedName>
    <definedName name="_132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8"}</definedName>
    <definedName name="_132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7"}</definedName>
    <definedName name="_132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6"}</definedName>
    <definedName name="_13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6"}</definedName>
    <definedName name="_132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5"}</definedName>
    <definedName name="_132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4"}</definedName>
    <definedName name="_132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3"}</definedName>
    <definedName name="_132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2"}</definedName>
    <definedName name="_132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1"}</definedName>
    <definedName name="_132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0"}</definedName>
    <definedName name="_132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9"}</definedName>
    <definedName name="_132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8"}</definedName>
    <definedName name="_132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7"}</definedName>
    <definedName name="_132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6"}</definedName>
    <definedName name="_13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5"}</definedName>
    <definedName name="_132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5"}</definedName>
    <definedName name="_132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4"}</definedName>
    <definedName name="_132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3"}</definedName>
    <definedName name="_132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2"}</definedName>
    <definedName name="_132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1"}</definedName>
    <definedName name="_132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0"}</definedName>
    <definedName name="_132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9"}</definedName>
    <definedName name="_132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8"}</definedName>
    <definedName name="_132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7"}</definedName>
    <definedName name="_132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6"}</definedName>
    <definedName name="_13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4"}</definedName>
    <definedName name="_132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5"}</definedName>
    <definedName name="_132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4"}</definedName>
    <definedName name="_132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3"}</definedName>
    <definedName name="_132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2"}</definedName>
    <definedName name="_132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1"}</definedName>
    <definedName name="_132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0"}</definedName>
    <definedName name="_132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9"}</definedName>
    <definedName name="_132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8"}</definedName>
    <definedName name="_132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7"}</definedName>
    <definedName name="_132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6"}</definedName>
    <definedName name="_1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6"}</definedName>
    <definedName name="_13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3"}</definedName>
    <definedName name="_133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5"}</definedName>
    <definedName name="_133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4"}</definedName>
    <definedName name="_133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3"}</definedName>
    <definedName name="_133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2"}</definedName>
    <definedName name="_133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1"}</definedName>
    <definedName name="_133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0"}</definedName>
    <definedName name="_133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9"}</definedName>
    <definedName name="_133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8"}</definedName>
    <definedName name="_133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7"}</definedName>
    <definedName name="_133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6"}</definedName>
    <definedName name="_13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2"}</definedName>
    <definedName name="_133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5"}</definedName>
    <definedName name="_133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4"}</definedName>
    <definedName name="_133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3"}</definedName>
    <definedName name="_133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2"}</definedName>
    <definedName name="_133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1"}</definedName>
    <definedName name="_133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0"}</definedName>
    <definedName name="_133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9"}</definedName>
    <definedName name="_133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8"}</definedName>
    <definedName name="_133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7"}</definedName>
    <definedName name="_133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6"}</definedName>
    <definedName name="_13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1"}</definedName>
    <definedName name="_133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5"}</definedName>
    <definedName name="_133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4"}</definedName>
    <definedName name="_133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3"}</definedName>
    <definedName name="_133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2"}</definedName>
    <definedName name="_133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1"}</definedName>
    <definedName name="_133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0"}</definedName>
    <definedName name="_133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9"}</definedName>
    <definedName name="_133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8"}</definedName>
    <definedName name="_133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7"}</definedName>
    <definedName name="_133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6"}</definedName>
    <definedName name="_13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0"}</definedName>
    <definedName name="_133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5"}</definedName>
    <definedName name="_133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4"}</definedName>
    <definedName name="_133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3"}</definedName>
    <definedName name="_133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2"}</definedName>
    <definedName name="_133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1"}</definedName>
    <definedName name="_133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0"}</definedName>
    <definedName name="_133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9"}</definedName>
    <definedName name="_133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8"}</definedName>
    <definedName name="_133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7"}</definedName>
    <definedName name="_133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6"}</definedName>
    <definedName name="_13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9"}</definedName>
    <definedName name="_133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5"}</definedName>
    <definedName name="_133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4"}</definedName>
    <definedName name="_133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3"}</definedName>
    <definedName name="_133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2"}</definedName>
    <definedName name="_133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1"}</definedName>
    <definedName name="_133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0"}</definedName>
    <definedName name="_133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9"}</definedName>
    <definedName name="_133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8"}</definedName>
    <definedName name="_133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7"}</definedName>
    <definedName name="_133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6"}</definedName>
    <definedName name="_13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8"}</definedName>
    <definedName name="_133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5"}</definedName>
    <definedName name="_133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4"}</definedName>
    <definedName name="_133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3"}</definedName>
    <definedName name="_133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2"}</definedName>
    <definedName name="_133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1"}</definedName>
    <definedName name="_133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0"}</definedName>
    <definedName name="_133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9"}</definedName>
    <definedName name="_133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8"}</definedName>
    <definedName name="_133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7"}</definedName>
    <definedName name="_133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6"}</definedName>
    <definedName name="_13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7"}</definedName>
    <definedName name="_133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5"}</definedName>
    <definedName name="_133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4"}</definedName>
    <definedName name="_133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3"}</definedName>
    <definedName name="_133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2"}</definedName>
    <definedName name="_133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1"}</definedName>
    <definedName name="_133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0"}</definedName>
    <definedName name="_133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9"}</definedName>
    <definedName name="_133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8"}</definedName>
    <definedName name="_133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7"}</definedName>
    <definedName name="_133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6"}</definedName>
    <definedName name="_13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6"}</definedName>
    <definedName name="_133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5"}</definedName>
    <definedName name="_133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4"}</definedName>
    <definedName name="_133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3"}</definedName>
    <definedName name="_133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2"}</definedName>
    <definedName name="_133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1"}</definedName>
    <definedName name="_133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definedName>
    <definedName name="_133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definedName>
    <definedName name="_133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definedName>
    <definedName name="_133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definedName>
    <definedName name="_133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definedName>
    <definedName name="_13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5"}</definedName>
    <definedName name="_133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definedName>
    <definedName name="_133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definedName>
    <definedName name="_133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definedName>
    <definedName name="_133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definedName>
    <definedName name="_133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definedName>
    <definedName name="_133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definedName>
    <definedName name="_133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definedName>
    <definedName name="_133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definedName>
    <definedName name="_133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definedName>
    <definedName name="_133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definedName>
    <definedName name="_13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4"}</definedName>
    <definedName name="_133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definedName>
    <definedName name="_133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definedName>
    <definedName name="_133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definedName>
    <definedName name="_133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definedName>
    <definedName name="_133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definedName>
    <definedName name="_133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definedName>
    <definedName name="_133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definedName>
    <definedName name="_133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definedName>
    <definedName name="_133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definedName>
    <definedName name="_133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definedName>
    <definedName name="_1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5"}</definedName>
    <definedName name="_13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3"}</definedName>
    <definedName name="_134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definedName>
    <definedName name="_134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definedName>
    <definedName name="_134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definedName>
    <definedName name="_134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definedName>
    <definedName name="_134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definedName>
    <definedName name="_134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definedName>
    <definedName name="_134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definedName>
    <definedName name="_134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definedName>
    <definedName name="_134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definedName>
    <definedName name="_134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definedName>
    <definedName name="_13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2"}</definedName>
    <definedName name="_134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definedName>
    <definedName name="_134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definedName>
    <definedName name="_134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definedName>
    <definedName name="_134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definedName>
    <definedName name="_134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definedName>
    <definedName name="_134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definedName>
    <definedName name="_134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definedName>
    <definedName name="_134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definedName>
    <definedName name="_134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definedName>
    <definedName name="_134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definedName>
    <definedName name="_13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1"}</definedName>
    <definedName name="_134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definedName>
    <definedName name="_134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definedName>
    <definedName name="_134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definedName>
    <definedName name="_134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definedName>
    <definedName name="_134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definedName>
    <definedName name="_134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0"}</definedName>
    <definedName name="_134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6"}</definedName>
    <definedName name="_134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5"}</definedName>
    <definedName name="_134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4"}</definedName>
    <definedName name="_134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3"}</definedName>
    <definedName name="_13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0"}</definedName>
    <definedName name="_134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2"}</definedName>
    <definedName name="_134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1"}</definedName>
    <definedName name="_134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0"}</definedName>
    <definedName name="_134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9"}</definedName>
    <definedName name="_134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8"}</definedName>
    <definedName name="_134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7"}</definedName>
    <definedName name="_134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6"}</definedName>
    <definedName name="_134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5"}</definedName>
    <definedName name="_134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4"}</definedName>
    <definedName name="_134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3"}</definedName>
    <definedName name="_13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9"}</definedName>
    <definedName name="_134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2"}</definedName>
    <definedName name="_134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1"}</definedName>
    <definedName name="_134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0"}</definedName>
    <definedName name="_134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9"}</definedName>
    <definedName name="_134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8"}</definedName>
    <definedName name="_134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7"}</definedName>
    <definedName name="_134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6"}</definedName>
    <definedName name="_134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5"}</definedName>
    <definedName name="_134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4"}</definedName>
    <definedName name="_134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3"}</definedName>
    <definedName name="_13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8"}</definedName>
    <definedName name="_134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2"}</definedName>
    <definedName name="_134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1"}</definedName>
    <definedName name="_134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0"}</definedName>
    <definedName name="_134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9"}</definedName>
    <definedName name="_134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8"}</definedName>
    <definedName name="_134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7"}</definedName>
    <definedName name="_134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6"}</definedName>
    <definedName name="_134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5"}</definedName>
    <definedName name="_134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4"}</definedName>
    <definedName name="_134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3"}</definedName>
    <definedName name="_13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7"}</definedName>
    <definedName name="_134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2"}</definedName>
    <definedName name="_134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1"}</definedName>
    <definedName name="_134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0"}</definedName>
    <definedName name="_134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9"}</definedName>
    <definedName name="_134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8"}</definedName>
    <definedName name="_134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7"}</definedName>
    <definedName name="_134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6"}</definedName>
    <definedName name="_134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5"}</definedName>
    <definedName name="_134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4"}</definedName>
    <definedName name="_134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3"}</definedName>
    <definedName name="_13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6"}</definedName>
    <definedName name="_134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2"}</definedName>
    <definedName name="_134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1"}</definedName>
    <definedName name="_134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0"}</definedName>
    <definedName name="_134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9"}</definedName>
    <definedName name="_134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8"}</definedName>
    <definedName name="_134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7"}</definedName>
    <definedName name="_134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6"}</definedName>
    <definedName name="_134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5"}</definedName>
    <definedName name="_134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4"}</definedName>
    <definedName name="_134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3"}</definedName>
    <definedName name="_13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5"}</definedName>
    <definedName name="_134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2"}</definedName>
    <definedName name="_134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1"}</definedName>
    <definedName name="_134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0"}</definedName>
    <definedName name="_134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9"}</definedName>
    <definedName name="_134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8"}</definedName>
    <definedName name="_134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7"}</definedName>
    <definedName name="_134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6"}</definedName>
    <definedName name="_134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5"}</definedName>
    <definedName name="_134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4"}</definedName>
    <definedName name="_134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3"}</definedName>
    <definedName name="_13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4"}</definedName>
    <definedName name="_134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2"}</definedName>
    <definedName name="_134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1"}</definedName>
    <definedName name="_134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0"}</definedName>
    <definedName name="_134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9"}</definedName>
    <definedName name="_134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8"}</definedName>
    <definedName name="_134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7"}</definedName>
    <definedName name="_134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6"}</definedName>
    <definedName name="_134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5"}</definedName>
    <definedName name="_134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4"}</definedName>
    <definedName name="_134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3"}</definedName>
    <definedName name="_1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4"}</definedName>
    <definedName name="_13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3"}</definedName>
    <definedName name="_135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2"}</definedName>
    <definedName name="_135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1"}</definedName>
    <definedName name="_135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0"}</definedName>
    <definedName name="_135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9"}</definedName>
    <definedName name="_135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8"}</definedName>
    <definedName name="_135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7"}</definedName>
    <definedName name="_135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6"}</definedName>
    <definedName name="_135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5"}</definedName>
    <definedName name="_135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4"}</definedName>
    <definedName name="_135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3"}</definedName>
    <definedName name="_13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2"}</definedName>
    <definedName name="_135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2"}</definedName>
    <definedName name="_135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1"}</definedName>
    <definedName name="_135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0"}</definedName>
    <definedName name="_135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9"}</definedName>
    <definedName name="_135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8"}</definedName>
    <definedName name="_135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7"}</definedName>
    <definedName name="_135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6"}</definedName>
    <definedName name="_135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5"}</definedName>
    <definedName name="_135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4"}</definedName>
    <definedName name="_135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3"}</definedName>
    <definedName name="_13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1"}</definedName>
    <definedName name="_135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2"}</definedName>
    <definedName name="_135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1"}</definedName>
    <definedName name="_135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0"}</definedName>
    <definedName name="_135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9"}</definedName>
    <definedName name="_135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8"}</definedName>
    <definedName name="_135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7"}</definedName>
    <definedName name="_135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6"}</definedName>
    <definedName name="_135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5"}</definedName>
    <definedName name="_135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4"}</definedName>
    <definedName name="_135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3"}</definedName>
    <definedName name="_13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0"}</definedName>
    <definedName name="_135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2"}</definedName>
    <definedName name="_135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1"}</definedName>
    <definedName name="_135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0"}</definedName>
    <definedName name="_135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9"}</definedName>
    <definedName name="_135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8"}</definedName>
    <definedName name="_135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7"}</definedName>
    <definedName name="_135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6"}</definedName>
    <definedName name="_135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5"}</definedName>
    <definedName name="_135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4"}</definedName>
    <definedName name="_135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3"}</definedName>
    <definedName name="_13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9"}</definedName>
    <definedName name="_135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2"}</definedName>
    <definedName name="_135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1"}</definedName>
    <definedName name="_135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0"}</definedName>
    <definedName name="_135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9"}</definedName>
    <definedName name="_135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8"}</definedName>
    <definedName name="_135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7"}</definedName>
    <definedName name="_135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6"}</definedName>
    <definedName name="_135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5"}</definedName>
    <definedName name="_135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4"}</definedName>
    <definedName name="_135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3"}</definedName>
    <definedName name="_13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8"}</definedName>
    <definedName name="_135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2"}</definedName>
    <definedName name="_135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1"}</definedName>
    <definedName name="_135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0"}</definedName>
    <definedName name="_135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9"}</definedName>
    <definedName name="_135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8"}</definedName>
    <definedName name="_135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7"}</definedName>
    <definedName name="_135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6"}</definedName>
    <definedName name="_135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5"}</definedName>
    <definedName name="_135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4"}</definedName>
    <definedName name="_135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3"}</definedName>
    <definedName name="_13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7"}</definedName>
    <definedName name="_135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2"}</definedName>
    <definedName name="_135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1"}</definedName>
    <definedName name="_135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0"}</definedName>
    <definedName name="_135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9"}</definedName>
    <definedName name="_135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8"}</definedName>
    <definedName name="_135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7"}</definedName>
    <definedName name="_135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6"}</definedName>
    <definedName name="_135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5"}</definedName>
    <definedName name="_135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4"}</definedName>
    <definedName name="_135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3"}</definedName>
    <definedName name="_13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6"}</definedName>
    <definedName name="_135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2"}</definedName>
    <definedName name="_135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1"}</definedName>
    <definedName name="_135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0"}</definedName>
    <definedName name="_135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9"}</definedName>
    <definedName name="_135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8"}</definedName>
    <definedName name="_135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7"}</definedName>
    <definedName name="_135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6"}</definedName>
    <definedName name="_135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5"}</definedName>
    <definedName name="_135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4"}</definedName>
    <definedName name="_135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3"}</definedName>
    <definedName name="_13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5"}</definedName>
    <definedName name="_135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2"}</definedName>
    <definedName name="_135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1"}</definedName>
    <definedName name="_135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0"}</definedName>
    <definedName name="_135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9"}</definedName>
    <definedName name="_135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8"}</definedName>
    <definedName name="_135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7"}</definedName>
    <definedName name="_135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6"}</definedName>
    <definedName name="_135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5"}</definedName>
    <definedName name="_135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4"}</definedName>
    <definedName name="_135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3"}</definedName>
    <definedName name="_13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4"}</definedName>
    <definedName name="_135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2"}</definedName>
    <definedName name="_135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1"}</definedName>
    <definedName name="_135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0"}</definedName>
    <definedName name="_135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9"}</definedName>
    <definedName name="_135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8"}</definedName>
    <definedName name="_135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7"}</definedName>
    <definedName name="_135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6"}</definedName>
    <definedName name="_135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5"}</definedName>
    <definedName name="_135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4"}</definedName>
    <definedName name="_135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3"}</definedName>
    <definedName name="_1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3"}</definedName>
    <definedName name="_13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3"}</definedName>
    <definedName name="_136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2"}</definedName>
    <definedName name="_136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1"}</definedName>
    <definedName name="_136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0"}</definedName>
    <definedName name="_136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9"}</definedName>
    <definedName name="_136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8"}</definedName>
    <definedName name="_136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7"}</definedName>
    <definedName name="_136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6"}</definedName>
    <definedName name="_136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5"}</definedName>
    <definedName name="_136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4"}</definedName>
    <definedName name="_136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3"}</definedName>
    <definedName name="_13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2"}</definedName>
    <definedName name="_136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2"}</definedName>
    <definedName name="_136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1"}</definedName>
    <definedName name="_136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0"}</definedName>
    <definedName name="_136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9"}</definedName>
    <definedName name="_136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8"}</definedName>
    <definedName name="_136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7"}</definedName>
    <definedName name="_136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6"}</definedName>
    <definedName name="_136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5"}</definedName>
    <definedName name="_136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4"}</definedName>
    <definedName name="_136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3"}</definedName>
    <definedName name="_13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1"}</definedName>
    <definedName name="_136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2"}</definedName>
    <definedName name="_136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1"}</definedName>
    <definedName name="_136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0"}</definedName>
    <definedName name="_136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9"}</definedName>
    <definedName name="_136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8"}</definedName>
    <definedName name="_136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7"}</definedName>
    <definedName name="_136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6"}</definedName>
    <definedName name="_136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5"}</definedName>
    <definedName name="_136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4"}</definedName>
    <definedName name="_136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3"}</definedName>
    <definedName name="_13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0"}</definedName>
    <definedName name="_136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2"}</definedName>
    <definedName name="_136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1"}</definedName>
    <definedName name="_136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0"}</definedName>
    <definedName name="_136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9"}</definedName>
    <definedName name="_136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8"}</definedName>
    <definedName name="_136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7"}</definedName>
    <definedName name="_136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6"}</definedName>
    <definedName name="_136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5"}</definedName>
    <definedName name="_136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4"}</definedName>
    <definedName name="_136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3"}</definedName>
    <definedName name="_13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9"}</definedName>
    <definedName name="_136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2"}</definedName>
    <definedName name="_136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1"}</definedName>
    <definedName name="_136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0"}</definedName>
    <definedName name="_136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9"}</definedName>
    <definedName name="_136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8"}</definedName>
    <definedName name="_136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7"}</definedName>
    <definedName name="_136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6"}</definedName>
    <definedName name="_136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5"}</definedName>
    <definedName name="_136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4"}</definedName>
    <definedName name="_136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3"}</definedName>
    <definedName name="_13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8"}</definedName>
    <definedName name="_136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2"}</definedName>
    <definedName name="_136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1"}</definedName>
    <definedName name="_136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0"}</definedName>
    <definedName name="_136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9"}</definedName>
    <definedName name="_136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8"}</definedName>
    <definedName name="_136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7"}</definedName>
    <definedName name="_136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6"}</definedName>
    <definedName name="_136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5"}</definedName>
    <definedName name="_136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4"}</definedName>
    <definedName name="_136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3"}</definedName>
    <definedName name="_13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7"}</definedName>
    <definedName name="_136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2"}</definedName>
    <definedName name="_136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1"}</definedName>
    <definedName name="_136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0"}</definedName>
    <definedName name="_136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9"}</definedName>
    <definedName name="_136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8"}</definedName>
    <definedName name="_136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7"}</definedName>
    <definedName name="_136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6"}</definedName>
    <definedName name="_136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5"}</definedName>
    <definedName name="_136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4"}</definedName>
    <definedName name="_136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3"}</definedName>
    <definedName name="_13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6"}</definedName>
    <definedName name="_136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2"}</definedName>
    <definedName name="_136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1"}</definedName>
    <definedName name="_136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0"}</definedName>
    <definedName name="_136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9"}</definedName>
    <definedName name="_136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8"}</definedName>
    <definedName name="_136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7"}</definedName>
    <definedName name="_136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6"}</definedName>
    <definedName name="_136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5"}</definedName>
    <definedName name="_136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4"}</definedName>
    <definedName name="_136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3"}</definedName>
    <definedName name="_13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5"}</definedName>
    <definedName name="_136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2"}</definedName>
    <definedName name="_136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1"}</definedName>
    <definedName name="_136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0"}</definedName>
    <definedName name="_136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9"}</definedName>
    <definedName name="_136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8"}</definedName>
    <definedName name="_136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7"}</definedName>
    <definedName name="_136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6"}</definedName>
    <definedName name="_136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5"}</definedName>
    <definedName name="_136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4"}</definedName>
    <definedName name="_136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3"}</definedName>
    <definedName name="_13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4"}</definedName>
    <definedName name="_136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2"}</definedName>
    <definedName name="_136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1"}</definedName>
    <definedName name="_136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0"}</definedName>
    <definedName name="_136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9"}</definedName>
    <definedName name="_136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8"}</definedName>
    <definedName name="_136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7"}</definedName>
    <definedName name="_136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6"}</definedName>
    <definedName name="_136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5"}</definedName>
    <definedName name="_136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4"}</definedName>
    <definedName name="_136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3"}</definedName>
    <definedName name="_1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2"}</definedName>
    <definedName name="_13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3"}</definedName>
    <definedName name="_137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2"}</definedName>
    <definedName name="_137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1"}</definedName>
    <definedName name="_137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0"}</definedName>
    <definedName name="_137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9"}</definedName>
    <definedName name="_137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8"}</definedName>
    <definedName name="_137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7"}</definedName>
    <definedName name="_137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6"}</definedName>
    <definedName name="_137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5"}</definedName>
    <definedName name="_137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4"}</definedName>
    <definedName name="_137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3"}</definedName>
    <definedName name="_13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2"}</definedName>
    <definedName name="_137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2"}</definedName>
    <definedName name="_137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1"}</definedName>
    <definedName name="_137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0"}</definedName>
    <definedName name="_137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9"}</definedName>
    <definedName name="_137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8"}</definedName>
    <definedName name="_137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7"}</definedName>
    <definedName name="_137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6"}</definedName>
    <definedName name="_137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5"}</definedName>
    <definedName name="_137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4"}</definedName>
    <definedName name="_137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3"}</definedName>
    <definedName name="_13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1"}</definedName>
    <definedName name="_137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2"}</definedName>
    <definedName name="_137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1"}</definedName>
    <definedName name="_137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0"}</definedName>
    <definedName name="_137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9"}</definedName>
    <definedName name="_137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8"}</definedName>
    <definedName name="_137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7"}</definedName>
    <definedName name="_137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6"}</definedName>
    <definedName name="_137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5"}</definedName>
    <definedName name="_137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4"}</definedName>
    <definedName name="_137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3"}</definedName>
    <definedName name="_13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0"}</definedName>
    <definedName name="_137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2"}</definedName>
    <definedName name="_137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1"}</definedName>
    <definedName name="_137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0"}</definedName>
    <definedName name="_137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9"}</definedName>
    <definedName name="_137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8"}</definedName>
    <definedName name="_137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7"}</definedName>
    <definedName name="_137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6"}</definedName>
    <definedName name="_137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5"}</definedName>
    <definedName name="_137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4"}</definedName>
    <definedName name="_137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3"}</definedName>
    <definedName name="_13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9"}</definedName>
    <definedName name="_137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2"}</definedName>
    <definedName name="_137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1"}</definedName>
    <definedName name="_137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0"}</definedName>
    <definedName name="_137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9"}</definedName>
    <definedName name="_137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8"}</definedName>
    <definedName name="_137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7"}</definedName>
    <definedName name="_137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6"}</definedName>
    <definedName name="_137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5"}</definedName>
    <definedName name="_137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4"}</definedName>
    <definedName name="_137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3"}</definedName>
    <definedName name="_13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8"}</definedName>
    <definedName name="_137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2"}</definedName>
    <definedName name="_137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1"}</definedName>
    <definedName name="_137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0"}</definedName>
    <definedName name="_137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9"}</definedName>
    <definedName name="_137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8"}</definedName>
    <definedName name="_137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7"}</definedName>
    <definedName name="_137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6"}</definedName>
    <definedName name="_137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5"}</definedName>
    <definedName name="_137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4"}</definedName>
    <definedName name="_137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3"}</definedName>
    <definedName name="_13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7"}</definedName>
    <definedName name="_137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2"}</definedName>
    <definedName name="_137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1"}</definedName>
    <definedName name="_137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0"}</definedName>
    <definedName name="_137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9"}</definedName>
    <definedName name="_137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8"}</definedName>
    <definedName name="_137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7"}</definedName>
    <definedName name="_137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6"}</definedName>
    <definedName name="_137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5"}</definedName>
    <definedName name="_137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4"}</definedName>
    <definedName name="_137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3"}</definedName>
    <definedName name="_13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6"}</definedName>
    <definedName name="_137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2"}</definedName>
    <definedName name="_137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1"}</definedName>
    <definedName name="_137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0"}</definedName>
    <definedName name="_137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9"}</definedName>
    <definedName name="_137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8"}</definedName>
    <definedName name="_137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7"}</definedName>
    <definedName name="_137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6"}</definedName>
    <definedName name="_137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5"}</definedName>
    <definedName name="_137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4"}</definedName>
    <definedName name="_137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3"}</definedName>
    <definedName name="_13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5"}</definedName>
    <definedName name="_137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2"}</definedName>
    <definedName name="_137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1"}</definedName>
    <definedName name="_137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0"}</definedName>
    <definedName name="_137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9"}</definedName>
    <definedName name="_137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8"}</definedName>
    <definedName name="_137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7"}</definedName>
    <definedName name="_137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6"}</definedName>
    <definedName name="_137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5"}</definedName>
    <definedName name="_137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4"}</definedName>
    <definedName name="_137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3"}</definedName>
    <definedName name="_13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4"}</definedName>
    <definedName name="_137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2"}</definedName>
    <definedName name="_137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1"}</definedName>
    <definedName name="_137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0"}</definedName>
    <definedName name="_137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9"}</definedName>
    <definedName name="_137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8"}</definedName>
    <definedName name="_137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7"}</definedName>
    <definedName name="_137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6"}</definedName>
    <definedName name="_137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5"}</definedName>
    <definedName name="_137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4"}</definedName>
    <definedName name="_137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3"}</definedName>
    <definedName name="_1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1"}</definedName>
    <definedName name="_13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3"}</definedName>
    <definedName name="_138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2"}</definedName>
    <definedName name="_138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1"}</definedName>
    <definedName name="_138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0"}</definedName>
    <definedName name="_138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9"}</definedName>
    <definedName name="_138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8"}</definedName>
    <definedName name="_138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7"}</definedName>
    <definedName name="_138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6"}</definedName>
    <definedName name="_138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5"}</definedName>
    <definedName name="_138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4"}</definedName>
    <definedName name="_138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3"}</definedName>
    <definedName name="_13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2"}</definedName>
    <definedName name="_138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2"}</definedName>
    <definedName name="_138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1"}</definedName>
    <definedName name="_138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0"}</definedName>
    <definedName name="_138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9"}</definedName>
    <definedName name="_138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8"}</definedName>
    <definedName name="_138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7"}</definedName>
    <definedName name="_138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6"}</definedName>
    <definedName name="_138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5"}</definedName>
    <definedName name="_138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4"}</definedName>
    <definedName name="_138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3"}</definedName>
    <definedName name="_13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1"}</definedName>
    <definedName name="_138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2"}</definedName>
    <definedName name="_138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1"}</definedName>
    <definedName name="_138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0"}</definedName>
    <definedName name="_138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9"}</definedName>
    <definedName name="_138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8"}</definedName>
    <definedName name="_138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7"}</definedName>
    <definedName name="_138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6"}</definedName>
    <definedName name="_138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5"}</definedName>
    <definedName name="_138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4"}</definedName>
    <definedName name="_138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3"}</definedName>
    <definedName name="_13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0"}</definedName>
    <definedName name="_138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2"}</definedName>
    <definedName name="_138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1"}</definedName>
    <definedName name="_138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0"}</definedName>
    <definedName name="_138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9"}</definedName>
    <definedName name="_138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8"}</definedName>
    <definedName name="_138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7"}</definedName>
    <definedName name="_138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6"}</definedName>
    <definedName name="_138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5"}</definedName>
    <definedName name="_138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4"}</definedName>
    <definedName name="_138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3"}</definedName>
    <definedName name="_13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9"}</definedName>
    <definedName name="_138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2"}</definedName>
    <definedName name="_138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1"}</definedName>
    <definedName name="_138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0"}</definedName>
    <definedName name="_138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9"}</definedName>
    <definedName name="_138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8"}</definedName>
    <definedName name="_138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7"}</definedName>
    <definedName name="_138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6"}</definedName>
    <definedName name="_138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5"}</definedName>
    <definedName name="_138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4"}</definedName>
    <definedName name="_138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3"}</definedName>
    <definedName name="_13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8"}</definedName>
    <definedName name="_138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2"}</definedName>
    <definedName name="_138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1"}</definedName>
    <definedName name="_138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0"}</definedName>
    <definedName name="_138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9"}</definedName>
    <definedName name="_138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8"}</definedName>
    <definedName name="_138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7"}</definedName>
    <definedName name="_138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6"}</definedName>
    <definedName name="_138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5"}</definedName>
    <definedName name="_138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4"}</definedName>
    <definedName name="_138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3"}</definedName>
    <definedName name="_13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7"}</definedName>
    <definedName name="_138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2"}</definedName>
    <definedName name="_138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1"}</definedName>
    <definedName name="_138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0"}</definedName>
    <definedName name="_138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9"}</definedName>
    <definedName name="_138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8"}</definedName>
    <definedName name="_138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7"}</definedName>
    <definedName name="_138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6"}</definedName>
    <definedName name="_138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5"}</definedName>
    <definedName name="_138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4"}</definedName>
    <definedName name="_138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3"}</definedName>
    <definedName name="_13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6"}</definedName>
    <definedName name="_138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2"}</definedName>
    <definedName name="_138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1"}</definedName>
    <definedName name="_138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0"}</definedName>
    <definedName name="_138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9"}</definedName>
    <definedName name="_138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8"}</definedName>
    <definedName name="_138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7"}</definedName>
    <definedName name="_138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6"}</definedName>
    <definedName name="_138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5"}</definedName>
    <definedName name="_138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4"}</definedName>
    <definedName name="_138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3"}</definedName>
    <definedName name="_13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5"}</definedName>
    <definedName name="_138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2"}</definedName>
    <definedName name="_138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1"}</definedName>
    <definedName name="_138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definedName>
    <definedName name="_138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definedName>
    <definedName name="_138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definedName>
    <definedName name="_138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definedName>
    <definedName name="_138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definedName>
    <definedName name="_138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definedName>
    <definedName name="_138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definedName>
    <definedName name="_138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definedName>
    <definedName name="_13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4"}</definedName>
    <definedName name="_138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definedName>
    <definedName name="_138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definedName>
    <definedName name="_138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definedName>
    <definedName name="_138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definedName>
    <definedName name="_138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definedName>
    <definedName name="_138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definedName>
    <definedName name="_138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definedName>
    <definedName name="_138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definedName>
    <definedName name="_138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definedName>
    <definedName name="_138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definedName>
    <definedName name="_1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0"}</definedName>
    <definedName name="_13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3"}</definedName>
    <definedName name="_139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definedName>
    <definedName name="_139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definedName>
    <definedName name="_139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definedName>
    <definedName name="_139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definedName>
    <definedName name="_139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definedName>
    <definedName name="_139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definedName>
    <definedName name="_139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definedName>
    <definedName name="_139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definedName>
    <definedName name="_139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definedName>
    <definedName name="_139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definedName>
    <definedName name="_13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2"}</definedName>
    <definedName name="_139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definedName>
    <definedName name="_139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definedName>
    <definedName name="_139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definedName>
    <definedName name="_139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definedName>
    <definedName name="_139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definedName>
    <definedName name="_139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definedName>
    <definedName name="_139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definedName>
    <definedName name="_139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definedName>
    <definedName name="_139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definedName>
    <definedName name="_139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definedName>
    <definedName name="_13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1"}</definedName>
    <definedName name="_139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definedName>
    <definedName name="_139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definedName>
    <definedName name="_139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definedName>
    <definedName name="_139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definedName>
    <definedName name="_139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definedName>
    <definedName name="_139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definedName>
    <definedName name="_139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definedName>
    <definedName name="_139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definedName>
    <definedName name="_139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definedName>
    <definedName name="_139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definedName>
    <definedName name="_13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0"}</definedName>
    <definedName name="_139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definedName>
    <definedName name="_139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definedName>
    <definedName name="_139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0"}</definedName>
    <definedName name="_139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6"}</definedName>
    <definedName name="_139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5"}</definedName>
    <definedName name="_139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4"}</definedName>
    <definedName name="_139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3"}</definedName>
    <definedName name="_139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2"}</definedName>
    <definedName name="_139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1"}</definedName>
    <definedName name="_139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0"}</definedName>
    <definedName name="_13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9"}</definedName>
    <definedName name="_139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9"}</definedName>
    <definedName name="_139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8"}</definedName>
    <definedName name="_139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7"}</definedName>
    <definedName name="_139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6"}</definedName>
    <definedName name="_139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5"}</definedName>
    <definedName name="_139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4"}</definedName>
    <definedName name="_139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3"}</definedName>
    <definedName name="_139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2"}</definedName>
    <definedName name="_139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1"}</definedName>
    <definedName name="_139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0"}</definedName>
    <definedName name="_13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8"}</definedName>
    <definedName name="_139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9"}</definedName>
    <definedName name="_139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8"}</definedName>
    <definedName name="_139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7"}</definedName>
    <definedName name="_139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6"}</definedName>
    <definedName name="_139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5"}</definedName>
    <definedName name="_139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4"}</definedName>
    <definedName name="_139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3"}</definedName>
    <definedName name="_139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2"}</definedName>
    <definedName name="_139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1"}</definedName>
    <definedName name="_139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0"}</definedName>
    <definedName name="_13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7"}</definedName>
    <definedName name="_139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9"}</definedName>
    <definedName name="_139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8"}</definedName>
    <definedName name="_139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7"}</definedName>
    <definedName name="_139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6"}</definedName>
    <definedName name="_139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5"}</definedName>
    <definedName name="_139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4"}</definedName>
    <definedName name="_139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3"}</definedName>
    <definedName name="_139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2"}</definedName>
    <definedName name="_139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1"}</definedName>
    <definedName name="_139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0"}</definedName>
    <definedName name="_13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6"}</definedName>
    <definedName name="_139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9"}</definedName>
    <definedName name="_139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8"}</definedName>
    <definedName name="_139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7"}</definedName>
    <definedName name="_139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6"}</definedName>
    <definedName name="_139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5"}</definedName>
    <definedName name="_139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4"}</definedName>
    <definedName name="_139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3"}</definedName>
    <definedName name="_139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2"}</definedName>
    <definedName name="_139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1"}</definedName>
    <definedName name="_139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0"}</definedName>
    <definedName name="_13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5"}</definedName>
    <definedName name="_139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9"}</definedName>
    <definedName name="_139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8"}</definedName>
    <definedName name="_139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7"}</definedName>
    <definedName name="_139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6"}</definedName>
    <definedName name="_139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5"}</definedName>
    <definedName name="_139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4"}</definedName>
    <definedName name="_139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3"}</definedName>
    <definedName name="_139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2"}</definedName>
    <definedName name="_139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1"}</definedName>
    <definedName name="_139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0"}</definedName>
    <definedName name="_13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4"}</definedName>
    <definedName name="_139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9"}</definedName>
    <definedName name="_139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8"}</definedName>
    <definedName name="_139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7"}</definedName>
    <definedName name="_139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6"}</definedName>
    <definedName name="_139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5"}</definedName>
    <definedName name="_139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4"}</definedName>
    <definedName name="_139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3"}</definedName>
    <definedName name="_139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2"}</definedName>
    <definedName name="_139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1"}</definedName>
    <definedName name="_139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0"}</definedName>
    <definedName name="_14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3"}</definedName>
    <definedName name="_1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9"}</definedName>
    <definedName name="_14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3"}</definedName>
    <definedName name="_140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9"}</definedName>
    <definedName name="_140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8"}</definedName>
    <definedName name="_140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7"}</definedName>
    <definedName name="_140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6"}</definedName>
    <definedName name="_140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5"}</definedName>
    <definedName name="_140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4"}</definedName>
    <definedName name="_140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3"}</definedName>
    <definedName name="_140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2"}</definedName>
    <definedName name="_140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1"}</definedName>
    <definedName name="_140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0"}</definedName>
    <definedName name="_14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2"}</definedName>
    <definedName name="_140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9"}</definedName>
    <definedName name="_140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8"}</definedName>
    <definedName name="_140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7"}</definedName>
    <definedName name="_140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6"}</definedName>
    <definedName name="_140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5"}</definedName>
    <definedName name="_140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4"}</definedName>
    <definedName name="_140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3"}</definedName>
    <definedName name="_140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2"}</definedName>
    <definedName name="_140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1"}</definedName>
    <definedName name="_140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0"}</definedName>
    <definedName name="_14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1"}</definedName>
    <definedName name="_140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9"}</definedName>
    <definedName name="_140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8"}</definedName>
    <definedName name="_140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7"}</definedName>
    <definedName name="_140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6"}</definedName>
    <definedName name="_140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5"}</definedName>
    <definedName name="_140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4"}</definedName>
    <definedName name="_140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3"}</definedName>
    <definedName name="_140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2"}</definedName>
    <definedName name="_140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1"}</definedName>
    <definedName name="_140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0"}</definedName>
    <definedName name="_14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0"}</definedName>
    <definedName name="_140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9"}</definedName>
    <definedName name="_140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8"}</definedName>
    <definedName name="_140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7"}</definedName>
    <definedName name="_140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6"}</definedName>
    <definedName name="_140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5"}</definedName>
    <definedName name="_140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4"}</definedName>
    <definedName name="_140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3"}</definedName>
    <definedName name="_140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2"}</definedName>
    <definedName name="_140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1"}</definedName>
    <definedName name="_140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0"}</definedName>
    <definedName name="_14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9"}</definedName>
    <definedName name="_140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9"}</definedName>
    <definedName name="_140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8"}</definedName>
    <definedName name="_140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7"}</definedName>
    <definedName name="_140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6"}</definedName>
    <definedName name="_140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5"}</definedName>
    <definedName name="_140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4"}</definedName>
    <definedName name="_140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3"}</definedName>
    <definedName name="_140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2"}</definedName>
    <definedName name="_140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1"}</definedName>
    <definedName name="_140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0"}</definedName>
    <definedName name="_14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8"}</definedName>
    <definedName name="_140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9"}</definedName>
    <definedName name="_140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8"}</definedName>
    <definedName name="_140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7"}</definedName>
    <definedName name="_140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6"}</definedName>
    <definedName name="_140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5"}</definedName>
    <definedName name="_140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4"}</definedName>
    <definedName name="_140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3"}</definedName>
    <definedName name="_140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2"}</definedName>
    <definedName name="_140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1"}</definedName>
    <definedName name="_140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0"}</definedName>
    <definedName name="_14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7"}</definedName>
    <definedName name="_140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9"}</definedName>
    <definedName name="_140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8"}</definedName>
    <definedName name="_140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7"}</definedName>
    <definedName name="_140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6"}</definedName>
    <definedName name="_140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5"}</definedName>
    <definedName name="_140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4"}</definedName>
    <definedName name="_140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3"}</definedName>
    <definedName name="_140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2"}</definedName>
    <definedName name="_140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1"}</definedName>
    <definedName name="_140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0"}</definedName>
    <definedName name="_14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6"}</definedName>
    <definedName name="_140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9"}</definedName>
    <definedName name="_140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8"}</definedName>
    <definedName name="_140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7"}</definedName>
    <definedName name="_140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6"}</definedName>
    <definedName name="_140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5"}</definedName>
    <definedName name="_140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4"}</definedName>
    <definedName name="_140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3"}</definedName>
    <definedName name="_140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2"}</definedName>
    <definedName name="_140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1"}</definedName>
    <definedName name="_140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0"}</definedName>
    <definedName name="_14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5"}</definedName>
    <definedName name="_140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9"}</definedName>
    <definedName name="_140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8"}</definedName>
    <definedName name="_140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7"}</definedName>
    <definedName name="_140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6"}</definedName>
    <definedName name="_140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5"}</definedName>
    <definedName name="_140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4"}</definedName>
    <definedName name="_140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3"}</definedName>
    <definedName name="_140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2"}</definedName>
    <definedName name="_140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1"}</definedName>
    <definedName name="_140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0"}</definedName>
    <definedName name="_14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4"}</definedName>
    <definedName name="_140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9"}</definedName>
    <definedName name="_140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8"}</definedName>
    <definedName name="_140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7"}</definedName>
    <definedName name="_140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6"}</definedName>
    <definedName name="_140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5"}</definedName>
    <definedName name="_140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4"}</definedName>
    <definedName name="_140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3"}</definedName>
    <definedName name="_140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2"}</definedName>
    <definedName name="_140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1"}</definedName>
    <definedName name="_140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0"}</definedName>
    <definedName name="_1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8"}</definedName>
    <definedName name="_14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3"}</definedName>
    <definedName name="_141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9"}</definedName>
    <definedName name="_141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8"}</definedName>
    <definedName name="_141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7"}</definedName>
    <definedName name="_141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6"}</definedName>
    <definedName name="_141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5"}</definedName>
    <definedName name="_141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4"}</definedName>
    <definedName name="_141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3"}</definedName>
    <definedName name="_141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2"}</definedName>
    <definedName name="_141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1"}</definedName>
    <definedName name="_141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0"}</definedName>
    <definedName name="_14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2"}</definedName>
    <definedName name="_141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9"}</definedName>
    <definedName name="_141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8"}</definedName>
    <definedName name="_141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7"}</definedName>
    <definedName name="_141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6"}</definedName>
    <definedName name="_141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5"}</definedName>
    <definedName name="_141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4"}</definedName>
    <definedName name="_141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3"}</definedName>
    <definedName name="_141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2"}</definedName>
    <definedName name="_141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1"}</definedName>
    <definedName name="_141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0"}</definedName>
    <definedName name="_14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1"}</definedName>
    <definedName name="_141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9"}</definedName>
    <definedName name="_141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8"}</definedName>
    <definedName name="_141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7"}</definedName>
    <definedName name="_141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6"}</definedName>
    <definedName name="_141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5"}</definedName>
    <definedName name="_141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4"}</definedName>
    <definedName name="_141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3"}</definedName>
    <definedName name="_141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2"}</definedName>
    <definedName name="_141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1"}</definedName>
    <definedName name="_141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0"}</definedName>
    <definedName name="_14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0"}</definedName>
    <definedName name="_141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9"}</definedName>
    <definedName name="_141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8"}</definedName>
    <definedName name="_141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7"}</definedName>
    <definedName name="_141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6"}</definedName>
    <definedName name="_141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5"}</definedName>
    <definedName name="_141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4"}</definedName>
    <definedName name="_141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3"}</definedName>
    <definedName name="_141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2"}</definedName>
    <definedName name="_141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1"}</definedName>
    <definedName name="_141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0"}</definedName>
    <definedName name="_14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9"}</definedName>
    <definedName name="_141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9"}</definedName>
    <definedName name="_141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8"}</definedName>
    <definedName name="_141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7"}</definedName>
    <definedName name="_141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6"}</definedName>
    <definedName name="_141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5"}</definedName>
    <definedName name="_141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4"}</definedName>
    <definedName name="_141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3"}</definedName>
    <definedName name="_141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2"}</definedName>
    <definedName name="_141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1"}</definedName>
    <definedName name="_141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0"}</definedName>
    <definedName name="_14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8"}</definedName>
    <definedName name="_141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9"}</definedName>
    <definedName name="_141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8"}</definedName>
    <definedName name="_141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7"}</definedName>
    <definedName name="_141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6"}</definedName>
    <definedName name="_141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5"}</definedName>
    <definedName name="_141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4"}</definedName>
    <definedName name="_141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3"}</definedName>
    <definedName name="_141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2"}</definedName>
    <definedName name="_141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1"}</definedName>
    <definedName name="_141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0"}</definedName>
    <definedName name="_14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7"}</definedName>
    <definedName name="_141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9"}</definedName>
    <definedName name="_141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8"}</definedName>
    <definedName name="_141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7"}</definedName>
    <definedName name="_141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6"}</definedName>
    <definedName name="_141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5"}</definedName>
    <definedName name="_141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4"}</definedName>
    <definedName name="_141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3"}</definedName>
    <definedName name="_141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2"}</definedName>
    <definedName name="_141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1"}</definedName>
    <definedName name="_141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0"}</definedName>
    <definedName name="_14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6"}</definedName>
    <definedName name="_141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9"}</definedName>
    <definedName name="_141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8"}</definedName>
    <definedName name="_141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7"}</definedName>
    <definedName name="_141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6"}</definedName>
    <definedName name="_141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5"}</definedName>
    <definedName name="_141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4"}</definedName>
    <definedName name="_141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3"}</definedName>
    <definedName name="_141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2"}</definedName>
    <definedName name="_141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1"}</definedName>
    <definedName name="_141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0"}</definedName>
    <definedName name="_14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5"}</definedName>
    <definedName name="_141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9"}</definedName>
    <definedName name="_141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8"}</definedName>
    <definedName name="_141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7"}</definedName>
    <definedName name="_141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6"}</definedName>
    <definedName name="_141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5"}</definedName>
    <definedName name="_141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4"}</definedName>
    <definedName name="_141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3"}</definedName>
    <definedName name="_141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2"}</definedName>
    <definedName name="_141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1"}</definedName>
    <definedName name="_141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0"}</definedName>
    <definedName name="_14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4"}</definedName>
    <definedName name="_141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9"}</definedName>
    <definedName name="_141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8"}</definedName>
    <definedName name="_141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7"}</definedName>
    <definedName name="_141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6"}</definedName>
    <definedName name="_141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5"}</definedName>
    <definedName name="_141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4"}</definedName>
    <definedName name="_141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3"}</definedName>
    <definedName name="_141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2"}</definedName>
    <definedName name="_141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1"}</definedName>
    <definedName name="_141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0"}</definedName>
    <definedName name="_1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7"}</definedName>
    <definedName name="_14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3"}</definedName>
    <definedName name="_142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9"}</definedName>
    <definedName name="_142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8"}</definedName>
    <definedName name="_142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7"}</definedName>
    <definedName name="_142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6"}</definedName>
    <definedName name="_142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5"}</definedName>
    <definedName name="_142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4"}</definedName>
    <definedName name="_142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3"}</definedName>
    <definedName name="_142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2"}</definedName>
    <definedName name="_142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1"}</definedName>
    <definedName name="_142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0"}</definedName>
    <definedName name="_14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2"}</definedName>
    <definedName name="_142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9"}</definedName>
    <definedName name="_142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8"}</definedName>
    <definedName name="_142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7"}</definedName>
    <definedName name="_142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6"}</definedName>
    <definedName name="_142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5"}</definedName>
    <definedName name="_142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4"}</definedName>
    <definedName name="_142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3"}</definedName>
    <definedName name="_142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2"}</definedName>
    <definedName name="_142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1"}</definedName>
    <definedName name="_142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0"}</definedName>
    <definedName name="_14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1"}</definedName>
    <definedName name="_142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9"}</definedName>
    <definedName name="_142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8"}</definedName>
    <definedName name="_142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7"}</definedName>
    <definedName name="_142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6"}</definedName>
    <definedName name="_142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5"}</definedName>
    <definedName name="_142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4"}</definedName>
    <definedName name="_142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3"}</definedName>
    <definedName name="_142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2"}</definedName>
    <definedName name="_142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1"}</definedName>
    <definedName name="_142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0"}</definedName>
    <definedName name="_14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0"}</definedName>
    <definedName name="_142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9"}</definedName>
    <definedName name="_142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8"}</definedName>
    <definedName name="_142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7"}</definedName>
    <definedName name="_142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6"}</definedName>
    <definedName name="_142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5"}</definedName>
    <definedName name="_142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4"}</definedName>
    <definedName name="_142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3"}</definedName>
    <definedName name="_142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2"}</definedName>
    <definedName name="_142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1"}</definedName>
    <definedName name="_142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0"}</definedName>
    <definedName name="_14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9"}</definedName>
    <definedName name="_142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9"}</definedName>
    <definedName name="_142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8"}</definedName>
    <definedName name="_142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7"}</definedName>
    <definedName name="_142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6"}</definedName>
    <definedName name="_142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5"}</definedName>
    <definedName name="_142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4"}</definedName>
    <definedName name="_142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3"}</definedName>
    <definedName name="_142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2"}</definedName>
    <definedName name="_142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1"}</definedName>
    <definedName name="_142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0"}</definedName>
    <definedName name="_14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8"}</definedName>
    <definedName name="_142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9"}</definedName>
    <definedName name="_142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8"}</definedName>
    <definedName name="_142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7"}</definedName>
    <definedName name="_142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6"}</definedName>
    <definedName name="_142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5"}</definedName>
    <definedName name="_142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4"}</definedName>
    <definedName name="_142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3"}</definedName>
    <definedName name="_142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2"}</definedName>
    <definedName name="_142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1"}</definedName>
    <definedName name="_142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0"}</definedName>
    <definedName name="_14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7"}</definedName>
    <definedName name="_142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9"}</definedName>
    <definedName name="_142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8"}</definedName>
    <definedName name="_142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7"}</definedName>
    <definedName name="_142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6"}</definedName>
    <definedName name="_142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5"}</definedName>
    <definedName name="_142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4"}</definedName>
    <definedName name="_142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3"}</definedName>
    <definedName name="_142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2"}</definedName>
    <definedName name="_142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1"}</definedName>
    <definedName name="_142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0"}</definedName>
    <definedName name="_14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6"}</definedName>
    <definedName name="_142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9"}</definedName>
    <definedName name="_142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8"}</definedName>
    <definedName name="_142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7"}</definedName>
    <definedName name="_142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6"}</definedName>
    <definedName name="_142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5"}</definedName>
    <definedName name="_142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4"}</definedName>
    <definedName name="_142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3"}</definedName>
    <definedName name="_142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2"}</definedName>
    <definedName name="_142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1"}</definedName>
    <definedName name="_142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0"}</definedName>
    <definedName name="_14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5"}</definedName>
    <definedName name="_142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9"}</definedName>
    <definedName name="_142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8"}</definedName>
    <definedName name="_142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7"}</definedName>
    <definedName name="_142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6"}</definedName>
    <definedName name="_142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5"}</definedName>
    <definedName name="_142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4"}</definedName>
    <definedName name="_142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3"}</definedName>
    <definedName name="_142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2"}</definedName>
    <definedName name="_142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1"}</definedName>
    <definedName name="_142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0"}</definedName>
    <definedName name="_14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4"}</definedName>
    <definedName name="_142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9"}</definedName>
    <definedName name="_142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8"}</definedName>
    <definedName name="_142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7"}</definedName>
    <definedName name="_142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6"}</definedName>
    <definedName name="_142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5"}</definedName>
    <definedName name="_142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4"}</definedName>
    <definedName name="_142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3"}</definedName>
    <definedName name="_142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2"}</definedName>
    <definedName name="_142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1"}</definedName>
    <definedName name="_142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0"}</definedName>
    <definedName name="_1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6"}</definedName>
    <definedName name="_14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3"}</definedName>
    <definedName name="_143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9"}</definedName>
    <definedName name="_143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8"}</definedName>
    <definedName name="_143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7"}</definedName>
    <definedName name="_143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6"}</definedName>
    <definedName name="_143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5"}</definedName>
    <definedName name="_143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4"}</definedName>
    <definedName name="_143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3"}</definedName>
    <definedName name="_143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2"}</definedName>
    <definedName name="_143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1"}</definedName>
    <definedName name="_143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0"}</definedName>
    <definedName name="_14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2"}</definedName>
    <definedName name="_143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9"}</definedName>
    <definedName name="_143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8"}</definedName>
    <definedName name="_143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7"}</definedName>
    <definedName name="_143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6"}</definedName>
    <definedName name="_143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5"}</definedName>
    <definedName name="_143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4"}</definedName>
    <definedName name="_143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3"}</definedName>
    <definedName name="_143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2"}</definedName>
    <definedName name="_143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1"}</definedName>
    <definedName name="_143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0"}</definedName>
    <definedName name="_14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1"}</definedName>
    <definedName name="_143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9"}</definedName>
    <definedName name="_143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8"}</definedName>
    <definedName name="_143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7"}</definedName>
    <definedName name="_143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6"}</definedName>
    <definedName name="_143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5"}</definedName>
    <definedName name="_143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4"}</definedName>
    <definedName name="_143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3"}</definedName>
    <definedName name="_143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2"}</definedName>
    <definedName name="_143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1"}</definedName>
    <definedName name="_143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0"}</definedName>
    <definedName name="_14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0"}</definedName>
    <definedName name="_143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9"}</definedName>
    <definedName name="_143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8"}</definedName>
    <definedName name="_143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7"}</definedName>
    <definedName name="_143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6"}</definedName>
    <definedName name="_143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5"}</definedName>
    <definedName name="_143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4"}</definedName>
    <definedName name="_143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3"}</definedName>
    <definedName name="_143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2"}</definedName>
    <definedName name="_143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1"}</definedName>
    <definedName name="_143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0"}</definedName>
    <definedName name="_14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9"}</definedName>
    <definedName name="_143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9"}</definedName>
    <definedName name="_143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8"}</definedName>
    <definedName name="_143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7"}</definedName>
    <definedName name="_143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6"}</definedName>
    <definedName name="_143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5"}</definedName>
    <definedName name="_143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4"}</definedName>
    <definedName name="_143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3"}</definedName>
    <definedName name="_143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2"}</definedName>
    <definedName name="_143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1"}</definedName>
    <definedName name="_143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0"}</definedName>
    <definedName name="_14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8"}</definedName>
    <definedName name="_143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9"}</definedName>
    <definedName name="_143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8"}</definedName>
    <definedName name="_143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7"}</definedName>
    <definedName name="_143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6"}</definedName>
    <definedName name="_143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5"}</definedName>
    <definedName name="_143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4"}</definedName>
    <definedName name="_143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3"}</definedName>
    <definedName name="_143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2"}</definedName>
    <definedName name="_143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1"}</definedName>
    <definedName name="_143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0"}</definedName>
    <definedName name="_14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7"}</definedName>
    <definedName name="_143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9"}</definedName>
    <definedName name="_143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8"}</definedName>
    <definedName name="_143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7"}</definedName>
    <definedName name="_143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6"}</definedName>
    <definedName name="_143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5"}</definedName>
    <definedName name="_143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4"}</definedName>
    <definedName name="_143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3"}</definedName>
    <definedName name="_143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2"}</definedName>
    <definedName name="_143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1"}</definedName>
    <definedName name="_143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0"}</definedName>
    <definedName name="_14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6"}</definedName>
    <definedName name="_143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9"}</definedName>
    <definedName name="_143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8"}</definedName>
    <definedName name="_143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7"}</definedName>
    <definedName name="_143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6"}</definedName>
    <definedName name="_143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5"}</definedName>
    <definedName name="_143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4"}</definedName>
    <definedName name="_143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3"}</definedName>
    <definedName name="_143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2"}</definedName>
    <definedName name="_143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1"}</definedName>
    <definedName name="_143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0"}</definedName>
    <definedName name="_14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5"}</definedName>
    <definedName name="_143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9"}</definedName>
    <definedName name="_143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8"}</definedName>
    <definedName name="_143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7"}</definedName>
    <definedName name="_143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6"}</definedName>
    <definedName name="_143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5"}</definedName>
    <definedName name="_143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4"}</definedName>
    <definedName name="_143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3"}</definedName>
    <definedName name="_143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2"}</definedName>
    <definedName name="_143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1"}</definedName>
    <definedName name="_143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definedName>
    <definedName name="_14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4"}</definedName>
    <definedName name="_143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definedName>
    <definedName name="_143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definedName>
    <definedName name="_143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definedName>
    <definedName name="_143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definedName>
    <definedName name="_143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definedName>
    <definedName name="_143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definedName>
    <definedName name="_143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definedName>
    <definedName name="_143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definedName>
    <definedName name="_143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definedName>
    <definedName name="_143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definedName>
    <definedName name="_1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5"}</definedName>
    <definedName name="_14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3"}</definedName>
    <definedName name="_144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definedName>
    <definedName name="_144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definedName>
    <definedName name="_144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definedName>
    <definedName name="_144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definedName>
    <definedName name="_144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definedName>
    <definedName name="_144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definedName>
    <definedName name="_144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definedName>
    <definedName name="_144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definedName>
    <definedName name="_144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definedName>
    <definedName name="_144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definedName>
    <definedName name="_14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2"}</definedName>
    <definedName name="_144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definedName>
    <definedName name="_144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definedName>
    <definedName name="_144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definedName>
    <definedName name="_144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definedName>
    <definedName name="_144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definedName>
    <definedName name="_144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definedName>
    <definedName name="_144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definedName>
    <definedName name="_144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definedName>
    <definedName name="_144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definedName>
    <definedName name="_144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definedName>
    <definedName name="_14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1"}</definedName>
    <definedName name="_144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definedName>
    <definedName name="_144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definedName>
    <definedName name="_144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definedName>
    <definedName name="_144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definedName>
    <definedName name="_144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definedName>
    <definedName name="_144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definedName>
    <definedName name="_144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definedName>
    <definedName name="_144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definedName>
    <definedName name="_144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definedName>
    <definedName name="_144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definedName>
    <definedName name="_14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0"}</definedName>
    <definedName name="_144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definedName>
    <definedName name="_144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definedName>
    <definedName name="_144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definedName>
    <definedName name="_144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definedName>
    <definedName name="_144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definedName>
    <definedName name="_144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definedName>
    <definedName name="_144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definedName>
    <definedName name="_144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definedName>
    <definedName name="_144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definedName>
    <definedName name="_144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0"}</definedName>
    <definedName name="_14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9"}</definedName>
    <definedName name="_144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6"}</definedName>
    <definedName name="_144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5"}</definedName>
    <definedName name="_144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4"}</definedName>
    <definedName name="_144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3"}</definedName>
    <definedName name="_144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2"}</definedName>
    <definedName name="_144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1"}</definedName>
    <definedName name="_144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0"}</definedName>
    <definedName name="_144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9"}</definedName>
    <definedName name="_144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8"}</definedName>
    <definedName name="_144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7"}</definedName>
    <definedName name="_14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8"}</definedName>
    <definedName name="_144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6"}</definedName>
    <definedName name="_144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5"}</definedName>
    <definedName name="_144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4"}</definedName>
    <definedName name="_144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3"}</definedName>
    <definedName name="_144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2"}</definedName>
    <definedName name="_144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1"}</definedName>
    <definedName name="_144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0"}</definedName>
    <definedName name="_144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9"}</definedName>
    <definedName name="_144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8"}</definedName>
    <definedName name="_144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7"}</definedName>
    <definedName name="_14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7"}</definedName>
    <definedName name="_144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6"}</definedName>
    <definedName name="_144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5"}</definedName>
    <definedName name="_144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4"}</definedName>
    <definedName name="_144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3"}</definedName>
    <definedName name="_144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2"}</definedName>
    <definedName name="_144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1"}</definedName>
    <definedName name="_144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0"}</definedName>
    <definedName name="_144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9"}</definedName>
    <definedName name="_144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8"}</definedName>
    <definedName name="_144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7"}</definedName>
    <definedName name="_14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6"}</definedName>
    <definedName name="_144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6"}</definedName>
    <definedName name="_144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5"}</definedName>
    <definedName name="_144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4"}</definedName>
    <definedName name="_144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3"}</definedName>
    <definedName name="_144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2"}</definedName>
    <definedName name="_144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1"}</definedName>
    <definedName name="_144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0"}</definedName>
    <definedName name="_144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9"}</definedName>
    <definedName name="_144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8"}</definedName>
    <definedName name="_144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7"}</definedName>
    <definedName name="_14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5"}</definedName>
    <definedName name="_144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6"}</definedName>
    <definedName name="_144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5"}</definedName>
    <definedName name="_144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4"}</definedName>
    <definedName name="_144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3"}</definedName>
    <definedName name="_144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2"}</definedName>
    <definedName name="_144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1"}</definedName>
    <definedName name="_144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0"}</definedName>
    <definedName name="_144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9"}</definedName>
    <definedName name="_144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8"}</definedName>
    <definedName name="_144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7"}</definedName>
    <definedName name="_14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4"}</definedName>
    <definedName name="_144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6"}</definedName>
    <definedName name="_144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5"}</definedName>
    <definedName name="_144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4"}</definedName>
    <definedName name="_144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3"}</definedName>
    <definedName name="_144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2"}</definedName>
    <definedName name="_144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1"}</definedName>
    <definedName name="_144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0"}</definedName>
    <definedName name="_144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9"}</definedName>
    <definedName name="_144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8"}</definedName>
    <definedName name="_144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7"}</definedName>
    <definedName name="_1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4"}</definedName>
    <definedName name="_14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3"}</definedName>
    <definedName name="_145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6"}</definedName>
    <definedName name="_145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5"}</definedName>
    <definedName name="_145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4"}</definedName>
    <definedName name="_145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3"}</definedName>
    <definedName name="_145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2"}</definedName>
    <definedName name="_145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1"}</definedName>
    <definedName name="_145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0"}</definedName>
    <definedName name="_145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9"}</definedName>
    <definedName name="_145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8"}</definedName>
    <definedName name="_145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7"}</definedName>
    <definedName name="_14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2"}</definedName>
    <definedName name="_145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6"}</definedName>
    <definedName name="_145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5"}</definedName>
    <definedName name="_145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4"}</definedName>
    <definedName name="_145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3"}</definedName>
    <definedName name="_145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2"}</definedName>
    <definedName name="_145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1"}</definedName>
    <definedName name="_145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0"}</definedName>
    <definedName name="_145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9"}</definedName>
    <definedName name="_145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8"}</definedName>
    <definedName name="_145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7"}</definedName>
    <definedName name="_14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1"}</definedName>
    <definedName name="_145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6"}</definedName>
    <definedName name="_145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5"}</definedName>
    <definedName name="_145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4"}</definedName>
    <definedName name="_145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3"}</definedName>
    <definedName name="_145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2"}</definedName>
    <definedName name="_145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1"}</definedName>
    <definedName name="_145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0"}</definedName>
    <definedName name="_145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9"}</definedName>
    <definedName name="_145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8"}</definedName>
    <definedName name="_145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7"}</definedName>
    <definedName name="_14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0"}</definedName>
    <definedName name="_145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6"}</definedName>
    <definedName name="_145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5"}</definedName>
    <definedName name="_145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4"}</definedName>
    <definedName name="_145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3"}</definedName>
    <definedName name="_145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2"}</definedName>
    <definedName name="_145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1"}</definedName>
    <definedName name="_145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0"}</definedName>
    <definedName name="_145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9"}</definedName>
    <definedName name="_145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8"}</definedName>
    <definedName name="_145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7"}</definedName>
    <definedName name="_14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9"}</definedName>
    <definedName name="_145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6"}</definedName>
    <definedName name="_145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5"}</definedName>
    <definedName name="_145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4"}</definedName>
    <definedName name="_145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3"}</definedName>
    <definedName name="_145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2"}</definedName>
    <definedName name="_145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1"}</definedName>
    <definedName name="_145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0"}</definedName>
    <definedName name="_145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9"}</definedName>
    <definedName name="_145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8"}</definedName>
    <definedName name="_145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7"}</definedName>
    <definedName name="_14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8"}</definedName>
    <definedName name="_145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6"}</definedName>
    <definedName name="_145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5"}</definedName>
    <definedName name="_145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4"}</definedName>
    <definedName name="_145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3"}</definedName>
    <definedName name="_145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2"}</definedName>
    <definedName name="_145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1"}</definedName>
    <definedName name="_145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0"}</definedName>
    <definedName name="_145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9"}</definedName>
    <definedName name="_145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8"}</definedName>
    <definedName name="_145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7"}</definedName>
    <definedName name="_14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7"}</definedName>
    <definedName name="_145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6"}</definedName>
    <definedName name="_145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5"}</definedName>
    <definedName name="_145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4"}</definedName>
    <definedName name="_145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3"}</definedName>
    <definedName name="_145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2"}</definedName>
    <definedName name="_145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1"}</definedName>
    <definedName name="_145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0"}</definedName>
    <definedName name="_145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9"}</definedName>
    <definedName name="_145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8"}</definedName>
    <definedName name="_145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7"}</definedName>
    <definedName name="_14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6"}</definedName>
    <definedName name="_145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6"}</definedName>
    <definedName name="_145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5"}</definedName>
    <definedName name="_145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4"}</definedName>
    <definedName name="_145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3"}</definedName>
    <definedName name="_145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2"}</definedName>
    <definedName name="_145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1"}</definedName>
    <definedName name="_145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0"}</definedName>
    <definedName name="_145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9"}</definedName>
    <definedName name="_145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8"}</definedName>
    <definedName name="_145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7"}</definedName>
    <definedName name="_14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5"}</definedName>
    <definedName name="_145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6"}</definedName>
    <definedName name="_145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5"}</definedName>
    <definedName name="_145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4"}</definedName>
    <definedName name="_145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3"}</definedName>
    <definedName name="_145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2"}</definedName>
    <definedName name="_145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1"}</definedName>
    <definedName name="_145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0"}</definedName>
    <definedName name="_145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9"}</definedName>
    <definedName name="_145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8"}</definedName>
    <definedName name="_145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7"}</definedName>
    <definedName name="_14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4"}</definedName>
    <definedName name="_145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6"}</definedName>
    <definedName name="_145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5"}</definedName>
    <definedName name="_145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4"}</definedName>
    <definedName name="_145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3"}</definedName>
    <definedName name="_145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2"}</definedName>
    <definedName name="_145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1"}</definedName>
    <definedName name="_145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0"}</definedName>
    <definedName name="_145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9"}</definedName>
    <definedName name="_145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8"}</definedName>
    <definedName name="_145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7"}</definedName>
    <definedName name="_1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3"}</definedName>
    <definedName name="_14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3"}</definedName>
    <definedName name="_146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6"}</definedName>
    <definedName name="_146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5"}</definedName>
    <definedName name="_146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4"}</definedName>
    <definedName name="_146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3"}</definedName>
    <definedName name="_146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2"}</definedName>
    <definedName name="_146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1"}</definedName>
    <definedName name="_146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0"}</definedName>
    <definedName name="_146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9"}</definedName>
    <definedName name="_146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8"}</definedName>
    <definedName name="_146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7"}</definedName>
    <definedName name="_14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2"}</definedName>
    <definedName name="_146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6"}</definedName>
    <definedName name="_146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5"}</definedName>
    <definedName name="_146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4"}</definedName>
    <definedName name="_146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3"}</definedName>
    <definedName name="_146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2"}</definedName>
    <definedName name="_146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1"}</definedName>
    <definedName name="_146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0"}</definedName>
    <definedName name="_146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9"}</definedName>
    <definedName name="_146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8"}</definedName>
    <definedName name="_146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7"}</definedName>
    <definedName name="_14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1"}</definedName>
    <definedName name="_146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6"}</definedName>
    <definedName name="_146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5"}</definedName>
    <definedName name="_146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4"}</definedName>
    <definedName name="_146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3"}</definedName>
    <definedName name="_146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2"}</definedName>
    <definedName name="_146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1"}</definedName>
    <definedName name="_146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0"}</definedName>
    <definedName name="_146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9"}</definedName>
    <definedName name="_146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8"}</definedName>
    <definedName name="_146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7"}</definedName>
    <definedName name="_14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0"}</definedName>
    <definedName name="_146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6"}</definedName>
    <definedName name="_146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5"}</definedName>
    <definedName name="_146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4"}</definedName>
    <definedName name="_146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3"}</definedName>
    <definedName name="_146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2"}</definedName>
    <definedName name="_146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1"}</definedName>
    <definedName name="_146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0"}</definedName>
    <definedName name="_146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9"}</definedName>
    <definedName name="_146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8"}</definedName>
    <definedName name="_146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7"}</definedName>
    <definedName name="_14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9"}</definedName>
    <definedName name="_146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6"}</definedName>
    <definedName name="_146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5"}</definedName>
    <definedName name="_146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4"}</definedName>
    <definedName name="_146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3"}</definedName>
    <definedName name="_146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2"}</definedName>
    <definedName name="_146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1"}</definedName>
    <definedName name="_146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0"}</definedName>
    <definedName name="_146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9"}</definedName>
    <definedName name="_146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8"}</definedName>
    <definedName name="_146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7"}</definedName>
    <definedName name="_14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8"}</definedName>
    <definedName name="_146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6"}</definedName>
    <definedName name="_146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5"}</definedName>
    <definedName name="_146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4"}</definedName>
    <definedName name="_146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3"}</definedName>
    <definedName name="_146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2"}</definedName>
    <definedName name="_146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1"}</definedName>
    <definedName name="_146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0"}</definedName>
    <definedName name="_146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9"}</definedName>
    <definedName name="_146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8"}</definedName>
    <definedName name="_146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7"}</definedName>
    <definedName name="_14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7"}</definedName>
    <definedName name="_146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6"}</definedName>
    <definedName name="_146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5"}</definedName>
    <definedName name="_146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4"}</definedName>
    <definedName name="_146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3"}</definedName>
    <definedName name="_146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2"}</definedName>
    <definedName name="_146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1"}</definedName>
    <definedName name="_146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0"}</definedName>
    <definedName name="_146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9"}</definedName>
    <definedName name="_146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8"}</definedName>
    <definedName name="_146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7"}</definedName>
    <definedName name="_14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6"}</definedName>
    <definedName name="_146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6"}</definedName>
    <definedName name="_146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5"}</definedName>
    <definedName name="_146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4"}</definedName>
    <definedName name="_146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3"}</definedName>
    <definedName name="_146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2"}</definedName>
    <definedName name="_146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1"}</definedName>
    <definedName name="_146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0"}</definedName>
    <definedName name="_146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9"}</definedName>
    <definedName name="_146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8"}</definedName>
    <definedName name="_146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7"}</definedName>
    <definedName name="_14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5"}</definedName>
    <definedName name="_146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6"}</definedName>
    <definedName name="_146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5"}</definedName>
    <definedName name="_146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4"}</definedName>
    <definedName name="_146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3"}</definedName>
    <definedName name="_146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2"}</definedName>
    <definedName name="_146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1"}</definedName>
    <definedName name="_146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0"}</definedName>
    <definedName name="_146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9"}</definedName>
    <definedName name="_146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8"}</definedName>
    <definedName name="_146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7"}</definedName>
    <definedName name="_14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4"}</definedName>
    <definedName name="_146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6"}</definedName>
    <definedName name="_146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5"}</definedName>
    <definedName name="_146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4"}</definedName>
    <definedName name="_146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3"}</definedName>
    <definedName name="_146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2"}</definedName>
    <definedName name="_146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1"}</definedName>
    <definedName name="_146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0"}</definedName>
    <definedName name="_146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9"}</definedName>
    <definedName name="_146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8"}</definedName>
    <definedName name="_146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7"}</definedName>
    <definedName name="_1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2"}</definedName>
    <definedName name="_14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3"}</definedName>
    <definedName name="_147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6"}</definedName>
    <definedName name="_147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5"}</definedName>
    <definedName name="_147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4"}</definedName>
    <definedName name="_147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3"}</definedName>
    <definedName name="_147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2"}</definedName>
    <definedName name="_147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1"}</definedName>
    <definedName name="_147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0"}</definedName>
    <definedName name="_147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9"}</definedName>
    <definedName name="_147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8"}</definedName>
    <definedName name="_147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7"}</definedName>
    <definedName name="_14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2"}</definedName>
    <definedName name="_147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6"}</definedName>
    <definedName name="_147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5"}</definedName>
    <definedName name="_147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4"}</definedName>
    <definedName name="_147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3"}</definedName>
    <definedName name="_147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2"}</definedName>
    <definedName name="_147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1"}</definedName>
    <definedName name="_147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0"}</definedName>
    <definedName name="_147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9"}</definedName>
    <definedName name="_147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8"}</definedName>
    <definedName name="_147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7"}</definedName>
    <definedName name="_14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1"}</definedName>
    <definedName name="_147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6"}</definedName>
    <definedName name="_147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5"}</definedName>
    <definedName name="_147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4"}</definedName>
    <definedName name="_147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3"}</definedName>
    <definedName name="_147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2"}</definedName>
    <definedName name="_147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1"}</definedName>
    <definedName name="_147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0"}</definedName>
    <definedName name="_147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9"}</definedName>
    <definedName name="_147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8"}</definedName>
    <definedName name="_147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7"}</definedName>
    <definedName name="_14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0"}</definedName>
    <definedName name="_147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6"}</definedName>
    <definedName name="_147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5"}</definedName>
    <definedName name="_147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4"}</definedName>
    <definedName name="_147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3"}</definedName>
    <definedName name="_147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2"}</definedName>
    <definedName name="_147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1"}</definedName>
    <definedName name="_147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0"}</definedName>
    <definedName name="_147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9"}</definedName>
    <definedName name="_147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8"}</definedName>
    <definedName name="_147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7"}</definedName>
    <definedName name="_14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9"}</definedName>
    <definedName name="_147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6"}</definedName>
    <definedName name="_147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5"}</definedName>
    <definedName name="_147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4"}</definedName>
    <definedName name="_147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3"}</definedName>
    <definedName name="_147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2"}</definedName>
    <definedName name="_147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1"}</definedName>
    <definedName name="_147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0"}</definedName>
    <definedName name="_147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9"}</definedName>
    <definedName name="_147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8"}</definedName>
    <definedName name="_147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7"}</definedName>
    <definedName name="_14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8"}</definedName>
    <definedName name="_147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6"}</definedName>
    <definedName name="_147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5"}</definedName>
    <definedName name="_147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4"}</definedName>
    <definedName name="_147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3"}</definedName>
    <definedName name="_147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2"}</definedName>
    <definedName name="_147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1"}</definedName>
    <definedName name="_147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0"}</definedName>
    <definedName name="_147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9"}</definedName>
    <definedName name="_147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8"}</definedName>
    <definedName name="_147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7"}</definedName>
    <definedName name="_14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7"}</definedName>
    <definedName name="_147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6"}</definedName>
    <definedName name="_147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5"}</definedName>
    <definedName name="_147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4"}</definedName>
    <definedName name="_147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3"}</definedName>
    <definedName name="_147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2"}</definedName>
    <definedName name="_147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1"}</definedName>
    <definedName name="_147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0"}</definedName>
    <definedName name="_147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9"}</definedName>
    <definedName name="_147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8"}</definedName>
    <definedName name="_147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7"}</definedName>
    <definedName name="_14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6"}</definedName>
    <definedName name="_147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6"}</definedName>
    <definedName name="_147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5"}</definedName>
    <definedName name="_147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4"}</definedName>
    <definedName name="_147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3"}</definedName>
    <definedName name="_147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2"}</definedName>
    <definedName name="_147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1"}</definedName>
    <definedName name="_147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0"}</definedName>
    <definedName name="_147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9"}</definedName>
    <definedName name="_147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8"}</definedName>
    <definedName name="_147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7"}</definedName>
    <definedName name="_14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5"}</definedName>
    <definedName name="_147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6"}</definedName>
    <definedName name="_147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5"}</definedName>
    <definedName name="_147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4"}</definedName>
    <definedName name="_147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3"}</definedName>
    <definedName name="_147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2"}</definedName>
    <definedName name="_147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1"}</definedName>
    <definedName name="_147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0"}</definedName>
    <definedName name="_147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9"}</definedName>
    <definedName name="_147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8"}</definedName>
    <definedName name="_147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7"}</definedName>
    <definedName name="_14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4"}</definedName>
    <definedName name="_147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6"}</definedName>
    <definedName name="_147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5"}</definedName>
    <definedName name="_147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4"}</definedName>
    <definedName name="_147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3"}</definedName>
    <definedName name="_147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2"}</definedName>
    <definedName name="_147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1"}</definedName>
    <definedName name="_147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0"}</definedName>
    <definedName name="_147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9"}</definedName>
    <definedName name="_147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8"}</definedName>
    <definedName name="_147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7"}</definedName>
    <definedName name="_1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1"}</definedName>
    <definedName name="_14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3"}</definedName>
    <definedName name="_148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6"}</definedName>
    <definedName name="_148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5"}</definedName>
    <definedName name="_148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4"}</definedName>
    <definedName name="_148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3"}</definedName>
    <definedName name="_148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2"}</definedName>
    <definedName name="_148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1"}</definedName>
    <definedName name="_148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0"}</definedName>
    <definedName name="_148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9"}</definedName>
    <definedName name="_148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8"}</definedName>
    <definedName name="_148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7"}</definedName>
    <definedName name="_14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2"}</definedName>
    <definedName name="_148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6"}</definedName>
    <definedName name="_148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5"}</definedName>
    <definedName name="_148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4"}</definedName>
    <definedName name="_148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3"}</definedName>
    <definedName name="_148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2"}</definedName>
    <definedName name="_148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1"}</definedName>
    <definedName name="_148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0"}</definedName>
    <definedName name="_148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9"}</definedName>
    <definedName name="_148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8"}</definedName>
    <definedName name="_148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7"}</definedName>
    <definedName name="_14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1"}</definedName>
    <definedName name="_148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6"}</definedName>
    <definedName name="_148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5"}</definedName>
    <definedName name="_148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4"}</definedName>
    <definedName name="_148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3"}</definedName>
    <definedName name="_148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2"}</definedName>
    <definedName name="_148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1"}</definedName>
    <definedName name="_148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0"}</definedName>
    <definedName name="_148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9"}</definedName>
    <definedName name="_148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8"}</definedName>
    <definedName name="_148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7"}</definedName>
    <definedName name="_14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0"}</definedName>
    <definedName name="_148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6"}</definedName>
    <definedName name="_148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5"}</definedName>
    <definedName name="_148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4"}</definedName>
    <definedName name="_148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3"}</definedName>
    <definedName name="_148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2"}</definedName>
    <definedName name="_148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1"}</definedName>
    <definedName name="_148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0"}</definedName>
    <definedName name="_148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9"}</definedName>
    <definedName name="_148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8"}</definedName>
    <definedName name="_148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7"}</definedName>
    <definedName name="_14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9"}</definedName>
    <definedName name="_148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6"}</definedName>
    <definedName name="_148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5"}</definedName>
    <definedName name="_148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4"}</definedName>
    <definedName name="_148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3"}</definedName>
    <definedName name="_148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2"}</definedName>
    <definedName name="_148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1"}</definedName>
    <definedName name="_148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0"}</definedName>
    <definedName name="_148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9"}</definedName>
    <definedName name="_148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8"}</definedName>
    <definedName name="_148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7"}</definedName>
    <definedName name="_14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8"}</definedName>
    <definedName name="_148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6"}</definedName>
    <definedName name="_148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5"}</definedName>
    <definedName name="_148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4"}</definedName>
    <definedName name="_148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3"}</definedName>
    <definedName name="_148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2"}</definedName>
    <definedName name="_148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1"}</definedName>
    <definedName name="_148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0"}</definedName>
    <definedName name="_148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9"}</definedName>
    <definedName name="_148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8"}</definedName>
    <definedName name="_148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7"}</definedName>
    <definedName name="_14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7"}</definedName>
    <definedName name="_148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6"}</definedName>
    <definedName name="_148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5"}</definedName>
    <definedName name="_148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4"}</definedName>
    <definedName name="_148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3"}</definedName>
    <definedName name="_148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2"}</definedName>
    <definedName name="_148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1"}</definedName>
    <definedName name="_148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0"}</definedName>
    <definedName name="_148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9"}</definedName>
    <definedName name="_148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8"}</definedName>
    <definedName name="_148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7"}</definedName>
    <definedName name="_14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6"}</definedName>
    <definedName name="_148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6"}</definedName>
    <definedName name="_148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5"}</definedName>
    <definedName name="_148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4"}</definedName>
    <definedName name="_148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3"}</definedName>
    <definedName name="_148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2"}</definedName>
    <definedName name="_148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1"}</definedName>
    <definedName name="_148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0"}</definedName>
    <definedName name="_148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9"}</definedName>
    <definedName name="_148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8"}</definedName>
    <definedName name="_148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7"}</definedName>
    <definedName name="_14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5"}</definedName>
    <definedName name="_148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6"}</definedName>
    <definedName name="_148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5"}</definedName>
    <definedName name="_148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4"}</definedName>
    <definedName name="_148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3"}</definedName>
    <definedName name="_148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2"}</definedName>
    <definedName name="_148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1"}</definedName>
    <definedName name="_148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0"}</definedName>
    <definedName name="_148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9"}</definedName>
    <definedName name="_148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8"}</definedName>
    <definedName name="_148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7"}</definedName>
    <definedName name="_14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4"}</definedName>
    <definedName name="_148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6"}</definedName>
    <definedName name="_148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5"}</definedName>
    <definedName name="_148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4"}</definedName>
    <definedName name="_148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3"}</definedName>
    <definedName name="_148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2"}</definedName>
    <definedName name="_148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1"}</definedName>
    <definedName name="_148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definedName>
    <definedName name="_148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definedName>
    <definedName name="_148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definedName>
    <definedName name="_148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definedName>
    <definedName name="_1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0"}</definedName>
    <definedName name="_14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3"}</definedName>
    <definedName name="_149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definedName>
    <definedName name="_149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definedName>
    <definedName name="_149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definedName>
    <definedName name="_149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definedName>
    <definedName name="_149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definedName>
    <definedName name="_149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definedName>
    <definedName name="_149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definedName>
    <definedName name="_149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definedName>
    <definedName name="_149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definedName>
    <definedName name="_149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definedName>
    <definedName name="_14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2"}</definedName>
    <definedName name="_149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definedName>
    <definedName name="_149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definedName>
    <definedName name="_149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definedName>
    <definedName name="_149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definedName>
    <definedName name="_149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definedName>
    <definedName name="_149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definedName>
    <definedName name="_149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definedName>
    <definedName name="_149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definedName>
    <definedName name="_149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definedName>
    <definedName name="_149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definedName>
    <definedName name="_14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1"}</definedName>
    <definedName name="_149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definedName>
    <definedName name="_149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definedName>
    <definedName name="_149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definedName>
    <definedName name="_149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definedName>
    <definedName name="_149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definedName>
    <definedName name="_149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definedName>
    <definedName name="_149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definedName>
    <definedName name="_149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definedName>
    <definedName name="_149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definedName>
    <definedName name="_149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definedName>
    <definedName name="_14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0"}</definedName>
    <definedName name="_149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definedName>
    <definedName name="_149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definedName>
    <definedName name="_149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definedName>
    <definedName name="_149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definedName>
    <definedName name="_149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definedName>
    <definedName name="_149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definedName>
    <definedName name="_149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definedName>
    <definedName name="_149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definedName>
    <definedName name="_149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definedName>
    <definedName name="_149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definedName>
    <definedName name="_14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9"}</definedName>
    <definedName name="_149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definedName>
    <definedName name="_149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definedName>
    <definedName name="_149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definedName>
    <definedName name="_149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definedName>
    <definedName name="_149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definedName>
    <definedName name="_149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definedName>
    <definedName name="_149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0"}</definedName>
    <definedName name="_149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6"}</definedName>
    <definedName name="_149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5"}</definedName>
    <definedName name="_149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4"}</definedName>
    <definedName name="_14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8"}</definedName>
    <definedName name="_149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3"}</definedName>
    <definedName name="_149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2"}</definedName>
    <definedName name="_149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1"}</definedName>
    <definedName name="_149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0"}</definedName>
    <definedName name="_149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9"}</definedName>
    <definedName name="_149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8"}</definedName>
    <definedName name="_149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7"}</definedName>
    <definedName name="_149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6"}</definedName>
    <definedName name="_149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5"}</definedName>
    <definedName name="_149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4"}</definedName>
    <definedName name="_14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7"}</definedName>
    <definedName name="_149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3"}</definedName>
    <definedName name="_149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2"}</definedName>
    <definedName name="_149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1"}</definedName>
    <definedName name="_149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0"}</definedName>
    <definedName name="_149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9"}</definedName>
    <definedName name="_149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8"}</definedName>
    <definedName name="_149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7"}</definedName>
    <definedName name="_149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6"}</definedName>
    <definedName name="_149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5"}</definedName>
    <definedName name="_149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4"}</definedName>
    <definedName name="_14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6"}</definedName>
    <definedName name="_149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3"}</definedName>
    <definedName name="_149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2"}</definedName>
    <definedName name="_149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1"}</definedName>
    <definedName name="_149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0"}</definedName>
    <definedName name="_149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9"}</definedName>
    <definedName name="_149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8"}</definedName>
    <definedName name="_149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7"}</definedName>
    <definedName name="_149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6"}</definedName>
    <definedName name="_149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5"}</definedName>
    <definedName name="_149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4"}</definedName>
    <definedName name="_14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5"}</definedName>
    <definedName name="_149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3"}</definedName>
    <definedName name="_149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2"}</definedName>
    <definedName name="_149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1"}</definedName>
    <definedName name="_149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0"}</definedName>
    <definedName name="_149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9"}</definedName>
    <definedName name="_149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8"}</definedName>
    <definedName name="_149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7"}</definedName>
    <definedName name="_149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6"}</definedName>
    <definedName name="_149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5"}</definedName>
    <definedName name="_149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4"}</definedName>
    <definedName name="_14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4"}</definedName>
    <definedName name="_149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3"}</definedName>
    <definedName name="_149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2"}</definedName>
    <definedName name="_149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1"}</definedName>
    <definedName name="_149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0"}</definedName>
    <definedName name="_149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9"}</definedName>
    <definedName name="_149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8"}</definedName>
    <definedName name="_149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7"}</definedName>
    <definedName name="_149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6"}</definedName>
    <definedName name="_149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5"}</definedName>
    <definedName name="_149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4"}</definedName>
    <definedName name="_15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2"}</definedName>
    <definedName name="_1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9"}</definedName>
    <definedName name="_15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3"}</definedName>
    <definedName name="_150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3"}</definedName>
    <definedName name="_150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2"}</definedName>
    <definedName name="_150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1"}</definedName>
    <definedName name="_150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0"}</definedName>
    <definedName name="_150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9"}</definedName>
    <definedName name="_150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8"}</definedName>
    <definedName name="_150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7"}</definedName>
    <definedName name="_150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6"}</definedName>
    <definedName name="_150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5"}</definedName>
    <definedName name="_150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4"}</definedName>
    <definedName name="_15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2"}</definedName>
    <definedName name="_150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3"}</definedName>
    <definedName name="_150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2"}</definedName>
    <definedName name="_150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1"}</definedName>
    <definedName name="_150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0"}</definedName>
    <definedName name="_150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9"}</definedName>
    <definedName name="_150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8"}</definedName>
    <definedName name="_150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7"}</definedName>
    <definedName name="_150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6"}</definedName>
    <definedName name="_150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5"}</definedName>
    <definedName name="_150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4"}</definedName>
    <definedName name="_15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1"}</definedName>
    <definedName name="_150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3"}</definedName>
    <definedName name="_150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2"}</definedName>
    <definedName name="_150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1"}</definedName>
    <definedName name="_150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0"}</definedName>
    <definedName name="_150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9"}</definedName>
    <definedName name="_150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8"}</definedName>
    <definedName name="_150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7"}</definedName>
    <definedName name="_150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6"}</definedName>
    <definedName name="_150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5"}</definedName>
    <definedName name="_150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4"}</definedName>
    <definedName name="_15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0"}</definedName>
    <definedName name="_150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3"}</definedName>
    <definedName name="_150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2"}</definedName>
    <definedName name="_150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1"}</definedName>
    <definedName name="_150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0"}</definedName>
    <definedName name="_150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9"}</definedName>
    <definedName name="_150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8"}</definedName>
    <definedName name="_150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7"}</definedName>
    <definedName name="_150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6"}</definedName>
    <definedName name="_150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5"}</definedName>
    <definedName name="_150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4"}</definedName>
    <definedName name="_15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9"}</definedName>
    <definedName name="_150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3"}</definedName>
    <definedName name="_150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2"}</definedName>
    <definedName name="_150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1"}</definedName>
    <definedName name="_150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0"}</definedName>
    <definedName name="_150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9"}</definedName>
    <definedName name="_150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8"}</definedName>
    <definedName name="_150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7"}</definedName>
    <definedName name="_150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6"}</definedName>
    <definedName name="_150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5"}</definedName>
    <definedName name="_150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4"}</definedName>
    <definedName name="_15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8"}</definedName>
    <definedName name="_150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3"}</definedName>
    <definedName name="_150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2"}</definedName>
    <definedName name="_150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1"}</definedName>
    <definedName name="_150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0"}</definedName>
    <definedName name="_150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9"}</definedName>
    <definedName name="_150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8"}</definedName>
    <definedName name="_150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7"}</definedName>
    <definedName name="_150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6"}</definedName>
    <definedName name="_150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5"}</definedName>
    <definedName name="_150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4"}</definedName>
    <definedName name="_15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7"}</definedName>
    <definedName name="_150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3"}</definedName>
    <definedName name="_150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2"}</definedName>
    <definedName name="_150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1"}</definedName>
    <definedName name="_150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0"}</definedName>
    <definedName name="_150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9"}</definedName>
    <definedName name="_150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8"}</definedName>
    <definedName name="_150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7"}</definedName>
    <definedName name="_150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6"}</definedName>
    <definedName name="_150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5"}</definedName>
    <definedName name="_150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4"}</definedName>
    <definedName name="_15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6"}</definedName>
    <definedName name="_150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3"}</definedName>
    <definedName name="_150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2"}</definedName>
    <definedName name="_150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1"}</definedName>
    <definedName name="_150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0"}</definedName>
    <definedName name="_150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9"}</definedName>
    <definedName name="_150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8"}</definedName>
    <definedName name="_150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7"}</definedName>
    <definedName name="_150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6"}</definedName>
    <definedName name="_150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5"}</definedName>
    <definedName name="_150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4"}</definedName>
    <definedName name="_15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5"}</definedName>
    <definedName name="_150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3"}</definedName>
    <definedName name="_150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2"}</definedName>
    <definedName name="_150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1"}</definedName>
    <definedName name="_150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0"}</definedName>
    <definedName name="_150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9"}</definedName>
    <definedName name="_150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8"}</definedName>
    <definedName name="_150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7"}</definedName>
    <definedName name="_150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6"}</definedName>
    <definedName name="_150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5"}</definedName>
    <definedName name="_150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4"}</definedName>
    <definedName name="_15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4"}</definedName>
    <definedName name="_150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3"}</definedName>
    <definedName name="_150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2"}</definedName>
    <definedName name="_150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1"}</definedName>
    <definedName name="_150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0"}</definedName>
    <definedName name="_150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9"}</definedName>
    <definedName name="_150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8"}</definedName>
    <definedName name="_150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7"}</definedName>
    <definedName name="_150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6"}</definedName>
    <definedName name="_150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5"}</definedName>
    <definedName name="_150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4"}</definedName>
    <definedName name="_1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8"}</definedName>
    <definedName name="_15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3"}</definedName>
    <definedName name="_151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3"}</definedName>
    <definedName name="_151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2"}</definedName>
    <definedName name="_151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1"}</definedName>
    <definedName name="_151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0"}</definedName>
    <definedName name="_151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9"}</definedName>
    <definedName name="_151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8"}</definedName>
    <definedName name="_151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7"}</definedName>
    <definedName name="_151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6"}</definedName>
    <definedName name="_151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5"}</definedName>
    <definedName name="_151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4"}</definedName>
    <definedName name="_15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2"}</definedName>
    <definedName name="_151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3"}</definedName>
    <definedName name="_151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2"}</definedName>
    <definedName name="_151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1"}</definedName>
    <definedName name="_151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0"}</definedName>
    <definedName name="_151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9"}</definedName>
    <definedName name="_151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8"}</definedName>
    <definedName name="_151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7"}</definedName>
    <definedName name="_151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6"}</definedName>
    <definedName name="_151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5"}</definedName>
    <definedName name="_151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4"}</definedName>
    <definedName name="_15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1"}</definedName>
    <definedName name="_151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3"}</definedName>
    <definedName name="_151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2"}</definedName>
    <definedName name="_151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1"}</definedName>
    <definedName name="_151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0"}</definedName>
    <definedName name="_151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9"}</definedName>
    <definedName name="_151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8"}</definedName>
    <definedName name="_151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7"}</definedName>
    <definedName name="_151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6"}</definedName>
    <definedName name="_151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5"}</definedName>
    <definedName name="_151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4"}</definedName>
    <definedName name="_15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0"}</definedName>
    <definedName name="_151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3"}</definedName>
    <definedName name="_151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2"}</definedName>
    <definedName name="_151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1"}</definedName>
    <definedName name="_151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0"}</definedName>
    <definedName name="_151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9"}</definedName>
    <definedName name="_151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8"}</definedName>
    <definedName name="_151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7"}</definedName>
    <definedName name="_151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6"}</definedName>
    <definedName name="_151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5"}</definedName>
    <definedName name="_151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4"}</definedName>
    <definedName name="_15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9"}</definedName>
    <definedName name="_151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3"}</definedName>
    <definedName name="_151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2"}</definedName>
    <definedName name="_151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1"}</definedName>
    <definedName name="_151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0"}</definedName>
    <definedName name="_151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9"}</definedName>
    <definedName name="_151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8"}</definedName>
    <definedName name="_151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7"}</definedName>
    <definedName name="_151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6"}</definedName>
    <definedName name="_151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5"}</definedName>
    <definedName name="_151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4"}</definedName>
    <definedName name="_15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8"}</definedName>
    <definedName name="_151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3"}</definedName>
    <definedName name="_151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2"}</definedName>
    <definedName name="_151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1"}</definedName>
    <definedName name="_151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0"}</definedName>
    <definedName name="_151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9"}</definedName>
    <definedName name="_151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8"}</definedName>
    <definedName name="_151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7"}</definedName>
    <definedName name="_151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6"}</definedName>
    <definedName name="_151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5"}</definedName>
    <definedName name="_151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4"}</definedName>
    <definedName name="_15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7"}</definedName>
    <definedName name="_151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3"}</definedName>
    <definedName name="_151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2"}</definedName>
    <definedName name="_151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1"}</definedName>
    <definedName name="_151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0"}</definedName>
    <definedName name="_151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9"}</definedName>
    <definedName name="_151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8"}</definedName>
    <definedName name="_151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7"}</definedName>
    <definedName name="_151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6"}</definedName>
    <definedName name="_151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5"}</definedName>
    <definedName name="_151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4"}</definedName>
    <definedName name="_15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6"}</definedName>
    <definedName name="_151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3"}</definedName>
    <definedName name="_151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2"}</definedName>
    <definedName name="_151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1"}</definedName>
    <definedName name="_151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0"}</definedName>
    <definedName name="_151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9"}</definedName>
    <definedName name="_151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8"}</definedName>
    <definedName name="_151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7"}</definedName>
    <definedName name="_151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6"}</definedName>
    <definedName name="_151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5"}</definedName>
    <definedName name="_151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4"}</definedName>
    <definedName name="_15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5"}</definedName>
    <definedName name="_151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3"}</definedName>
    <definedName name="_151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2"}</definedName>
    <definedName name="_151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1"}</definedName>
    <definedName name="_151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0"}</definedName>
    <definedName name="_151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9"}</definedName>
    <definedName name="_151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8"}</definedName>
    <definedName name="_151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7"}</definedName>
    <definedName name="_151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6"}</definedName>
    <definedName name="_151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5"}</definedName>
    <definedName name="_151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4"}</definedName>
    <definedName name="_15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4"}</definedName>
    <definedName name="_151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3"}</definedName>
    <definedName name="_151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2"}</definedName>
    <definedName name="_151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1"}</definedName>
    <definedName name="_151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0"}</definedName>
    <definedName name="_151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9"}</definedName>
    <definedName name="_151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8"}</definedName>
    <definedName name="_151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7"}</definedName>
    <definedName name="_151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6"}</definedName>
    <definedName name="_151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5"}</definedName>
    <definedName name="_151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4"}</definedName>
    <definedName name="_1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7"}</definedName>
    <definedName name="_15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3"}</definedName>
    <definedName name="_152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3"}</definedName>
    <definedName name="_152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2"}</definedName>
    <definedName name="_152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1"}</definedName>
    <definedName name="_152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0"}</definedName>
    <definedName name="_152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9"}</definedName>
    <definedName name="_152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8"}</definedName>
    <definedName name="_152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7"}</definedName>
    <definedName name="_152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6"}</definedName>
    <definedName name="_152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5"}</definedName>
    <definedName name="_152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4"}</definedName>
    <definedName name="_15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2"}</definedName>
    <definedName name="_152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3"}</definedName>
    <definedName name="_152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2"}</definedName>
    <definedName name="_152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1"}</definedName>
    <definedName name="_152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0"}</definedName>
    <definedName name="_152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9"}</definedName>
    <definedName name="_152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8"}</definedName>
    <definedName name="_152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7"}</definedName>
    <definedName name="_152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6"}</definedName>
    <definedName name="_152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5"}</definedName>
    <definedName name="_152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4"}</definedName>
    <definedName name="_15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1"}</definedName>
    <definedName name="_152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3"}</definedName>
    <definedName name="_152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2"}</definedName>
    <definedName name="_152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1"}</definedName>
    <definedName name="_152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0"}</definedName>
    <definedName name="_152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9"}</definedName>
    <definedName name="_152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8"}</definedName>
    <definedName name="_152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7"}</definedName>
    <definedName name="_152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6"}</definedName>
    <definedName name="_152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5"}</definedName>
    <definedName name="_152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4"}</definedName>
    <definedName name="_15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definedName>
    <definedName name="_152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3"}</definedName>
    <definedName name="_152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2"}</definedName>
    <definedName name="_152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1"}</definedName>
    <definedName name="_152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0"}</definedName>
    <definedName name="_152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9"}</definedName>
    <definedName name="_152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8"}</definedName>
    <definedName name="_152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7"}</definedName>
    <definedName name="_152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6"}</definedName>
    <definedName name="_152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5"}</definedName>
    <definedName name="_152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4"}</definedName>
    <definedName name="_15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definedName>
    <definedName name="_152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3"}</definedName>
    <definedName name="_152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2"}</definedName>
    <definedName name="_152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1"}</definedName>
    <definedName name="_152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0"}</definedName>
    <definedName name="_152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9"}</definedName>
    <definedName name="_152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8"}</definedName>
    <definedName name="_152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7"}</definedName>
    <definedName name="_152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6"}</definedName>
    <definedName name="_152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5"}</definedName>
    <definedName name="_152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4"}</definedName>
    <definedName name="_15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definedName>
    <definedName name="_152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3"}</definedName>
    <definedName name="_152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2"}</definedName>
    <definedName name="_152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1"}</definedName>
    <definedName name="_152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0"}</definedName>
    <definedName name="_152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9"}</definedName>
    <definedName name="_152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8"}</definedName>
    <definedName name="_152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7"}</definedName>
    <definedName name="_152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6"}</definedName>
    <definedName name="_152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5"}</definedName>
    <definedName name="_152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4"}</definedName>
    <definedName name="_15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definedName>
    <definedName name="_152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3"}</definedName>
    <definedName name="_152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2"}</definedName>
    <definedName name="_152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1"}</definedName>
    <definedName name="_152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0"}</definedName>
    <definedName name="_152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9"}</definedName>
    <definedName name="_152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8"}</definedName>
    <definedName name="_152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7"}</definedName>
    <definedName name="_152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6"}</definedName>
    <definedName name="_152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5"}</definedName>
    <definedName name="_152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4"}</definedName>
    <definedName name="_15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definedName>
    <definedName name="_152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3"}</definedName>
    <definedName name="_152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2"}</definedName>
    <definedName name="_152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1"}</definedName>
    <definedName name="_152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0"}</definedName>
    <definedName name="_152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9"}</definedName>
    <definedName name="_152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8"}</definedName>
    <definedName name="_152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7"}</definedName>
    <definedName name="_152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6"}</definedName>
    <definedName name="_152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5"}</definedName>
    <definedName name="_152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4"}</definedName>
    <definedName name="_15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definedName>
    <definedName name="_152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3"}</definedName>
    <definedName name="_152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2"}</definedName>
    <definedName name="_152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1"}</definedName>
    <definedName name="_152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0"}</definedName>
    <definedName name="_152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9"}</definedName>
    <definedName name="_152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8"}</definedName>
    <definedName name="_152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7"}</definedName>
    <definedName name="_152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6"}</definedName>
    <definedName name="_152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5"}</definedName>
    <definedName name="_152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4"}</definedName>
    <definedName name="_15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definedName>
    <definedName name="_152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3"}</definedName>
    <definedName name="_152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2"}</definedName>
    <definedName name="_152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1"}</definedName>
    <definedName name="_152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0"}</definedName>
    <definedName name="_152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9"}</definedName>
    <definedName name="_152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8"}</definedName>
    <definedName name="_152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7"}</definedName>
    <definedName name="_152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6"}</definedName>
    <definedName name="_152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5"}</definedName>
    <definedName name="_152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4"}</definedName>
    <definedName name="_1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6"}</definedName>
    <definedName name="_15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definedName>
    <definedName name="_153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3"}</definedName>
    <definedName name="_153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2"}</definedName>
    <definedName name="_153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1"}</definedName>
    <definedName name="_153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0"}</definedName>
    <definedName name="_153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9"}</definedName>
    <definedName name="_153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8"}</definedName>
    <definedName name="_153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7"}</definedName>
    <definedName name="_153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6"}</definedName>
    <definedName name="_153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5"}</definedName>
    <definedName name="_153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4"}</definedName>
    <definedName name="_15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definedName>
    <definedName name="_153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3"}</definedName>
    <definedName name="_153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2"}</definedName>
    <definedName name="_153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1"}</definedName>
    <definedName name="_153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0"}</definedName>
    <definedName name="_153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9"}</definedName>
    <definedName name="_153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8"}</definedName>
    <definedName name="_153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7"}</definedName>
    <definedName name="_153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6"}</definedName>
    <definedName name="_153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5"}</definedName>
    <definedName name="_153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4"}</definedName>
    <definedName name="_15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definedName>
    <definedName name="_153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3"}</definedName>
    <definedName name="_153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2"}</definedName>
    <definedName name="_153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1"}</definedName>
    <definedName name="_153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0"}</definedName>
    <definedName name="_153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9"}</definedName>
    <definedName name="_153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8"}</definedName>
    <definedName name="_153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7"}</definedName>
    <definedName name="_153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6"}</definedName>
    <definedName name="_153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5"}</definedName>
    <definedName name="_153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4"}</definedName>
    <definedName name="_15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definedName>
    <definedName name="_153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3"}</definedName>
    <definedName name="_153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2"}</definedName>
    <definedName name="_153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1"}</definedName>
    <definedName name="_153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0"}</definedName>
    <definedName name="_153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9"}</definedName>
    <definedName name="_153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8"}</definedName>
    <definedName name="_153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7"}</definedName>
    <definedName name="_153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6"}</definedName>
    <definedName name="_153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5"}</definedName>
    <definedName name="_153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4"}</definedName>
    <definedName name="_15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definedName>
    <definedName name="_153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3"}</definedName>
    <definedName name="_153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2"}</definedName>
    <definedName name="_153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1"}</definedName>
    <definedName name="_153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0"}</definedName>
    <definedName name="_153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9"}</definedName>
    <definedName name="_153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8"}</definedName>
    <definedName name="_153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7"}</definedName>
    <definedName name="_153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6"}</definedName>
    <definedName name="_153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5"}</definedName>
    <definedName name="_153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4"}</definedName>
    <definedName name="_15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definedName>
    <definedName name="_153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3"}</definedName>
    <definedName name="_153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2"}</definedName>
    <definedName name="_153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1"}</definedName>
    <definedName name="_153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0"}</definedName>
    <definedName name="_153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9"}</definedName>
    <definedName name="_153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8"}</definedName>
    <definedName name="_153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7"}</definedName>
    <definedName name="_153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6"}</definedName>
    <definedName name="_153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5"}</definedName>
    <definedName name="_153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4"}</definedName>
    <definedName name="_15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definedName>
    <definedName name="_153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3"}</definedName>
    <definedName name="_153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2"}</definedName>
    <definedName name="_153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1"}</definedName>
    <definedName name="_153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0"}</definedName>
    <definedName name="_153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9"}</definedName>
    <definedName name="_153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8"}</definedName>
    <definedName name="_153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7"}</definedName>
    <definedName name="_153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6"}</definedName>
    <definedName name="_153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5"}</definedName>
    <definedName name="_153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4"}</definedName>
    <definedName name="_15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definedName>
    <definedName name="_153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3"}</definedName>
    <definedName name="_153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2"}</definedName>
    <definedName name="_153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1"}</definedName>
    <definedName name="_153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0"}</definedName>
    <definedName name="_153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9"}</definedName>
    <definedName name="_153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8"}</definedName>
    <definedName name="_153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7"}</definedName>
    <definedName name="_153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6"}</definedName>
    <definedName name="_153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5"}</definedName>
    <definedName name="_153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4"}</definedName>
    <definedName name="_15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definedName>
    <definedName name="_153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3"}</definedName>
    <definedName name="_153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2"}</definedName>
    <definedName name="_153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1"}</definedName>
    <definedName name="_153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0"}</definedName>
    <definedName name="_153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9"}</definedName>
    <definedName name="_153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8"}</definedName>
    <definedName name="_153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7"}</definedName>
    <definedName name="_153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6"}</definedName>
    <definedName name="_153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5"}</definedName>
    <definedName name="_153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4"}</definedName>
    <definedName name="_15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definedName>
    <definedName name="_153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3"}</definedName>
    <definedName name="_153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2"}</definedName>
    <definedName name="_153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1"}</definedName>
    <definedName name="_153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0"}</definedName>
    <definedName name="_153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9"}</definedName>
    <definedName name="_153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8"}</definedName>
    <definedName name="_153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7"}</definedName>
    <definedName name="_153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6"}</definedName>
    <definedName name="_153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5"}</definedName>
    <definedName name="_153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4"}</definedName>
    <definedName name="_1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5"}</definedName>
    <definedName name="_15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definedName>
    <definedName name="_154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3"}</definedName>
    <definedName name="_154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2"}</definedName>
    <definedName name="_154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1"}</definedName>
    <definedName name="_154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definedName>
    <definedName name="_154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definedName>
    <definedName name="_154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definedName>
    <definedName name="_154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definedName>
    <definedName name="_154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definedName>
    <definedName name="_154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definedName>
    <definedName name="_154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definedName>
    <definedName name="_15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definedName>
    <definedName name="_154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definedName>
    <definedName name="_154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definedName>
    <definedName name="_154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definedName>
    <definedName name="_154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definedName>
    <definedName name="_154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definedName>
    <definedName name="_154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definedName>
    <definedName name="_154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definedName>
    <definedName name="_154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definedName>
    <definedName name="_154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definedName>
    <definedName name="_154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definedName>
    <definedName name="_15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definedName>
    <definedName name="_154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definedName>
    <definedName name="_154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definedName>
    <definedName name="_154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definedName>
    <definedName name="_154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definedName>
    <definedName name="_154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definedName>
    <definedName name="_154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definedName>
    <definedName name="_154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definedName>
    <definedName name="_154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definedName>
    <definedName name="_154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definedName>
    <definedName name="_154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definedName>
    <definedName name="_15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definedName>
    <definedName name="_154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definedName>
    <definedName name="_154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definedName>
    <definedName name="_154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definedName>
    <definedName name="_154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definedName>
    <definedName name="_154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definedName>
    <definedName name="_154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definedName>
    <definedName name="_154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definedName>
    <definedName name="_154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definedName>
    <definedName name="_154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definedName>
    <definedName name="_154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definedName>
    <definedName name="_15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definedName>
    <definedName name="_154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definedName>
    <definedName name="_154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definedName>
    <definedName name="_154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definedName>
    <definedName name="_154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definedName>
    <definedName name="_154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definedName>
    <definedName name="_154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definedName>
    <definedName name="_154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definedName>
    <definedName name="_154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definedName>
    <definedName name="_154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definedName>
    <definedName name="_154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definedName>
    <definedName name="_15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definedName>
    <definedName name="_154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definedName>
    <definedName name="_154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definedName>
    <definedName name="_154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definedName>
    <definedName name="_154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0"}</definedName>
    <definedName name="_154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6"}</definedName>
    <definedName name="_154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5"}</definedName>
    <definedName name="_154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4"}</definedName>
    <definedName name="_154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3"}</definedName>
    <definedName name="_154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2"}</definedName>
    <definedName name="_154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1"}</definedName>
    <definedName name="_15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definedName>
    <definedName name="_154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0"}</definedName>
    <definedName name="_154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9"}</definedName>
    <definedName name="_154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8"}</definedName>
    <definedName name="_154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7"}</definedName>
    <definedName name="_154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6"}</definedName>
    <definedName name="_154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5"}</definedName>
    <definedName name="_154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4"}</definedName>
    <definedName name="_154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3"}</definedName>
    <definedName name="_154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2"}</definedName>
    <definedName name="_154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1"}</definedName>
    <definedName name="_15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definedName>
    <definedName name="_154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0"}</definedName>
    <definedName name="_154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9"}</definedName>
    <definedName name="_154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8"}</definedName>
    <definedName name="_154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7"}</definedName>
    <definedName name="_154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6"}</definedName>
    <definedName name="_154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5"}</definedName>
    <definedName name="_154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4"}</definedName>
    <definedName name="_154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3"}</definedName>
    <definedName name="_154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2"}</definedName>
    <definedName name="_154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1"}</definedName>
    <definedName name="_15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definedName>
    <definedName name="_154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0"}</definedName>
    <definedName name="_154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9"}</definedName>
    <definedName name="_154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8"}</definedName>
    <definedName name="_154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7"}</definedName>
    <definedName name="_154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6"}</definedName>
    <definedName name="_154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5"}</definedName>
    <definedName name="_154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4"}</definedName>
    <definedName name="_154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3"}</definedName>
    <definedName name="_154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2"}</definedName>
    <definedName name="_154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1"}</definedName>
    <definedName name="_15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definedName>
    <definedName name="_154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0"}</definedName>
    <definedName name="_154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9"}</definedName>
    <definedName name="_154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8"}</definedName>
    <definedName name="_154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7"}</definedName>
    <definedName name="_154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6"}</definedName>
    <definedName name="_154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5"}</definedName>
    <definedName name="_154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4"}</definedName>
    <definedName name="_154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3"}</definedName>
    <definedName name="_154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2"}</definedName>
    <definedName name="_154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1"}</definedName>
    <definedName name="_1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4"}</definedName>
    <definedName name="_15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definedName>
    <definedName name="_155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0"}</definedName>
    <definedName name="_155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9"}</definedName>
    <definedName name="_155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8"}</definedName>
    <definedName name="_155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7"}</definedName>
    <definedName name="_155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6"}</definedName>
    <definedName name="_155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5"}</definedName>
    <definedName name="_155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4"}</definedName>
    <definedName name="_155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3"}</definedName>
    <definedName name="_155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2"}</definedName>
    <definedName name="_155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1"}</definedName>
    <definedName name="_15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definedName>
    <definedName name="_155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0"}</definedName>
    <definedName name="_155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9"}</definedName>
    <definedName name="_155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8"}</definedName>
    <definedName name="_155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7"}</definedName>
    <definedName name="_155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6"}</definedName>
    <definedName name="_155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5"}</definedName>
    <definedName name="_155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4"}</definedName>
    <definedName name="_155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3"}</definedName>
    <definedName name="_155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2"}</definedName>
    <definedName name="_155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1"}</definedName>
    <definedName name="_15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definedName>
    <definedName name="_155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0"}</definedName>
    <definedName name="_155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9"}</definedName>
    <definedName name="_155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8"}</definedName>
    <definedName name="_155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7"}</definedName>
    <definedName name="_155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6"}</definedName>
    <definedName name="_155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5"}</definedName>
    <definedName name="_155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4"}</definedName>
    <definedName name="_155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3"}</definedName>
    <definedName name="_155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2"}</definedName>
    <definedName name="_155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1"}</definedName>
    <definedName name="_15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definedName>
    <definedName name="_155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0"}</definedName>
    <definedName name="_155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9"}</definedName>
    <definedName name="_155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8"}</definedName>
    <definedName name="_155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7"}</definedName>
    <definedName name="_155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6"}</definedName>
    <definedName name="_155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5"}</definedName>
    <definedName name="_155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4"}</definedName>
    <definedName name="_155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3"}</definedName>
    <definedName name="_155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2"}</definedName>
    <definedName name="_155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1"}</definedName>
    <definedName name="_15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definedName>
    <definedName name="_155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0"}</definedName>
    <definedName name="_155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9"}</definedName>
    <definedName name="_155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8"}</definedName>
    <definedName name="_155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7"}</definedName>
    <definedName name="_155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6"}</definedName>
    <definedName name="_155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5"}</definedName>
    <definedName name="_155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4"}</definedName>
    <definedName name="_155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3"}</definedName>
    <definedName name="_155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2"}</definedName>
    <definedName name="_155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1"}</definedName>
    <definedName name="_15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definedName>
    <definedName name="_155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0"}</definedName>
    <definedName name="_155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9"}</definedName>
    <definedName name="_155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8"}</definedName>
    <definedName name="_155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7"}</definedName>
    <definedName name="_155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6"}</definedName>
    <definedName name="_155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5"}</definedName>
    <definedName name="_155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4"}</definedName>
    <definedName name="_155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3"}</definedName>
    <definedName name="_155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2"}</definedName>
    <definedName name="_155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1"}</definedName>
    <definedName name="_15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definedName>
    <definedName name="_155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0"}</definedName>
    <definedName name="_155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9"}</definedName>
    <definedName name="_155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8"}</definedName>
    <definedName name="_155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7"}</definedName>
    <definedName name="_155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6"}</definedName>
    <definedName name="_155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5"}</definedName>
    <definedName name="_155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4"}</definedName>
    <definedName name="_155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3"}</definedName>
    <definedName name="_155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2"}</definedName>
    <definedName name="_155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1"}</definedName>
    <definedName name="_15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definedName>
    <definedName name="_155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0"}</definedName>
    <definedName name="_155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9"}</definedName>
    <definedName name="_155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8"}</definedName>
    <definedName name="_155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7"}</definedName>
    <definedName name="_155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6"}</definedName>
    <definedName name="_155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5"}</definedName>
    <definedName name="_155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4"}</definedName>
    <definedName name="_155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3"}</definedName>
    <definedName name="_155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2"}</definedName>
    <definedName name="_155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1"}</definedName>
    <definedName name="_15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definedName>
    <definedName name="_155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0"}</definedName>
    <definedName name="_155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9"}</definedName>
    <definedName name="_155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8"}</definedName>
    <definedName name="_155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7"}</definedName>
    <definedName name="_155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6"}</definedName>
    <definedName name="_155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5"}</definedName>
    <definedName name="_155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4"}</definedName>
    <definedName name="_155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3"}</definedName>
    <definedName name="_155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2"}</definedName>
    <definedName name="_155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1"}</definedName>
    <definedName name="_15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definedName>
    <definedName name="_155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0"}</definedName>
    <definedName name="_155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9"}</definedName>
    <definedName name="_155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8"}</definedName>
    <definedName name="_155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7"}</definedName>
    <definedName name="_155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6"}</definedName>
    <definedName name="_155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5"}</definedName>
    <definedName name="_155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4"}</definedName>
    <definedName name="_155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3"}</definedName>
    <definedName name="_155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2"}</definedName>
    <definedName name="_155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1"}</definedName>
    <definedName name="_1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3"}</definedName>
    <definedName name="_15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definedName>
    <definedName name="_156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0"}</definedName>
    <definedName name="_156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9"}</definedName>
    <definedName name="_156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8"}</definedName>
    <definedName name="_156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7"}</definedName>
    <definedName name="_156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6"}</definedName>
    <definedName name="_156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5"}</definedName>
    <definedName name="_156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4"}</definedName>
    <definedName name="_156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3"}</definedName>
    <definedName name="_156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2"}</definedName>
    <definedName name="_156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1"}</definedName>
    <definedName name="_15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definedName>
    <definedName name="_156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0"}</definedName>
    <definedName name="_156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9"}</definedName>
    <definedName name="_156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8"}</definedName>
    <definedName name="_156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7"}</definedName>
    <definedName name="_156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6"}</definedName>
    <definedName name="_156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5"}</definedName>
    <definedName name="_156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4"}</definedName>
    <definedName name="_156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3"}</definedName>
    <definedName name="_156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2"}</definedName>
    <definedName name="_156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1"}</definedName>
    <definedName name="_15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definedName>
    <definedName name="_156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0"}</definedName>
    <definedName name="_156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9"}</definedName>
    <definedName name="_156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8"}</definedName>
    <definedName name="_156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7"}</definedName>
    <definedName name="_156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6"}</definedName>
    <definedName name="_156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5"}</definedName>
    <definedName name="_156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4"}</definedName>
    <definedName name="_156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3"}</definedName>
    <definedName name="_156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2"}</definedName>
    <definedName name="_156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1"}</definedName>
    <definedName name="_15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definedName>
    <definedName name="_156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0"}</definedName>
    <definedName name="_156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9"}</definedName>
    <definedName name="_156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8"}</definedName>
    <definedName name="_156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7"}</definedName>
    <definedName name="_156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6"}</definedName>
    <definedName name="_156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5"}</definedName>
    <definedName name="_156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4"}</definedName>
    <definedName name="_156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3"}</definedName>
    <definedName name="_156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2"}</definedName>
    <definedName name="_156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1"}</definedName>
    <definedName name="_15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definedName>
    <definedName name="_156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0"}</definedName>
    <definedName name="_156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9"}</definedName>
    <definedName name="_156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8"}</definedName>
    <definedName name="_156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7"}</definedName>
    <definedName name="_156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6"}</definedName>
    <definedName name="_156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5"}</definedName>
    <definedName name="_156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4"}</definedName>
    <definedName name="_156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3"}</definedName>
    <definedName name="_156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2"}</definedName>
    <definedName name="_156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1"}</definedName>
    <definedName name="_15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definedName>
    <definedName name="_156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0"}</definedName>
    <definedName name="_156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9"}</definedName>
    <definedName name="_156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8"}</definedName>
    <definedName name="_156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7"}</definedName>
    <definedName name="_156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6"}</definedName>
    <definedName name="_156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5"}</definedName>
    <definedName name="_156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4"}</definedName>
    <definedName name="_156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3"}</definedName>
    <definedName name="_156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2"}</definedName>
    <definedName name="_156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1"}</definedName>
    <definedName name="_15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definedName>
    <definedName name="_156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0"}</definedName>
    <definedName name="_156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9"}</definedName>
    <definedName name="_156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8"}</definedName>
    <definedName name="_156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7"}</definedName>
    <definedName name="_156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6"}</definedName>
    <definedName name="_156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5"}</definedName>
    <definedName name="_156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4"}</definedName>
    <definedName name="_156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3"}</definedName>
    <definedName name="_156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2"}</definedName>
    <definedName name="_156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1"}</definedName>
    <definedName name="_15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definedName>
    <definedName name="_156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0"}</definedName>
    <definedName name="_156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9"}</definedName>
    <definedName name="_156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8"}</definedName>
    <definedName name="_156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7"}</definedName>
    <definedName name="_156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6"}</definedName>
    <definedName name="_156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5"}</definedName>
    <definedName name="_156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4"}</definedName>
    <definedName name="_156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3"}</definedName>
    <definedName name="_156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2"}</definedName>
    <definedName name="_156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1"}</definedName>
    <definedName name="_15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definedName>
    <definedName name="_156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0"}</definedName>
    <definedName name="_156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9"}</definedName>
    <definedName name="_156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8"}</definedName>
    <definedName name="_156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7"}</definedName>
    <definedName name="_156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6"}</definedName>
    <definedName name="_156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5"}</definedName>
    <definedName name="_156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4"}</definedName>
    <definedName name="_156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3"}</definedName>
    <definedName name="_156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2"}</definedName>
    <definedName name="_156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1"}</definedName>
    <definedName name="_15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definedName>
    <definedName name="_156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0"}</definedName>
    <definedName name="_156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9"}</definedName>
    <definedName name="_156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8"}</definedName>
    <definedName name="_156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7"}</definedName>
    <definedName name="_156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6"}</definedName>
    <definedName name="_156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5"}</definedName>
    <definedName name="_156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4"}</definedName>
    <definedName name="_156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3"}</definedName>
    <definedName name="_156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2"}</definedName>
    <definedName name="_156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1"}</definedName>
    <definedName name="_1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2"}</definedName>
    <definedName name="_15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definedName>
    <definedName name="_157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0"}</definedName>
    <definedName name="_157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9"}</definedName>
    <definedName name="_157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8"}</definedName>
    <definedName name="_157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7"}</definedName>
    <definedName name="_157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6"}</definedName>
    <definedName name="_157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5"}</definedName>
    <definedName name="_157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4"}</definedName>
    <definedName name="_157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3"}</definedName>
    <definedName name="_157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2"}</definedName>
    <definedName name="_157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1"}</definedName>
    <definedName name="_15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definedName>
    <definedName name="_157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0"}</definedName>
    <definedName name="_157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9"}</definedName>
    <definedName name="_157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8"}</definedName>
    <definedName name="_157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7"}</definedName>
    <definedName name="_157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6"}</definedName>
    <definedName name="_157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5"}</definedName>
    <definedName name="_157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4"}</definedName>
    <definedName name="_157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3"}</definedName>
    <definedName name="_157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2"}</definedName>
    <definedName name="_157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1"}</definedName>
    <definedName name="_15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definedName>
    <definedName name="_157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0"}</definedName>
    <definedName name="_157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9"}</definedName>
    <definedName name="_157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8"}</definedName>
    <definedName name="_157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7"}</definedName>
    <definedName name="_157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6"}</definedName>
    <definedName name="_157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5"}</definedName>
    <definedName name="_157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4"}</definedName>
    <definedName name="_157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3"}</definedName>
    <definedName name="_157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2"}</definedName>
    <definedName name="_157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1"}</definedName>
    <definedName name="_15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0"}</definedName>
    <definedName name="_157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0"}</definedName>
    <definedName name="_157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9"}</definedName>
    <definedName name="_157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8"}</definedName>
    <definedName name="_157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7"}</definedName>
    <definedName name="_157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6"}</definedName>
    <definedName name="_157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5"}</definedName>
    <definedName name="_157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4"}</definedName>
    <definedName name="_157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3"}</definedName>
    <definedName name="_157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2"}</definedName>
    <definedName name="_157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1"}</definedName>
    <definedName name="_15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6"}</definedName>
    <definedName name="_157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0"}</definedName>
    <definedName name="_157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9"}</definedName>
    <definedName name="_157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8"}</definedName>
    <definedName name="_157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7"}</definedName>
    <definedName name="_157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6"}</definedName>
    <definedName name="_157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5"}</definedName>
    <definedName name="_157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4"}</definedName>
    <definedName name="_157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3"}</definedName>
    <definedName name="_157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2"}</definedName>
    <definedName name="_157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1"}</definedName>
    <definedName name="_15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5"}</definedName>
    <definedName name="_157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0"}</definedName>
    <definedName name="_157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9"}</definedName>
    <definedName name="_157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8"}</definedName>
    <definedName name="_157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7"}</definedName>
    <definedName name="_157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6"}</definedName>
    <definedName name="_157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5"}</definedName>
    <definedName name="_157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4"}</definedName>
    <definedName name="_157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3"}</definedName>
    <definedName name="_157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2"}</definedName>
    <definedName name="_157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1"}</definedName>
    <definedName name="_15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4"}</definedName>
    <definedName name="_157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0"}</definedName>
    <definedName name="_157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9"}</definedName>
    <definedName name="_157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8"}</definedName>
    <definedName name="_157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7"}</definedName>
    <definedName name="_157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6"}</definedName>
    <definedName name="_157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5"}</definedName>
    <definedName name="_157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4"}</definedName>
    <definedName name="_157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3"}</definedName>
    <definedName name="_157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2"}</definedName>
    <definedName name="_157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1"}</definedName>
    <definedName name="_15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3"}</definedName>
    <definedName name="_157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0"}</definedName>
    <definedName name="_157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9"}</definedName>
    <definedName name="_157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8"}</definedName>
    <definedName name="_157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7"}</definedName>
    <definedName name="_157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6"}</definedName>
    <definedName name="_157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5"}</definedName>
    <definedName name="_157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4"}</definedName>
    <definedName name="_157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3"}</definedName>
    <definedName name="_157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2"}</definedName>
    <definedName name="_157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1"}</definedName>
    <definedName name="_15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2"}</definedName>
    <definedName name="_157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0"}</definedName>
    <definedName name="_157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9"}</definedName>
    <definedName name="_157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8"}</definedName>
    <definedName name="_157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7"}</definedName>
    <definedName name="_157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6"}</definedName>
    <definedName name="_157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5"}</definedName>
    <definedName name="_157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4"}</definedName>
    <definedName name="_157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3"}</definedName>
    <definedName name="_157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2"}</definedName>
    <definedName name="_157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1"}</definedName>
    <definedName name="_15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1"}</definedName>
    <definedName name="_157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0"}</definedName>
    <definedName name="_157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9"}</definedName>
    <definedName name="_157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8"}</definedName>
    <definedName name="_157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7"}</definedName>
    <definedName name="_157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6"}</definedName>
    <definedName name="_157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5"}</definedName>
    <definedName name="_157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4"}</definedName>
    <definedName name="_157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3"}</definedName>
    <definedName name="_157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2"}</definedName>
    <definedName name="_157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1"}</definedName>
    <definedName name="_1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1"}</definedName>
    <definedName name="_15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0"}</definedName>
    <definedName name="_158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0"}</definedName>
    <definedName name="_158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9"}</definedName>
    <definedName name="_158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8"}</definedName>
    <definedName name="_158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7"}</definedName>
    <definedName name="_158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6"}</definedName>
    <definedName name="_158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5"}</definedName>
    <definedName name="_158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4"}</definedName>
    <definedName name="_158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3"}</definedName>
    <definedName name="_158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2"}</definedName>
    <definedName name="_158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1"}</definedName>
    <definedName name="_15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9"}</definedName>
    <definedName name="_158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0"}</definedName>
    <definedName name="_158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9"}</definedName>
    <definedName name="_158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8"}</definedName>
    <definedName name="_158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7"}</definedName>
    <definedName name="_158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6"}</definedName>
    <definedName name="_158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5"}</definedName>
    <definedName name="_158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4"}</definedName>
    <definedName name="_158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3"}</definedName>
    <definedName name="_158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2"}</definedName>
    <definedName name="_158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1"}</definedName>
    <definedName name="_15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8"}</definedName>
    <definedName name="_158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0"}</definedName>
    <definedName name="_158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9"}</definedName>
    <definedName name="_158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8"}</definedName>
    <definedName name="_158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7"}</definedName>
    <definedName name="_158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6"}</definedName>
    <definedName name="_158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5"}</definedName>
    <definedName name="_158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4"}</definedName>
    <definedName name="_158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3"}</definedName>
    <definedName name="_158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2"}</definedName>
    <definedName name="_158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1"}</definedName>
    <definedName name="_15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7"}</definedName>
    <definedName name="_158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0"}</definedName>
    <definedName name="_158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9"}</definedName>
    <definedName name="_158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8"}</definedName>
    <definedName name="_158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7"}</definedName>
    <definedName name="_158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6"}</definedName>
    <definedName name="_158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5"}</definedName>
    <definedName name="_158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4"}</definedName>
    <definedName name="_158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3"}</definedName>
    <definedName name="_158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2"}</definedName>
    <definedName name="_158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1"}</definedName>
    <definedName name="_15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6"}</definedName>
    <definedName name="_158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0"}</definedName>
    <definedName name="_158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9"}</definedName>
    <definedName name="_158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8"}</definedName>
    <definedName name="_158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7"}</definedName>
    <definedName name="_158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6"}</definedName>
    <definedName name="_158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5"}</definedName>
    <definedName name="_158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4"}</definedName>
    <definedName name="_158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3"}</definedName>
    <definedName name="_158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2"}</definedName>
    <definedName name="_158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1"}</definedName>
    <definedName name="_15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5"}</definedName>
    <definedName name="_158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0"}</definedName>
    <definedName name="_158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9"}</definedName>
    <definedName name="_158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8"}</definedName>
    <definedName name="_158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7"}</definedName>
    <definedName name="_158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6"}</definedName>
    <definedName name="_158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5"}</definedName>
    <definedName name="_158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4"}</definedName>
    <definedName name="_158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3"}</definedName>
    <definedName name="_158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2"}</definedName>
    <definedName name="_158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1"}</definedName>
    <definedName name="_15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4"}</definedName>
    <definedName name="_158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0"}</definedName>
    <definedName name="_1586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9"}</definedName>
    <definedName name="_1586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8"}</definedName>
    <definedName name="_1586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7"}</definedName>
    <definedName name="_1586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6"}</definedName>
    <definedName name="_1586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5"}</definedName>
    <definedName name="_1586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4"}</definedName>
    <definedName name="_1586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3"}</definedName>
    <definedName name="_1586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2"}</definedName>
    <definedName name="_1586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1"}</definedName>
    <definedName name="_15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3"}</definedName>
    <definedName name="_1587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0"}</definedName>
    <definedName name="_1587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9"}</definedName>
    <definedName name="_1587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8"}</definedName>
    <definedName name="_1587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7"}</definedName>
    <definedName name="_1587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6"}</definedName>
    <definedName name="_1587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5"}</definedName>
    <definedName name="_1587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4"}</definedName>
    <definedName name="_1587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3"}</definedName>
    <definedName name="_1587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2"}</definedName>
    <definedName name="_1587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1"}</definedName>
    <definedName name="_15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2"}</definedName>
    <definedName name="_1588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0"}</definedName>
    <definedName name="_1588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9"}</definedName>
    <definedName name="_1588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8"}</definedName>
    <definedName name="_1588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7"}</definedName>
    <definedName name="_1588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6"}</definedName>
    <definedName name="_1588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5"}</definedName>
    <definedName name="_1588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4"}</definedName>
    <definedName name="_1588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3"}</definedName>
    <definedName name="_1588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2"}</definedName>
    <definedName name="_1588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1"}</definedName>
    <definedName name="_15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1"}</definedName>
    <definedName name="_1589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0"}</definedName>
    <definedName name="_1589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9"}</definedName>
    <definedName name="_1589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8"}</definedName>
    <definedName name="_1589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7"}</definedName>
    <definedName name="_1589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6"}</definedName>
    <definedName name="_1589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5"}</definedName>
    <definedName name="_1589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4"}</definedName>
    <definedName name="_1589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3"}</definedName>
    <definedName name="_1589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2"}</definedName>
    <definedName name="_1589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1"}</definedName>
    <definedName name="_1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0"}</definedName>
    <definedName name="_15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0"}</definedName>
    <definedName name="_1590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0"}</definedName>
    <definedName name="_1590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9"}</definedName>
    <definedName name="_1590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8"}</definedName>
    <definedName name="_1590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7"}</definedName>
    <definedName name="_1590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6"}</definedName>
    <definedName name="_1590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5"}</definedName>
    <definedName name="_1590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4"}</definedName>
    <definedName name="_1590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3"}</definedName>
    <definedName name="_1590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2"}</definedName>
    <definedName name="_1590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1"}</definedName>
    <definedName name="_15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9"}</definedName>
    <definedName name="_1591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0"}</definedName>
    <definedName name="_1591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9"}</definedName>
    <definedName name="_1591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8"}</definedName>
    <definedName name="_1591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7"}</definedName>
    <definedName name="_1591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6"}</definedName>
    <definedName name="_1591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5"}</definedName>
    <definedName name="_1591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4"}</definedName>
    <definedName name="_1591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3"}</definedName>
    <definedName name="_1591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2"}</definedName>
    <definedName name="_1591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1"}</definedName>
    <definedName name="_15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8"}</definedName>
    <definedName name="_1592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0"}</definedName>
    <definedName name="_1592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9"}</definedName>
    <definedName name="_1592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8"}</definedName>
    <definedName name="_1592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7"}</definedName>
    <definedName name="_1592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6"}</definedName>
    <definedName name="_1592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5"}</definedName>
    <definedName name="_1592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4"}</definedName>
    <definedName name="_1592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3"}</definedName>
    <definedName name="_1592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2"}</definedName>
    <definedName name="_1592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1"}</definedName>
    <definedName name="_15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7"}</definedName>
    <definedName name="_1593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0"}</definedName>
    <definedName name="_1593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9"}</definedName>
    <definedName name="_1593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8"}</definedName>
    <definedName name="_1593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7"}</definedName>
    <definedName name="_1593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6"}</definedName>
    <definedName name="_1593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5"}</definedName>
    <definedName name="_1593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4"}</definedName>
    <definedName name="_1593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3"}</definedName>
    <definedName name="_1593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2"}</definedName>
    <definedName name="_1593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1"}</definedName>
    <definedName name="_15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6"}</definedName>
    <definedName name="_1594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0"}</definedName>
    <definedName name="_1594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9"}</definedName>
    <definedName name="_1594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8"}</definedName>
    <definedName name="_1594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7"}</definedName>
    <definedName name="_1594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6"}</definedName>
    <definedName name="_1594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5"}</definedName>
    <definedName name="_1594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4"}</definedName>
    <definedName name="_1594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3"}</definedName>
    <definedName name="_1594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2"}</definedName>
    <definedName name="_1594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1"}</definedName>
    <definedName name="_15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5"}</definedName>
    <definedName name="_1595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0"}</definedName>
    <definedName name="_15951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9"}</definedName>
    <definedName name="_15952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8"}</definedName>
    <definedName name="_15953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7"}</definedName>
    <definedName name="_15954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6"}</definedName>
    <definedName name="_15955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5"}</definedName>
    <definedName name="_15956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4"}</definedName>
    <definedName name="_15957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3"}</definedName>
    <definedName name="_15958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2"}</definedName>
    <definedName name="_15959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1"}</definedName>
    <definedName name="_15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4"}</definedName>
    <definedName name="_15960__FDSAUDITLINK__" hidden="1">{"fdsup://directions/FAT Viewer?action=UPDATE&amp;creator=factset&amp;DYN_ARGS=TRUE&amp;DOC_NAME=FAT:FQL_AUDITING_CLIENT_TEMPLATE.FAT&amp;display_string=Audit&amp;VAR:KEY=IJWDSVWRSF&amp;VAR:QUERY=RkZfRU5UUlBSX1ZBTF9EQUlMWSgtMkFZLDQxMDY2LEQsLCwnRElMJyk=&amp;WINDOW=FIRST_POPUP&amp;HEIGHT=45","0&amp;WIDTH=450&amp;START_MAXIMIZED=FALSE&amp;VAR:CALENDAR=US&amp;VAR:SYMBOL=B3NS1W&amp;VAR:INDEX=0"}</definedName>
    <definedName name="_159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6"}</definedName>
    <definedName name="_159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5"}</definedName>
    <definedName name="_159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4"}</definedName>
    <definedName name="_159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3"}</definedName>
    <definedName name="_159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2"}</definedName>
    <definedName name="_159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1"}</definedName>
    <definedName name="_159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0"}</definedName>
    <definedName name="_159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9"}</definedName>
    <definedName name="_159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8"}</definedName>
    <definedName name="_15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3"}</definedName>
    <definedName name="_159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7"}</definedName>
    <definedName name="_159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6"}</definedName>
    <definedName name="_159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5"}</definedName>
    <definedName name="_159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4"}</definedName>
    <definedName name="_159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3"}</definedName>
    <definedName name="_159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2"}</definedName>
    <definedName name="_159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1"}</definedName>
    <definedName name="_159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0"}</definedName>
    <definedName name="_159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9"}</definedName>
    <definedName name="_15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2"}</definedName>
    <definedName name="_159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7"}</definedName>
    <definedName name="_159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6"}</definedName>
    <definedName name="_159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5"}</definedName>
    <definedName name="_159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4"}</definedName>
    <definedName name="_159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3"}</definedName>
    <definedName name="_159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2"}</definedName>
    <definedName name="_159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1"}</definedName>
    <definedName name="_159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0"}</definedName>
    <definedName name="_159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9"}</definedName>
    <definedName name="_159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8"}</definedName>
    <definedName name="_15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1"}</definedName>
    <definedName name="_159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7"}</definedName>
    <definedName name="_159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6"}</definedName>
    <definedName name="_159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5"}</definedName>
    <definedName name="_159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4"}</definedName>
    <definedName name="_159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3"}</definedName>
    <definedName name="_159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2"}</definedName>
    <definedName name="_159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1"}</definedName>
    <definedName name="_159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0"}</definedName>
    <definedName name="_159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9"}</definedName>
    <definedName name="_159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8"}</definedName>
    <definedName name="_16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1"}</definedName>
    <definedName name="_1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9"}</definedName>
    <definedName name="_16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0"}</definedName>
    <definedName name="_160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7"}</definedName>
    <definedName name="_160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6"}</definedName>
    <definedName name="_160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5"}</definedName>
    <definedName name="_160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4"}</definedName>
    <definedName name="_160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3"}</definedName>
    <definedName name="_160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2"}</definedName>
    <definedName name="_160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1"}</definedName>
    <definedName name="_160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0"}</definedName>
    <definedName name="_160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9"}</definedName>
    <definedName name="_160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8"}</definedName>
    <definedName name="_16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9"}</definedName>
    <definedName name="_160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7"}</definedName>
    <definedName name="_160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6"}</definedName>
    <definedName name="_160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5"}</definedName>
    <definedName name="_160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4"}</definedName>
    <definedName name="_160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3"}</definedName>
    <definedName name="_160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2"}</definedName>
    <definedName name="_160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1"}</definedName>
    <definedName name="_160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0"}</definedName>
    <definedName name="_160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9"}</definedName>
    <definedName name="_160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8"}</definedName>
    <definedName name="_16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8"}</definedName>
    <definedName name="_160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7"}</definedName>
    <definedName name="_160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6"}</definedName>
    <definedName name="_160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5"}</definedName>
    <definedName name="_160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4"}</definedName>
    <definedName name="_160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3"}</definedName>
    <definedName name="_160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2"}</definedName>
    <definedName name="_160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1"}</definedName>
    <definedName name="_160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0"}</definedName>
    <definedName name="_160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9"}</definedName>
    <definedName name="_160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8"}</definedName>
    <definedName name="_16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7"}</definedName>
    <definedName name="_160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7"}</definedName>
    <definedName name="_160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6"}</definedName>
    <definedName name="_160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5"}</definedName>
    <definedName name="_160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4"}</definedName>
    <definedName name="_160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3"}</definedName>
    <definedName name="_160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2"}</definedName>
    <definedName name="_160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1"}</definedName>
    <definedName name="_160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0"}</definedName>
    <definedName name="_160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9"}</definedName>
    <definedName name="_160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8"}</definedName>
    <definedName name="_16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6"}</definedName>
    <definedName name="_160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7"}</definedName>
    <definedName name="_160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6"}</definedName>
    <definedName name="_160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5"}</definedName>
    <definedName name="_160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4"}</definedName>
    <definedName name="_160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3"}</definedName>
    <definedName name="_160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2"}</definedName>
    <definedName name="_160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1"}</definedName>
    <definedName name="_160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0"}</definedName>
    <definedName name="_160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9"}</definedName>
    <definedName name="_160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8"}</definedName>
    <definedName name="_16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5"}</definedName>
    <definedName name="_160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7"}</definedName>
    <definedName name="_160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6"}</definedName>
    <definedName name="_160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5"}</definedName>
    <definedName name="_160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4"}</definedName>
    <definedName name="_160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3"}</definedName>
    <definedName name="_160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2"}</definedName>
    <definedName name="_160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1"}</definedName>
    <definedName name="_160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0"}</definedName>
    <definedName name="_160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9"}</definedName>
    <definedName name="_160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8"}</definedName>
    <definedName name="_16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4"}</definedName>
    <definedName name="_160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7"}</definedName>
    <definedName name="_160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6"}</definedName>
    <definedName name="_160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5"}</definedName>
    <definedName name="_160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4"}</definedName>
    <definedName name="_160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3"}</definedName>
    <definedName name="_160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2"}</definedName>
    <definedName name="_160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1"}</definedName>
    <definedName name="_160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0"}</definedName>
    <definedName name="_160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9"}</definedName>
    <definedName name="_160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8"}</definedName>
    <definedName name="_16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3"}</definedName>
    <definedName name="_160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7"}</definedName>
    <definedName name="_160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6"}</definedName>
    <definedName name="_160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5"}</definedName>
    <definedName name="_160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4"}</definedName>
    <definedName name="_160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3"}</definedName>
    <definedName name="_160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2"}</definedName>
    <definedName name="_160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1"}</definedName>
    <definedName name="_160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0"}</definedName>
    <definedName name="_160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9"}</definedName>
    <definedName name="_160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8"}</definedName>
    <definedName name="_16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2"}</definedName>
    <definedName name="_160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7"}</definedName>
    <definedName name="_160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6"}</definedName>
    <definedName name="_160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5"}</definedName>
    <definedName name="_160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4"}</definedName>
    <definedName name="_160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3"}</definedName>
    <definedName name="_160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2"}</definedName>
    <definedName name="_160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1"}</definedName>
    <definedName name="_160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0"}</definedName>
    <definedName name="_160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9"}</definedName>
    <definedName name="_160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8"}</definedName>
    <definedName name="_16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1"}</definedName>
    <definedName name="_160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7"}</definedName>
    <definedName name="_160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6"}</definedName>
    <definedName name="_160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5"}</definedName>
    <definedName name="_160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4"}</definedName>
    <definedName name="_160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3"}</definedName>
    <definedName name="_160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2"}</definedName>
    <definedName name="_160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1"}</definedName>
    <definedName name="_160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0"}</definedName>
    <definedName name="_160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9"}</definedName>
    <definedName name="_160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8"}</definedName>
    <definedName name="_1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8"}</definedName>
    <definedName name="_16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0"}</definedName>
    <definedName name="_161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7"}</definedName>
    <definedName name="_161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6"}</definedName>
    <definedName name="_161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5"}</definedName>
    <definedName name="_161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4"}</definedName>
    <definedName name="_161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3"}</definedName>
    <definedName name="_161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2"}</definedName>
    <definedName name="_161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1"}</definedName>
    <definedName name="_161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0"}</definedName>
    <definedName name="_161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9"}</definedName>
    <definedName name="_161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8"}</definedName>
    <definedName name="_16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9"}</definedName>
    <definedName name="_161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7"}</definedName>
    <definedName name="_161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6"}</definedName>
    <definedName name="_161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5"}</definedName>
    <definedName name="_161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4"}</definedName>
    <definedName name="_161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3"}</definedName>
    <definedName name="_161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2"}</definedName>
    <definedName name="_161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1"}</definedName>
    <definedName name="_161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0"}</definedName>
    <definedName name="_161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9"}</definedName>
    <definedName name="_161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8"}</definedName>
    <definedName name="_16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8"}</definedName>
    <definedName name="_161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7"}</definedName>
    <definedName name="_161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6"}</definedName>
    <definedName name="_161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5"}</definedName>
    <definedName name="_161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4"}</definedName>
    <definedName name="_161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3"}</definedName>
    <definedName name="_161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2"}</definedName>
    <definedName name="_161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1"}</definedName>
    <definedName name="_161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0"}</definedName>
    <definedName name="_161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9"}</definedName>
    <definedName name="_161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8"}</definedName>
    <definedName name="_16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7"}</definedName>
    <definedName name="_161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7"}</definedName>
    <definedName name="_161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6"}</definedName>
    <definedName name="_161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5"}</definedName>
    <definedName name="_161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4"}</definedName>
    <definedName name="_161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3"}</definedName>
    <definedName name="_161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2"}</definedName>
    <definedName name="_161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1"}</definedName>
    <definedName name="_161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0"}</definedName>
    <definedName name="_161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9"}</definedName>
    <definedName name="_161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8"}</definedName>
    <definedName name="_16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6"}</definedName>
    <definedName name="_161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7"}</definedName>
    <definedName name="_161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6"}</definedName>
    <definedName name="_161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5"}</definedName>
    <definedName name="_161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4"}</definedName>
    <definedName name="_161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3"}</definedName>
    <definedName name="_161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2"}</definedName>
    <definedName name="_161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1"}</definedName>
    <definedName name="_161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0"}</definedName>
    <definedName name="_161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9"}</definedName>
    <definedName name="_161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8"}</definedName>
    <definedName name="_16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5"}</definedName>
    <definedName name="_161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7"}</definedName>
    <definedName name="_161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6"}</definedName>
    <definedName name="_161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5"}</definedName>
    <definedName name="_161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4"}</definedName>
    <definedName name="_161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3"}</definedName>
    <definedName name="_161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2"}</definedName>
    <definedName name="_161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1"}</definedName>
    <definedName name="_161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0"}</definedName>
    <definedName name="_161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9"}</definedName>
    <definedName name="_161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8"}</definedName>
    <definedName name="_16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4"}</definedName>
    <definedName name="_161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7"}</definedName>
    <definedName name="_161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6"}</definedName>
    <definedName name="_161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5"}</definedName>
    <definedName name="_161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4"}</definedName>
    <definedName name="_161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3"}</definedName>
    <definedName name="_161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2"}</definedName>
    <definedName name="_161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1"}</definedName>
    <definedName name="_161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0"}</definedName>
    <definedName name="_161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9"}</definedName>
    <definedName name="_161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8"}</definedName>
    <definedName name="_16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3"}</definedName>
    <definedName name="_161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7"}</definedName>
    <definedName name="_161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6"}</definedName>
    <definedName name="_161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5"}</definedName>
    <definedName name="_161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4"}</definedName>
    <definedName name="_161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3"}</definedName>
    <definedName name="_161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2"}</definedName>
    <definedName name="_161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1"}</definedName>
    <definedName name="_161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0"}</definedName>
    <definedName name="_161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9"}</definedName>
    <definedName name="_161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8"}</definedName>
    <definedName name="_16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2"}</definedName>
    <definedName name="_161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7"}</definedName>
    <definedName name="_161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6"}</definedName>
    <definedName name="_161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5"}</definedName>
    <definedName name="_161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4"}</definedName>
    <definedName name="_161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3"}</definedName>
    <definedName name="_161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2"}</definedName>
    <definedName name="_161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1"}</definedName>
    <definedName name="_161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0"}</definedName>
    <definedName name="_161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9"}</definedName>
    <definedName name="_161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8"}</definedName>
    <definedName name="_16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1"}</definedName>
    <definedName name="_161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7"}</definedName>
    <definedName name="_161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6"}</definedName>
    <definedName name="_161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5"}</definedName>
    <definedName name="_161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4"}</definedName>
    <definedName name="_161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3"}</definedName>
    <definedName name="_161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2"}</definedName>
    <definedName name="_161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1"}</definedName>
    <definedName name="_161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0"}</definedName>
    <definedName name="_161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9"}</definedName>
    <definedName name="_161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8"}</definedName>
    <definedName name="_1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7"}</definedName>
    <definedName name="_16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0"}</definedName>
    <definedName name="_162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7"}</definedName>
    <definedName name="_162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6"}</definedName>
    <definedName name="_162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5"}</definedName>
    <definedName name="_162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4"}</definedName>
    <definedName name="_162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3"}</definedName>
    <definedName name="_162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2"}</definedName>
    <definedName name="_162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1"}</definedName>
    <definedName name="_162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0"}</definedName>
    <definedName name="_162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9"}</definedName>
    <definedName name="_162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8"}</definedName>
    <definedName name="_16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9"}</definedName>
    <definedName name="_162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7"}</definedName>
    <definedName name="_162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6"}</definedName>
    <definedName name="_162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5"}</definedName>
    <definedName name="_162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4"}</definedName>
    <definedName name="_162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3"}</definedName>
    <definedName name="_162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2"}</definedName>
    <definedName name="_162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1"}</definedName>
    <definedName name="_162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0"}</definedName>
    <definedName name="_162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9"}</definedName>
    <definedName name="_162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8"}</definedName>
    <definedName name="_16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8"}</definedName>
    <definedName name="_162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7"}</definedName>
    <definedName name="_162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6"}</definedName>
    <definedName name="_162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5"}</definedName>
    <definedName name="_162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4"}</definedName>
    <definedName name="_162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3"}</definedName>
    <definedName name="_162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2"}</definedName>
    <definedName name="_162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1"}</definedName>
    <definedName name="_162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0"}</definedName>
    <definedName name="_162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9"}</definedName>
    <definedName name="_162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8"}</definedName>
    <definedName name="_16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7"}</definedName>
    <definedName name="_162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7"}</definedName>
    <definedName name="_162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6"}</definedName>
    <definedName name="_162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5"}</definedName>
    <definedName name="_162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4"}</definedName>
    <definedName name="_162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3"}</definedName>
    <definedName name="_162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2"}</definedName>
    <definedName name="_162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1"}</definedName>
    <definedName name="_162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0"}</definedName>
    <definedName name="_162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9"}</definedName>
    <definedName name="_162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8"}</definedName>
    <definedName name="_16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6"}</definedName>
    <definedName name="_162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7"}</definedName>
    <definedName name="_162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6"}</definedName>
    <definedName name="_162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5"}</definedName>
    <definedName name="_162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4"}</definedName>
    <definedName name="_162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3"}</definedName>
    <definedName name="_162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2"}</definedName>
    <definedName name="_162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1"}</definedName>
    <definedName name="_162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0"}</definedName>
    <definedName name="_162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9"}</definedName>
    <definedName name="_162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8"}</definedName>
    <definedName name="_16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5"}</definedName>
    <definedName name="_162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7"}</definedName>
    <definedName name="_162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6"}</definedName>
    <definedName name="_162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5"}</definedName>
    <definedName name="_162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4"}</definedName>
    <definedName name="_162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3"}</definedName>
    <definedName name="_162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2"}</definedName>
    <definedName name="_162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1"}</definedName>
    <definedName name="_162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0"}</definedName>
    <definedName name="_162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9"}</definedName>
    <definedName name="_162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8"}</definedName>
    <definedName name="_16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4"}</definedName>
    <definedName name="_162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7"}</definedName>
    <definedName name="_162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6"}</definedName>
    <definedName name="_162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5"}</definedName>
    <definedName name="_162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4"}</definedName>
    <definedName name="_162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3"}</definedName>
    <definedName name="_162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2"}</definedName>
    <definedName name="_162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1"}</definedName>
    <definedName name="_162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0"}</definedName>
    <definedName name="_162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9"}</definedName>
    <definedName name="_162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8"}</definedName>
    <definedName name="_16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3"}</definedName>
    <definedName name="_162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7"}</definedName>
    <definedName name="_162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6"}</definedName>
    <definedName name="_162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5"}</definedName>
    <definedName name="_162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4"}</definedName>
    <definedName name="_162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3"}</definedName>
    <definedName name="_162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2"}</definedName>
    <definedName name="_162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1"}</definedName>
    <definedName name="_162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0"}</definedName>
    <definedName name="_162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9"}</definedName>
    <definedName name="_162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8"}</definedName>
    <definedName name="_16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2"}</definedName>
    <definedName name="_162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7"}</definedName>
    <definedName name="_162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6"}</definedName>
    <definedName name="_162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5"}</definedName>
    <definedName name="_162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4"}</definedName>
    <definedName name="_162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3"}</definedName>
    <definedName name="_162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2"}</definedName>
    <definedName name="_162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1"}</definedName>
    <definedName name="_162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0"}</definedName>
    <definedName name="_162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9"}</definedName>
    <definedName name="_162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8"}</definedName>
    <definedName name="_16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1"}</definedName>
    <definedName name="_162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7"}</definedName>
    <definedName name="_162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6"}</definedName>
    <definedName name="_162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5"}</definedName>
    <definedName name="_162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4"}</definedName>
    <definedName name="_162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3"}</definedName>
    <definedName name="_162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2"}</definedName>
    <definedName name="_162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1"}</definedName>
    <definedName name="_162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0"}</definedName>
    <definedName name="_162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9"}</definedName>
    <definedName name="_162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8"}</definedName>
    <definedName name="_1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6"}</definedName>
    <definedName name="_16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0"}</definedName>
    <definedName name="_163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7"}</definedName>
    <definedName name="_163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6"}</definedName>
    <definedName name="_163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5"}</definedName>
    <definedName name="_163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4"}</definedName>
    <definedName name="_163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3"}</definedName>
    <definedName name="_163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2"}</definedName>
    <definedName name="_163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1"}</definedName>
    <definedName name="_163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0"}</definedName>
    <definedName name="_163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9"}</definedName>
    <definedName name="_163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8"}</definedName>
    <definedName name="_16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9"}</definedName>
    <definedName name="_163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7"}</definedName>
    <definedName name="_163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6"}</definedName>
    <definedName name="_163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5"}</definedName>
    <definedName name="_163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4"}</definedName>
    <definedName name="_163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3"}</definedName>
    <definedName name="_163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2"}</definedName>
    <definedName name="_163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1"}</definedName>
    <definedName name="_163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0"}</definedName>
    <definedName name="_163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9"}</definedName>
    <definedName name="_163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8"}</definedName>
    <definedName name="_16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8"}</definedName>
    <definedName name="_163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7"}</definedName>
    <definedName name="_163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6"}</definedName>
    <definedName name="_163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5"}</definedName>
    <definedName name="_163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4"}</definedName>
    <definedName name="_163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3"}</definedName>
    <definedName name="_163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2"}</definedName>
    <definedName name="_163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1"}</definedName>
    <definedName name="_163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0"}</definedName>
    <definedName name="_163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9"}</definedName>
    <definedName name="_163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8"}</definedName>
    <definedName name="_16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7"}</definedName>
    <definedName name="_163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7"}</definedName>
    <definedName name="_163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6"}</definedName>
    <definedName name="_163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5"}</definedName>
    <definedName name="_163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4"}</definedName>
    <definedName name="_163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3"}</definedName>
    <definedName name="_163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2"}</definedName>
    <definedName name="_163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1"}</definedName>
    <definedName name="_163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0"}</definedName>
    <definedName name="_163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9"}</definedName>
    <definedName name="_163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8"}</definedName>
    <definedName name="_16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6"}</definedName>
    <definedName name="_163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7"}</definedName>
    <definedName name="_163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6"}</definedName>
    <definedName name="_163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5"}</definedName>
    <definedName name="_163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4"}</definedName>
    <definedName name="_163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3"}</definedName>
    <definedName name="_163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2"}</definedName>
    <definedName name="_163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1"}</definedName>
    <definedName name="_163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0"}</definedName>
    <definedName name="_163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9"}</definedName>
    <definedName name="_163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8"}</definedName>
    <definedName name="_16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5"}</definedName>
    <definedName name="_163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7"}</definedName>
    <definedName name="_163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6"}</definedName>
    <definedName name="_163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5"}</definedName>
    <definedName name="_163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4"}</definedName>
    <definedName name="_163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3"}</definedName>
    <definedName name="_163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2"}</definedName>
    <definedName name="_163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1"}</definedName>
    <definedName name="_163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0"}</definedName>
    <definedName name="_163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9"}</definedName>
    <definedName name="_163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8"}</definedName>
    <definedName name="_16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4"}</definedName>
    <definedName name="_163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7"}</definedName>
    <definedName name="_163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6"}</definedName>
    <definedName name="_163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5"}</definedName>
    <definedName name="_163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4"}</definedName>
    <definedName name="_163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3"}</definedName>
    <definedName name="_163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2"}</definedName>
    <definedName name="_163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1"}</definedName>
    <definedName name="_163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0"}</definedName>
    <definedName name="_1636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9"}</definedName>
    <definedName name="_1636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8"}</definedName>
    <definedName name="_16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3"}</definedName>
    <definedName name="_1637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7"}</definedName>
    <definedName name="_1637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6"}</definedName>
    <definedName name="_1637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5"}</definedName>
    <definedName name="_1637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4"}</definedName>
    <definedName name="_1637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3"}</definedName>
    <definedName name="_1637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2"}</definedName>
    <definedName name="_1637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1"}</definedName>
    <definedName name="_1637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0"}</definedName>
    <definedName name="_1637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9"}</definedName>
    <definedName name="_1637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8"}</definedName>
    <definedName name="_16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2"}</definedName>
    <definedName name="_1638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7"}</definedName>
    <definedName name="_1638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6"}</definedName>
    <definedName name="_1638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5"}</definedName>
    <definedName name="_1638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4"}</definedName>
    <definedName name="_1638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3"}</definedName>
    <definedName name="_1638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2"}</definedName>
    <definedName name="_1638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1"}</definedName>
    <definedName name="_1638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0"}</definedName>
    <definedName name="_1638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9"}</definedName>
    <definedName name="_1638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8"}</definedName>
    <definedName name="_16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1"}</definedName>
    <definedName name="_1639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7"}</definedName>
    <definedName name="_1639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6"}</definedName>
    <definedName name="_1639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5"}</definedName>
    <definedName name="_1639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4"}</definedName>
    <definedName name="_1639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3"}</definedName>
    <definedName name="_1639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2"}</definedName>
    <definedName name="_1639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1"}</definedName>
    <definedName name="_1639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0"}</definedName>
    <definedName name="_1639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9"}</definedName>
    <definedName name="_1639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8"}</definedName>
    <definedName name="_1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5"}</definedName>
    <definedName name="_16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0"}</definedName>
    <definedName name="_1640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7"}</definedName>
    <definedName name="_1640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6"}</definedName>
    <definedName name="_1640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5"}</definedName>
    <definedName name="_1640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4"}</definedName>
    <definedName name="_1640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3"}</definedName>
    <definedName name="_1640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2"}</definedName>
    <definedName name="_1640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1"}</definedName>
    <definedName name="_1640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0"}</definedName>
    <definedName name="_1640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9"}</definedName>
    <definedName name="_1640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8"}</definedName>
    <definedName name="_16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9"}</definedName>
    <definedName name="_1641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7"}</definedName>
    <definedName name="_1641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6"}</definedName>
    <definedName name="_1641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5"}</definedName>
    <definedName name="_1641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4"}</definedName>
    <definedName name="_1641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3"}</definedName>
    <definedName name="_1641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2"}</definedName>
    <definedName name="_1641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1"}</definedName>
    <definedName name="_1641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0"}</definedName>
    <definedName name="_1641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9"}</definedName>
    <definedName name="_1641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8"}</definedName>
    <definedName name="_16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8"}</definedName>
    <definedName name="_1642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7"}</definedName>
    <definedName name="_1642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6"}</definedName>
    <definedName name="_1642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5"}</definedName>
    <definedName name="_1642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4"}</definedName>
    <definedName name="_1642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3"}</definedName>
    <definedName name="_1642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2"}</definedName>
    <definedName name="_1642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1"}</definedName>
    <definedName name="_1642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0"}</definedName>
    <definedName name="_1642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9"}</definedName>
    <definedName name="_1642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8"}</definedName>
    <definedName name="_16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7"}</definedName>
    <definedName name="_1643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7"}</definedName>
    <definedName name="_1643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6"}</definedName>
    <definedName name="_1643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5"}</definedName>
    <definedName name="_1643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4"}</definedName>
    <definedName name="_1643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3"}</definedName>
    <definedName name="_1643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2"}</definedName>
    <definedName name="_1643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1"}</definedName>
    <definedName name="_1643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0"}</definedName>
    <definedName name="_1643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9"}</definedName>
    <definedName name="_1643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8"}</definedName>
    <definedName name="_16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6"}</definedName>
    <definedName name="_1644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7"}</definedName>
    <definedName name="_1644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6"}</definedName>
    <definedName name="_1644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5"}</definedName>
    <definedName name="_1644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4"}</definedName>
    <definedName name="_1644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3"}</definedName>
    <definedName name="_1644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2"}</definedName>
    <definedName name="_1644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1"}</definedName>
    <definedName name="_1644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0"}</definedName>
    <definedName name="_1644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9"}</definedName>
    <definedName name="_1644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8"}</definedName>
    <definedName name="_16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5"}</definedName>
    <definedName name="_1645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7"}</definedName>
    <definedName name="_1645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6"}</definedName>
    <definedName name="_1645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5"}</definedName>
    <definedName name="_1645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4"}</definedName>
    <definedName name="_1645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3"}</definedName>
    <definedName name="_1645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2"}</definedName>
    <definedName name="_1645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1"}</definedName>
    <definedName name="_1645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0"}</definedName>
    <definedName name="_16458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9"}</definedName>
    <definedName name="_16459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8"}</definedName>
    <definedName name="_16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4"}</definedName>
    <definedName name="_16460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7"}</definedName>
    <definedName name="_16461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6"}</definedName>
    <definedName name="_16462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5"}</definedName>
    <definedName name="_16463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4"}</definedName>
    <definedName name="_16464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3"}</definedName>
    <definedName name="_16465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2"}</definedName>
    <definedName name="_16466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1"}</definedName>
    <definedName name="_16467__FDSAUDITLINK__" hidden="1">{"fdsup://directions/FAT Viewer?action=UPDATE&amp;creator=factset&amp;DYN_ARGS=TRUE&amp;DOC_NAME=FAT:FQL_AUDITING_CLIENT_TEMPLATE.FAT&amp;display_string=Audit&amp;VAR:KEY=JYZYVOZMDK&amp;VAR:QUERY=RkZfRU5UUlBSX1ZBTF9EQUlMWSgtMkFZLDQxMDY2LEQsLCwnRElMJyk=&amp;WINDOW=FIRST_POPUP&amp;HEIGHT=45","0&amp;WIDTH=450&amp;START_MAXIMIZED=FALSE&amp;VAR:CALENDAR=US&amp;VAR:SYMBOL=283214&amp;VAR:INDEX=0"}</definedName>
    <definedName name="_164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6"}</definedName>
    <definedName name="_164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5"}</definedName>
    <definedName name="_16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3"}</definedName>
    <definedName name="_164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4"}</definedName>
    <definedName name="_164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3"}</definedName>
    <definedName name="_164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2"}</definedName>
    <definedName name="_164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1"}</definedName>
    <definedName name="_164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0"}</definedName>
    <definedName name="_164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9"}</definedName>
    <definedName name="_164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8"}</definedName>
    <definedName name="_164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7"}</definedName>
    <definedName name="_164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6"}</definedName>
    <definedName name="_164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5"}</definedName>
    <definedName name="_16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2"}</definedName>
    <definedName name="_164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4"}</definedName>
    <definedName name="_164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3"}</definedName>
    <definedName name="_164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2"}</definedName>
    <definedName name="_164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1"}</definedName>
    <definedName name="_164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0"}</definedName>
    <definedName name="_164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9"}</definedName>
    <definedName name="_164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8"}</definedName>
    <definedName name="_164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7"}</definedName>
    <definedName name="_164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6"}</definedName>
    <definedName name="_164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5"}</definedName>
    <definedName name="_16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1"}</definedName>
    <definedName name="_164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4"}</definedName>
    <definedName name="_164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3"}</definedName>
    <definedName name="_164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2"}</definedName>
    <definedName name="_164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1"}</definedName>
    <definedName name="_164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0"}</definedName>
    <definedName name="_164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9"}</definedName>
    <definedName name="_164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8"}</definedName>
    <definedName name="_164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7"}</definedName>
    <definedName name="_164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6"}</definedName>
    <definedName name="_164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5"}</definedName>
    <definedName name="_1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4"}</definedName>
    <definedName name="_16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0"}</definedName>
    <definedName name="_165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4"}</definedName>
    <definedName name="_165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3"}</definedName>
    <definedName name="_165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2"}</definedName>
    <definedName name="_165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1"}</definedName>
    <definedName name="_165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0"}</definedName>
    <definedName name="_165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9"}</definedName>
    <definedName name="_165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8"}</definedName>
    <definedName name="_165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7"}</definedName>
    <definedName name="_165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6"}</definedName>
    <definedName name="_165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5"}</definedName>
    <definedName name="_16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9"}</definedName>
    <definedName name="_165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4"}</definedName>
    <definedName name="_165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3"}</definedName>
    <definedName name="_165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2"}</definedName>
    <definedName name="_165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1"}</definedName>
    <definedName name="_165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0"}</definedName>
    <definedName name="_165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9"}</definedName>
    <definedName name="_165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8"}</definedName>
    <definedName name="_165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7"}</definedName>
    <definedName name="_165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6"}</definedName>
    <definedName name="_165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5"}</definedName>
    <definedName name="_16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8"}</definedName>
    <definedName name="_165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4"}</definedName>
    <definedName name="_165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3"}</definedName>
    <definedName name="_165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2"}</definedName>
    <definedName name="_165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1"}</definedName>
    <definedName name="_165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0"}</definedName>
    <definedName name="_165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9"}</definedName>
    <definedName name="_165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8"}</definedName>
    <definedName name="_165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7"}</definedName>
    <definedName name="_165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6"}</definedName>
    <definedName name="_165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5"}</definedName>
    <definedName name="_16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7"}</definedName>
    <definedName name="_165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4"}</definedName>
    <definedName name="_165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3"}</definedName>
    <definedName name="_165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2"}</definedName>
    <definedName name="_165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1"}</definedName>
    <definedName name="_165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0"}</definedName>
    <definedName name="_165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9"}</definedName>
    <definedName name="_165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8"}</definedName>
    <definedName name="_165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7"}</definedName>
    <definedName name="_165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6"}</definedName>
    <definedName name="_165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5"}</definedName>
    <definedName name="_16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6"}</definedName>
    <definedName name="_165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4"}</definedName>
    <definedName name="_165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3"}</definedName>
    <definedName name="_165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2"}</definedName>
    <definedName name="_165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1"}</definedName>
    <definedName name="_165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0"}</definedName>
    <definedName name="_165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9"}</definedName>
    <definedName name="_165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8"}</definedName>
    <definedName name="_165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7"}</definedName>
    <definedName name="_165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6"}</definedName>
    <definedName name="_165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5"}</definedName>
    <definedName name="_16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5"}</definedName>
    <definedName name="_165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4"}</definedName>
    <definedName name="_165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3"}</definedName>
    <definedName name="_165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2"}</definedName>
    <definedName name="_165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1"}</definedName>
    <definedName name="_165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0"}</definedName>
    <definedName name="_165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9"}</definedName>
    <definedName name="_165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8"}</definedName>
    <definedName name="_165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7"}</definedName>
    <definedName name="_165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6"}</definedName>
    <definedName name="_165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5"}</definedName>
    <definedName name="_16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4"}</definedName>
    <definedName name="_165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4"}</definedName>
    <definedName name="_165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3"}</definedName>
    <definedName name="_165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2"}</definedName>
    <definedName name="_165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1"}</definedName>
    <definedName name="_165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0"}</definedName>
    <definedName name="_165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9"}</definedName>
    <definedName name="_165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8"}</definedName>
    <definedName name="_165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7"}</definedName>
    <definedName name="_165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6"}</definedName>
    <definedName name="_165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5"}</definedName>
    <definedName name="_16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3"}</definedName>
    <definedName name="_165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4"}</definedName>
    <definedName name="_165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3"}</definedName>
    <definedName name="_165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2"}</definedName>
    <definedName name="_165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1"}</definedName>
    <definedName name="_165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0"}</definedName>
    <definedName name="_165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9"}</definedName>
    <definedName name="_165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8"}</definedName>
    <definedName name="_165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7"}</definedName>
    <definedName name="_165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6"}</definedName>
    <definedName name="_165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5"}</definedName>
    <definedName name="_16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2"}</definedName>
    <definedName name="_165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4"}</definedName>
    <definedName name="_165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3"}</definedName>
    <definedName name="_165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2"}</definedName>
    <definedName name="_165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1"}</definedName>
    <definedName name="_165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0"}</definedName>
    <definedName name="_165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9"}</definedName>
    <definedName name="_165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8"}</definedName>
    <definedName name="_165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7"}</definedName>
    <definedName name="_165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6"}</definedName>
    <definedName name="_165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5"}</definedName>
    <definedName name="_16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1"}</definedName>
    <definedName name="_165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4"}</definedName>
    <definedName name="_165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3"}</definedName>
    <definedName name="_165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2"}</definedName>
    <definedName name="_165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1"}</definedName>
    <definedName name="_165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0"}</definedName>
    <definedName name="_165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9"}</definedName>
    <definedName name="_165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8"}</definedName>
    <definedName name="_165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7"}</definedName>
    <definedName name="_165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6"}</definedName>
    <definedName name="_165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5"}</definedName>
    <definedName name="_1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3"}</definedName>
    <definedName name="_16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0"}</definedName>
    <definedName name="_166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4"}</definedName>
    <definedName name="_166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3"}</definedName>
    <definedName name="_166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2"}</definedName>
    <definedName name="_166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1"}</definedName>
    <definedName name="_166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0"}</definedName>
    <definedName name="_166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9"}</definedName>
    <definedName name="_166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8"}</definedName>
    <definedName name="_166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7"}</definedName>
    <definedName name="_166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6"}</definedName>
    <definedName name="_166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5"}</definedName>
    <definedName name="_16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9"}</definedName>
    <definedName name="_166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4"}</definedName>
    <definedName name="_166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3"}</definedName>
    <definedName name="_166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2"}</definedName>
    <definedName name="_166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1"}</definedName>
    <definedName name="_166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0"}</definedName>
    <definedName name="_166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9"}</definedName>
    <definedName name="_166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8"}</definedName>
    <definedName name="_166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7"}</definedName>
    <definedName name="_166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6"}</definedName>
    <definedName name="_166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5"}</definedName>
    <definedName name="_16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8"}</definedName>
    <definedName name="_166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4"}</definedName>
    <definedName name="_166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3"}</definedName>
    <definedName name="_166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2"}</definedName>
    <definedName name="_166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1"}</definedName>
    <definedName name="_166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0"}</definedName>
    <definedName name="_166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9"}</definedName>
    <definedName name="_166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8"}</definedName>
    <definedName name="_166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7"}</definedName>
    <definedName name="_166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6"}</definedName>
    <definedName name="_166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5"}</definedName>
    <definedName name="_16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7"}</definedName>
    <definedName name="_166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4"}</definedName>
    <definedName name="_166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3"}</definedName>
    <definedName name="_166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2"}</definedName>
    <definedName name="_166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1"}</definedName>
    <definedName name="_166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0"}</definedName>
    <definedName name="_166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9"}</definedName>
    <definedName name="_166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8"}</definedName>
    <definedName name="_166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7"}</definedName>
    <definedName name="_166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6"}</definedName>
    <definedName name="_166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5"}</definedName>
    <definedName name="_16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6"}</definedName>
    <definedName name="_166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4"}</definedName>
    <definedName name="_166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3"}</definedName>
    <definedName name="_166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2"}</definedName>
    <definedName name="_166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1"}</definedName>
    <definedName name="_166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0"}</definedName>
    <definedName name="_166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9"}</definedName>
    <definedName name="_166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8"}</definedName>
    <definedName name="_166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7"}</definedName>
    <definedName name="_166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6"}</definedName>
    <definedName name="_166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5"}</definedName>
    <definedName name="_16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5"}</definedName>
    <definedName name="_166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4"}</definedName>
    <definedName name="_166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3"}</definedName>
    <definedName name="_166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2"}</definedName>
    <definedName name="_166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1"}</definedName>
    <definedName name="_166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0"}</definedName>
    <definedName name="_166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9"}</definedName>
    <definedName name="_166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8"}</definedName>
    <definedName name="_166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7"}</definedName>
    <definedName name="_166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6"}</definedName>
    <definedName name="_166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5"}</definedName>
    <definedName name="_16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4"}</definedName>
    <definedName name="_166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4"}</definedName>
    <definedName name="_166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3"}</definedName>
    <definedName name="_166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2"}</definedName>
    <definedName name="_166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1"}</definedName>
    <definedName name="_166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0"}</definedName>
    <definedName name="_166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9"}</definedName>
    <definedName name="_166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8"}</definedName>
    <definedName name="_166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7"}</definedName>
    <definedName name="_166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6"}</definedName>
    <definedName name="_166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5"}</definedName>
    <definedName name="_16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3"}</definedName>
    <definedName name="_166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4"}</definedName>
    <definedName name="_166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3"}</definedName>
    <definedName name="_166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2"}</definedName>
    <definedName name="_166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1"}</definedName>
    <definedName name="_166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0"}</definedName>
    <definedName name="_166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9"}</definedName>
    <definedName name="_166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8"}</definedName>
    <definedName name="_166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7"}</definedName>
    <definedName name="_166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6"}</definedName>
    <definedName name="_166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5"}</definedName>
    <definedName name="_16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2"}</definedName>
    <definedName name="_166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4"}</definedName>
    <definedName name="_166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3"}</definedName>
    <definedName name="_166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2"}</definedName>
    <definedName name="_166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1"}</definedName>
    <definedName name="_166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0"}</definedName>
    <definedName name="_166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9"}</definedName>
    <definedName name="_166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8"}</definedName>
    <definedName name="_166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7"}</definedName>
    <definedName name="_166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6"}</definedName>
    <definedName name="_166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5"}</definedName>
    <definedName name="_16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1"}</definedName>
    <definedName name="_166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4"}</definedName>
    <definedName name="_166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3"}</definedName>
    <definedName name="_166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2"}</definedName>
    <definedName name="_166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1"}</definedName>
    <definedName name="_166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0"}</definedName>
    <definedName name="_166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9"}</definedName>
    <definedName name="_166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8"}</definedName>
    <definedName name="_166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7"}</definedName>
    <definedName name="_166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6"}</definedName>
    <definedName name="_166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5"}</definedName>
    <definedName name="_1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2"}</definedName>
    <definedName name="_16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0"}</definedName>
    <definedName name="_167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4"}</definedName>
    <definedName name="_167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3"}</definedName>
    <definedName name="_167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2"}</definedName>
    <definedName name="_167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1"}</definedName>
    <definedName name="_167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0"}</definedName>
    <definedName name="_167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9"}</definedName>
    <definedName name="_167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8"}</definedName>
    <definedName name="_167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7"}</definedName>
    <definedName name="_167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6"}</definedName>
    <definedName name="_167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5"}</definedName>
    <definedName name="_16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9"}</definedName>
    <definedName name="_167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4"}</definedName>
    <definedName name="_167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3"}</definedName>
    <definedName name="_167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2"}</definedName>
    <definedName name="_167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1"}</definedName>
    <definedName name="_167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0"}</definedName>
    <definedName name="_167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9"}</definedName>
    <definedName name="_167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8"}</definedName>
    <definedName name="_167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7"}</definedName>
    <definedName name="_167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6"}</definedName>
    <definedName name="_167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5"}</definedName>
    <definedName name="_16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8"}</definedName>
    <definedName name="_167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4"}</definedName>
    <definedName name="_167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3"}</definedName>
    <definedName name="_167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2"}</definedName>
    <definedName name="_167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1"}</definedName>
    <definedName name="_167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0"}</definedName>
    <definedName name="_167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9"}</definedName>
    <definedName name="_167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8"}</definedName>
    <definedName name="_167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7"}</definedName>
    <definedName name="_167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6"}</definedName>
    <definedName name="_167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5"}</definedName>
    <definedName name="_16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7"}</definedName>
    <definedName name="_167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4"}</definedName>
    <definedName name="_167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3"}</definedName>
    <definedName name="_167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2"}</definedName>
    <definedName name="_167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1"}</definedName>
    <definedName name="_167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0"}</definedName>
    <definedName name="_167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9"}</definedName>
    <definedName name="_167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8"}</definedName>
    <definedName name="_167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7"}</definedName>
    <definedName name="_167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6"}</definedName>
    <definedName name="_167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5"}</definedName>
    <definedName name="_16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6"}</definedName>
    <definedName name="_167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4"}</definedName>
    <definedName name="_167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3"}</definedName>
    <definedName name="_167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2"}</definedName>
    <definedName name="_167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1"}</definedName>
    <definedName name="_167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0"}</definedName>
    <definedName name="_167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9"}</definedName>
    <definedName name="_167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8"}</definedName>
    <definedName name="_167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7"}</definedName>
    <definedName name="_167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6"}</definedName>
    <definedName name="_167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5"}</definedName>
    <definedName name="_16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5"}</definedName>
    <definedName name="_167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4"}</definedName>
    <definedName name="_167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3"}</definedName>
    <definedName name="_167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2"}</definedName>
    <definedName name="_167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1"}</definedName>
    <definedName name="_167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0"}</definedName>
    <definedName name="_167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9"}</definedName>
    <definedName name="_167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8"}</definedName>
    <definedName name="_167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7"}</definedName>
    <definedName name="_167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6"}</definedName>
    <definedName name="_167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5"}</definedName>
    <definedName name="_16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4"}</definedName>
    <definedName name="_167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4"}</definedName>
    <definedName name="_167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3"}</definedName>
    <definedName name="_167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2"}</definedName>
    <definedName name="_167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1"}</definedName>
    <definedName name="_167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0"}</definedName>
    <definedName name="_167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9"}</definedName>
    <definedName name="_167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8"}</definedName>
    <definedName name="_167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7"}</definedName>
    <definedName name="_167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6"}</definedName>
    <definedName name="_167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5"}</definedName>
    <definedName name="_16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3"}</definedName>
    <definedName name="_167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4"}</definedName>
    <definedName name="_167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3"}</definedName>
    <definedName name="_167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2"}</definedName>
    <definedName name="_167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1"}</definedName>
    <definedName name="_167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0"}</definedName>
    <definedName name="_167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9"}</definedName>
    <definedName name="_167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8"}</definedName>
    <definedName name="_167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7"}</definedName>
    <definedName name="_167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6"}</definedName>
    <definedName name="_167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5"}</definedName>
    <definedName name="_16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2"}</definedName>
    <definedName name="_167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4"}</definedName>
    <definedName name="_167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3"}</definedName>
    <definedName name="_167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2"}</definedName>
    <definedName name="_167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1"}</definedName>
    <definedName name="_167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0"}</definedName>
    <definedName name="_167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9"}</definedName>
    <definedName name="_167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8"}</definedName>
    <definedName name="_167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7"}</definedName>
    <definedName name="_167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6"}</definedName>
    <definedName name="_167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5"}</definedName>
    <definedName name="_16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1"}</definedName>
    <definedName name="_167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4"}</definedName>
    <definedName name="_167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3"}</definedName>
    <definedName name="_167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2"}</definedName>
    <definedName name="_167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1"}</definedName>
    <definedName name="_167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0"}</definedName>
    <definedName name="_167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9"}</definedName>
    <definedName name="_167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8"}</definedName>
    <definedName name="_167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7"}</definedName>
    <definedName name="_167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6"}</definedName>
    <definedName name="_167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5"}</definedName>
    <definedName name="_1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1"}</definedName>
    <definedName name="_16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0"}</definedName>
    <definedName name="_168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4"}</definedName>
    <definedName name="_168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3"}</definedName>
    <definedName name="_168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2"}</definedName>
    <definedName name="_168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1"}</definedName>
    <definedName name="_168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0"}</definedName>
    <definedName name="_168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9"}</definedName>
    <definedName name="_168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8"}</definedName>
    <definedName name="_168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7"}</definedName>
    <definedName name="_168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6"}</definedName>
    <definedName name="_168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5"}</definedName>
    <definedName name="_16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9"}</definedName>
    <definedName name="_168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4"}</definedName>
    <definedName name="_168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3"}</definedName>
    <definedName name="_168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2"}</definedName>
    <definedName name="_168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1"}</definedName>
    <definedName name="_168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0"}</definedName>
    <definedName name="_168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9"}</definedName>
    <definedName name="_168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8"}</definedName>
    <definedName name="_168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7"}</definedName>
    <definedName name="_168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6"}</definedName>
    <definedName name="_168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5"}</definedName>
    <definedName name="_16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8"}</definedName>
    <definedName name="_168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4"}</definedName>
    <definedName name="_168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3"}</definedName>
    <definedName name="_168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2"}</definedName>
    <definedName name="_168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1"}</definedName>
    <definedName name="_168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0"}</definedName>
    <definedName name="_168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9"}</definedName>
    <definedName name="_168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8"}</definedName>
    <definedName name="_168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7"}</definedName>
    <definedName name="_168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6"}</definedName>
    <definedName name="_168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5"}</definedName>
    <definedName name="_16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7"}</definedName>
    <definedName name="_168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4"}</definedName>
    <definedName name="_168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3"}</definedName>
    <definedName name="_168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2"}</definedName>
    <definedName name="_168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1"}</definedName>
    <definedName name="_168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0"}</definedName>
    <definedName name="_168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9"}</definedName>
    <definedName name="_168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8"}</definedName>
    <definedName name="_168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7"}</definedName>
    <definedName name="_168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6"}</definedName>
    <definedName name="_168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5"}</definedName>
    <definedName name="_16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6"}</definedName>
    <definedName name="_168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4"}</definedName>
    <definedName name="_168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3"}</definedName>
    <definedName name="_168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2"}</definedName>
    <definedName name="_168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1"}</definedName>
    <definedName name="_168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0"}</definedName>
    <definedName name="_168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9"}</definedName>
    <definedName name="_168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8"}</definedName>
    <definedName name="_168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7"}</definedName>
    <definedName name="_168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6"}</definedName>
    <definedName name="_168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5"}</definedName>
    <definedName name="_16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5"}</definedName>
    <definedName name="_168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4"}</definedName>
    <definedName name="_168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3"}</definedName>
    <definedName name="_168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2"}</definedName>
    <definedName name="_168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1"}</definedName>
    <definedName name="_168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0"}</definedName>
    <definedName name="_168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9"}</definedName>
    <definedName name="_168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8"}</definedName>
    <definedName name="_168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7"}</definedName>
    <definedName name="_168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6"}</definedName>
    <definedName name="_168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5"}</definedName>
    <definedName name="_16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4"}</definedName>
    <definedName name="_168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4"}</definedName>
    <definedName name="_168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3"}</definedName>
    <definedName name="_168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2"}</definedName>
    <definedName name="_168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1"}</definedName>
    <definedName name="_168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0"}</definedName>
    <definedName name="_168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9"}</definedName>
    <definedName name="_168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8"}</definedName>
    <definedName name="_168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7"}</definedName>
    <definedName name="_168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6"}</definedName>
    <definedName name="_168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5"}</definedName>
    <definedName name="_16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3"}</definedName>
    <definedName name="_168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4"}</definedName>
    <definedName name="_168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3"}</definedName>
    <definedName name="_168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2"}</definedName>
    <definedName name="_168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1"}</definedName>
    <definedName name="_168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0"}</definedName>
    <definedName name="_1687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9"}</definedName>
    <definedName name="_1687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8"}</definedName>
    <definedName name="_1687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7"}</definedName>
    <definedName name="_1687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6"}</definedName>
    <definedName name="_1687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5"}</definedName>
    <definedName name="_16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2"}</definedName>
    <definedName name="_1688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4"}</definedName>
    <definedName name="_1688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3"}</definedName>
    <definedName name="_1688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2"}</definedName>
    <definedName name="_1688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1"}</definedName>
    <definedName name="_1688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0"}</definedName>
    <definedName name="_1688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9"}</definedName>
    <definedName name="_1688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8"}</definedName>
    <definedName name="_1688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7"}</definedName>
    <definedName name="_1688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6"}</definedName>
    <definedName name="_1688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5"}</definedName>
    <definedName name="_16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1"}</definedName>
    <definedName name="_1689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4"}</definedName>
    <definedName name="_1689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3"}</definedName>
    <definedName name="_1689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2"}</definedName>
    <definedName name="_1689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1"}</definedName>
    <definedName name="_1689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0"}</definedName>
    <definedName name="_1689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9"}</definedName>
    <definedName name="_1689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8"}</definedName>
    <definedName name="_1689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7"}</definedName>
    <definedName name="_1689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6"}</definedName>
    <definedName name="_1689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5"}</definedName>
    <definedName name="_1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0"}</definedName>
    <definedName name="_16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0"}</definedName>
    <definedName name="_1690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4"}</definedName>
    <definedName name="_1690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3"}</definedName>
    <definedName name="_1690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2"}</definedName>
    <definedName name="_1690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1"}</definedName>
    <definedName name="_1690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0"}</definedName>
    <definedName name="_1690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9"}</definedName>
    <definedName name="_1690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8"}</definedName>
    <definedName name="_1690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7"}</definedName>
    <definedName name="_1690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6"}</definedName>
    <definedName name="_1690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5"}</definedName>
    <definedName name="_16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9"}</definedName>
    <definedName name="_1691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4"}</definedName>
    <definedName name="_1691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3"}</definedName>
    <definedName name="_1691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2"}</definedName>
    <definedName name="_1691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1"}</definedName>
    <definedName name="_1691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0"}</definedName>
    <definedName name="_1691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9"}</definedName>
    <definedName name="_1691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8"}</definedName>
    <definedName name="_1691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7"}</definedName>
    <definedName name="_1691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6"}</definedName>
    <definedName name="_1691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5"}</definedName>
    <definedName name="_16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8"}</definedName>
    <definedName name="_1692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4"}</definedName>
    <definedName name="_1692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3"}</definedName>
    <definedName name="_1692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2"}</definedName>
    <definedName name="_1692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1"}</definedName>
    <definedName name="_1692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0"}</definedName>
    <definedName name="_1692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9"}</definedName>
    <definedName name="_1692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8"}</definedName>
    <definedName name="_1692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7"}</definedName>
    <definedName name="_1692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6"}</definedName>
    <definedName name="_1692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5"}</definedName>
    <definedName name="_16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7"}</definedName>
    <definedName name="_1693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4"}</definedName>
    <definedName name="_1693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3"}</definedName>
    <definedName name="_1693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2"}</definedName>
    <definedName name="_1693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1"}</definedName>
    <definedName name="_1693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0"}</definedName>
    <definedName name="_1693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9"}</definedName>
    <definedName name="_1693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8"}</definedName>
    <definedName name="_1693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7"}</definedName>
    <definedName name="_1693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6"}</definedName>
    <definedName name="_1693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5"}</definedName>
    <definedName name="_16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6"}</definedName>
    <definedName name="_1694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4"}</definedName>
    <definedName name="_1694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3"}</definedName>
    <definedName name="_1694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2"}</definedName>
    <definedName name="_1694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1"}</definedName>
    <definedName name="_1694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0"}</definedName>
    <definedName name="_1694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9"}</definedName>
    <definedName name="_1694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8"}</definedName>
    <definedName name="_1694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7"}</definedName>
    <definedName name="_1694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6"}</definedName>
    <definedName name="_1694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5"}</definedName>
    <definedName name="_16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5"}</definedName>
    <definedName name="_1695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4"}</definedName>
    <definedName name="_1695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3"}</definedName>
    <definedName name="_1695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2"}</definedName>
    <definedName name="_1695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1"}</definedName>
    <definedName name="_1695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0"}</definedName>
    <definedName name="_1695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9"}</definedName>
    <definedName name="_1695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8"}</definedName>
    <definedName name="_1695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7"}</definedName>
    <definedName name="_1695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6"}</definedName>
    <definedName name="_1695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5"}</definedName>
    <definedName name="_16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4"}</definedName>
    <definedName name="_1696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4"}</definedName>
    <definedName name="_1696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3"}</definedName>
    <definedName name="_1696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2"}</definedName>
    <definedName name="_1696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1"}</definedName>
    <definedName name="_1696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0"}</definedName>
    <definedName name="_16965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9"}</definedName>
    <definedName name="_16966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8"}</definedName>
    <definedName name="_16967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7"}</definedName>
    <definedName name="_16968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6"}</definedName>
    <definedName name="_16969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5"}</definedName>
    <definedName name="_16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3"}</definedName>
    <definedName name="_16970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4"}</definedName>
    <definedName name="_16971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3"}</definedName>
    <definedName name="_16972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2"}</definedName>
    <definedName name="_16973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1"}</definedName>
    <definedName name="_16974__FDSAUDITLINK__" hidden="1">{"fdsup://directions/FAT Viewer?action=UPDATE&amp;creator=factset&amp;DYN_ARGS=TRUE&amp;DOC_NAME=FAT:FQL_AUDITING_CLIENT_TEMPLATE.FAT&amp;display_string=Audit&amp;VAR:KEY=GXUTGXETSV&amp;VAR:QUERY=RkZfRU5UUlBSX1ZBTF9EQUlMWSgtMkFZLDQxMDY2LEQsLCwnRElMJyk=&amp;WINDOW=FIRST_POPUP&amp;HEIGHT=45","0&amp;WIDTH=450&amp;START_MAXIMIZED=FALSE&amp;VAR:CALENDAR=US&amp;VAR:SYMBOL=B03L0B&amp;VAR:INDEX=0"}</definedName>
    <definedName name="_169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6"}</definedName>
    <definedName name="_169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5"}</definedName>
    <definedName name="_169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4"}</definedName>
    <definedName name="_169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3"}</definedName>
    <definedName name="_169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2"}</definedName>
    <definedName name="_16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2"}</definedName>
    <definedName name="_169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1"}</definedName>
    <definedName name="_169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0"}</definedName>
    <definedName name="_169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9"}</definedName>
    <definedName name="_169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8"}</definedName>
    <definedName name="_169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7"}</definedName>
    <definedName name="_169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6"}</definedName>
    <definedName name="_169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5"}</definedName>
    <definedName name="_169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4"}</definedName>
    <definedName name="_169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3"}</definedName>
    <definedName name="_169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2"}</definedName>
    <definedName name="_16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1"}</definedName>
    <definedName name="_169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1"}</definedName>
    <definedName name="_169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0"}</definedName>
    <definedName name="_169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9"}</definedName>
    <definedName name="_169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8"}</definedName>
    <definedName name="_169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7"}</definedName>
    <definedName name="_169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6"}</definedName>
    <definedName name="_169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5"}</definedName>
    <definedName name="_169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4"}</definedName>
    <definedName name="_169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3"}</definedName>
    <definedName name="_169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2"}</definedName>
    <definedName name="_17__FDSAUDITLINK__" hidden="1">{"fdsup://directions/FAT Viewer?action=UPDATE&amp;creator=factset&amp;DYN_ARGS=TRUE&amp;DOC_NAME=FAT:FQL_AUDITING_CLIENT_TEMPLATE.FAT&amp;display_string=Audit&amp;VAR:KEY=YBOJQHWNCT&amp;VAR:QUERY=RkZfRUJJVERBX09QRVIoQU5OLDAsLTVBWSk=&amp;WINDOW=FIRST_POPUP&amp;HEIGHT=450&amp;WIDTH=450&amp;START_MA","XIMIZED=FALSE&amp;VAR:CALENDAR=US&amp;VAR:SYMBOL=B1V74X&amp;VAR:INDEX=0"}</definedName>
    <definedName name="_1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9"}</definedName>
    <definedName name="_17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0"}</definedName>
    <definedName name="_170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1"}</definedName>
    <definedName name="_170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0"}</definedName>
    <definedName name="_170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9"}</definedName>
    <definedName name="_170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8"}</definedName>
    <definedName name="_170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7"}</definedName>
    <definedName name="_170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6"}</definedName>
    <definedName name="_170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5"}</definedName>
    <definedName name="_170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4"}</definedName>
    <definedName name="_170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3"}</definedName>
    <definedName name="_170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2"}</definedName>
    <definedName name="_17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9"}</definedName>
    <definedName name="_170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1"}</definedName>
    <definedName name="_170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0"}</definedName>
    <definedName name="_170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9"}</definedName>
    <definedName name="_170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8"}</definedName>
    <definedName name="_170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7"}</definedName>
    <definedName name="_170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6"}</definedName>
    <definedName name="_170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5"}</definedName>
    <definedName name="_170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4"}</definedName>
    <definedName name="_170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3"}</definedName>
    <definedName name="_170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2"}</definedName>
    <definedName name="_17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8"}</definedName>
    <definedName name="_170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1"}</definedName>
    <definedName name="_170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0"}</definedName>
    <definedName name="_170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9"}</definedName>
    <definedName name="_170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8"}</definedName>
    <definedName name="_170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7"}</definedName>
    <definedName name="_170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6"}</definedName>
    <definedName name="_170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5"}</definedName>
    <definedName name="_170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4"}</definedName>
    <definedName name="_170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3"}</definedName>
    <definedName name="_170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2"}</definedName>
    <definedName name="_17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7"}</definedName>
    <definedName name="_170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1"}</definedName>
    <definedName name="_170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0"}</definedName>
    <definedName name="_170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9"}</definedName>
    <definedName name="_170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8"}</definedName>
    <definedName name="_170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7"}</definedName>
    <definedName name="_170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6"}</definedName>
    <definedName name="_170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5"}</definedName>
    <definedName name="_170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4"}</definedName>
    <definedName name="_170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3"}</definedName>
    <definedName name="_170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2"}</definedName>
    <definedName name="_17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6"}</definedName>
    <definedName name="_170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1"}</definedName>
    <definedName name="_170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0"}</definedName>
    <definedName name="_170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9"}</definedName>
    <definedName name="_170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8"}</definedName>
    <definedName name="_170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7"}</definedName>
    <definedName name="_170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6"}</definedName>
    <definedName name="_170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5"}</definedName>
    <definedName name="_170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4"}</definedName>
    <definedName name="_170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3"}</definedName>
    <definedName name="_170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2"}</definedName>
    <definedName name="_17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5"}</definedName>
    <definedName name="_170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1"}</definedName>
    <definedName name="_170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0"}</definedName>
    <definedName name="_170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9"}</definedName>
    <definedName name="_170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8"}</definedName>
    <definedName name="_170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7"}</definedName>
    <definedName name="_170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6"}</definedName>
    <definedName name="_170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5"}</definedName>
    <definedName name="_170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4"}</definedName>
    <definedName name="_170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3"}</definedName>
    <definedName name="_170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2"}</definedName>
    <definedName name="_17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4"}</definedName>
    <definedName name="_170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1"}</definedName>
    <definedName name="_170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0"}</definedName>
    <definedName name="_170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9"}</definedName>
    <definedName name="_170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8"}</definedName>
    <definedName name="_170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7"}</definedName>
    <definedName name="_170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6"}</definedName>
    <definedName name="_170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5"}</definedName>
    <definedName name="_170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4"}</definedName>
    <definedName name="_170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3"}</definedName>
    <definedName name="_170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2"}</definedName>
    <definedName name="_17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3"}</definedName>
    <definedName name="_170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1"}</definedName>
    <definedName name="_170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0"}</definedName>
    <definedName name="_170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9"}</definedName>
    <definedName name="_170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8"}</definedName>
    <definedName name="_170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7"}</definedName>
    <definedName name="_170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6"}</definedName>
    <definedName name="_170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5"}</definedName>
    <definedName name="_170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4"}</definedName>
    <definedName name="_170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3"}</definedName>
    <definedName name="_170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2"}</definedName>
    <definedName name="_17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2"}</definedName>
    <definedName name="_170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1"}</definedName>
    <definedName name="_170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0"}</definedName>
    <definedName name="_170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9"}</definedName>
    <definedName name="_170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8"}</definedName>
    <definedName name="_170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7"}</definedName>
    <definedName name="_170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6"}</definedName>
    <definedName name="_170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5"}</definedName>
    <definedName name="_170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4"}</definedName>
    <definedName name="_170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3"}</definedName>
    <definedName name="_170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2"}</definedName>
    <definedName name="_17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1"}</definedName>
    <definedName name="_170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1"}</definedName>
    <definedName name="_170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0"}</definedName>
    <definedName name="_170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9"}</definedName>
    <definedName name="_170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8"}</definedName>
    <definedName name="_170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7"}</definedName>
    <definedName name="_170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6"}</definedName>
    <definedName name="_170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5"}</definedName>
    <definedName name="_170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4"}</definedName>
    <definedName name="_170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3"}</definedName>
    <definedName name="_170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2"}</definedName>
    <definedName name="_1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8"}</definedName>
    <definedName name="_17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0"}</definedName>
    <definedName name="_171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1"}</definedName>
    <definedName name="_171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0"}</definedName>
    <definedName name="_171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9"}</definedName>
    <definedName name="_171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8"}</definedName>
    <definedName name="_171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7"}</definedName>
    <definedName name="_171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6"}</definedName>
    <definedName name="_171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5"}</definedName>
    <definedName name="_171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4"}</definedName>
    <definedName name="_171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3"}</definedName>
    <definedName name="_171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2"}</definedName>
    <definedName name="_17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9"}</definedName>
    <definedName name="_171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1"}</definedName>
    <definedName name="_171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0"}</definedName>
    <definedName name="_171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9"}</definedName>
    <definedName name="_171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8"}</definedName>
    <definedName name="_171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7"}</definedName>
    <definedName name="_171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6"}</definedName>
    <definedName name="_171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5"}</definedName>
    <definedName name="_171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4"}</definedName>
    <definedName name="_171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3"}</definedName>
    <definedName name="_171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2"}</definedName>
    <definedName name="_17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8"}</definedName>
    <definedName name="_171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1"}</definedName>
    <definedName name="_171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0"}</definedName>
    <definedName name="_171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9"}</definedName>
    <definedName name="_171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8"}</definedName>
    <definedName name="_171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7"}</definedName>
    <definedName name="_171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6"}</definedName>
    <definedName name="_171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5"}</definedName>
    <definedName name="_171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4"}</definedName>
    <definedName name="_171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3"}</definedName>
    <definedName name="_171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2"}</definedName>
    <definedName name="_17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7"}</definedName>
    <definedName name="_171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1"}</definedName>
    <definedName name="_171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0"}</definedName>
    <definedName name="_171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9"}</definedName>
    <definedName name="_171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8"}</definedName>
    <definedName name="_171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7"}</definedName>
    <definedName name="_171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6"}</definedName>
    <definedName name="_171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5"}</definedName>
    <definedName name="_171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4"}</definedName>
    <definedName name="_171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3"}</definedName>
    <definedName name="_171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2"}</definedName>
    <definedName name="_17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6"}</definedName>
    <definedName name="_171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1"}</definedName>
    <definedName name="_171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0"}</definedName>
    <definedName name="_171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9"}</definedName>
    <definedName name="_171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8"}</definedName>
    <definedName name="_171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7"}</definedName>
    <definedName name="_171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6"}</definedName>
    <definedName name="_171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5"}</definedName>
    <definedName name="_171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4"}</definedName>
    <definedName name="_171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3"}</definedName>
    <definedName name="_171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2"}</definedName>
    <definedName name="_17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5"}</definedName>
    <definedName name="_171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1"}</definedName>
    <definedName name="_171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0"}</definedName>
    <definedName name="_171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9"}</definedName>
    <definedName name="_171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8"}</definedName>
    <definedName name="_171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7"}</definedName>
    <definedName name="_171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6"}</definedName>
    <definedName name="_171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5"}</definedName>
    <definedName name="_171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4"}</definedName>
    <definedName name="_171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3"}</definedName>
    <definedName name="_171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2"}</definedName>
    <definedName name="_17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4"}</definedName>
    <definedName name="_171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1"}</definedName>
    <definedName name="_171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0"}</definedName>
    <definedName name="_171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9"}</definedName>
    <definedName name="_171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8"}</definedName>
    <definedName name="_171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7"}</definedName>
    <definedName name="_171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6"}</definedName>
    <definedName name="_171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5"}</definedName>
    <definedName name="_171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4"}</definedName>
    <definedName name="_171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3"}</definedName>
    <definedName name="_171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2"}</definedName>
    <definedName name="_17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3"}</definedName>
    <definedName name="_171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1"}</definedName>
    <definedName name="_171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0"}</definedName>
    <definedName name="_171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9"}</definedName>
    <definedName name="_171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8"}</definedName>
    <definedName name="_171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7"}</definedName>
    <definedName name="_171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6"}</definedName>
    <definedName name="_171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5"}</definedName>
    <definedName name="_171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4"}</definedName>
    <definedName name="_171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3"}</definedName>
    <definedName name="_171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2"}</definedName>
    <definedName name="_17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2"}</definedName>
    <definedName name="_171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1"}</definedName>
    <definedName name="_171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0"}</definedName>
    <definedName name="_171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9"}</definedName>
    <definedName name="_171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8"}</definedName>
    <definedName name="_171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7"}</definedName>
    <definedName name="_171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6"}</definedName>
    <definedName name="_171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5"}</definedName>
    <definedName name="_171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4"}</definedName>
    <definedName name="_171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3"}</definedName>
    <definedName name="_171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2"}</definedName>
    <definedName name="_17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1"}</definedName>
    <definedName name="_171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1"}</definedName>
    <definedName name="_171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0"}</definedName>
    <definedName name="_171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9"}</definedName>
    <definedName name="_171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8"}</definedName>
    <definedName name="_171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7"}</definedName>
    <definedName name="_171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6"}</definedName>
    <definedName name="_171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5"}</definedName>
    <definedName name="_171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4"}</definedName>
    <definedName name="_171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3"}</definedName>
    <definedName name="_171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2"}</definedName>
    <definedName name="_1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7"}</definedName>
    <definedName name="_17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0"}</definedName>
    <definedName name="_172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1"}</definedName>
    <definedName name="_172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0"}</definedName>
    <definedName name="_172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9"}</definedName>
    <definedName name="_172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8"}</definedName>
    <definedName name="_172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7"}</definedName>
    <definedName name="_172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6"}</definedName>
    <definedName name="_172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5"}</definedName>
    <definedName name="_172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4"}</definedName>
    <definedName name="_172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3"}</definedName>
    <definedName name="_172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2"}</definedName>
    <definedName name="_17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9"}</definedName>
    <definedName name="_172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1"}</definedName>
    <definedName name="_172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0"}</definedName>
    <definedName name="_172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9"}</definedName>
    <definedName name="_172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8"}</definedName>
    <definedName name="_172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7"}</definedName>
    <definedName name="_172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6"}</definedName>
    <definedName name="_172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5"}</definedName>
    <definedName name="_172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4"}</definedName>
    <definedName name="_172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3"}</definedName>
    <definedName name="_172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2"}</definedName>
    <definedName name="_17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8"}</definedName>
    <definedName name="_172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1"}</definedName>
    <definedName name="_172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0"}</definedName>
    <definedName name="_172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9"}</definedName>
    <definedName name="_172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8"}</definedName>
    <definedName name="_172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7"}</definedName>
    <definedName name="_172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6"}</definedName>
    <definedName name="_172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5"}</definedName>
    <definedName name="_172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4"}</definedName>
    <definedName name="_172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3"}</definedName>
    <definedName name="_172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2"}</definedName>
    <definedName name="_17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7"}</definedName>
    <definedName name="_172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1"}</definedName>
    <definedName name="_172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0"}</definedName>
    <definedName name="_172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9"}</definedName>
    <definedName name="_172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8"}</definedName>
    <definedName name="_172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7"}</definedName>
    <definedName name="_172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6"}</definedName>
    <definedName name="_172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5"}</definedName>
    <definedName name="_172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4"}</definedName>
    <definedName name="_172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3"}</definedName>
    <definedName name="_172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2"}</definedName>
    <definedName name="_17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6"}</definedName>
    <definedName name="_172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1"}</definedName>
    <definedName name="_172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0"}</definedName>
    <definedName name="_172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9"}</definedName>
    <definedName name="_172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8"}</definedName>
    <definedName name="_172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7"}</definedName>
    <definedName name="_172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6"}</definedName>
    <definedName name="_172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5"}</definedName>
    <definedName name="_172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4"}</definedName>
    <definedName name="_172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3"}</definedName>
    <definedName name="_172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2"}</definedName>
    <definedName name="_17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5"}</definedName>
    <definedName name="_172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1"}</definedName>
    <definedName name="_172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0"}</definedName>
    <definedName name="_172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9"}</definedName>
    <definedName name="_172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8"}</definedName>
    <definedName name="_172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7"}</definedName>
    <definedName name="_172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6"}</definedName>
    <definedName name="_172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5"}</definedName>
    <definedName name="_172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4"}</definedName>
    <definedName name="_172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3"}</definedName>
    <definedName name="_172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2"}</definedName>
    <definedName name="_17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4"}</definedName>
    <definedName name="_172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1"}</definedName>
    <definedName name="_172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0"}</definedName>
    <definedName name="_172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9"}</definedName>
    <definedName name="_172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8"}</definedName>
    <definedName name="_172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7"}</definedName>
    <definedName name="_172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6"}</definedName>
    <definedName name="_172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5"}</definedName>
    <definedName name="_172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4"}</definedName>
    <definedName name="_172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3"}</definedName>
    <definedName name="_172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2"}</definedName>
    <definedName name="_17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3"}</definedName>
    <definedName name="_172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1"}</definedName>
    <definedName name="_172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0"}</definedName>
    <definedName name="_172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9"}</definedName>
    <definedName name="_172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8"}</definedName>
    <definedName name="_172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7"}</definedName>
    <definedName name="_172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6"}</definedName>
    <definedName name="_172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5"}</definedName>
    <definedName name="_172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4"}</definedName>
    <definedName name="_172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3"}</definedName>
    <definedName name="_172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2"}</definedName>
    <definedName name="_17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2"}</definedName>
    <definedName name="_172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1"}</definedName>
    <definedName name="_172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0"}</definedName>
    <definedName name="_172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9"}</definedName>
    <definedName name="_172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8"}</definedName>
    <definedName name="_172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7"}</definedName>
    <definedName name="_172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6"}</definedName>
    <definedName name="_172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5"}</definedName>
    <definedName name="_172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4"}</definedName>
    <definedName name="_172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3"}</definedName>
    <definedName name="_172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2"}</definedName>
    <definedName name="_17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1"}</definedName>
    <definedName name="_172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1"}</definedName>
    <definedName name="_172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0"}</definedName>
    <definedName name="_172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9"}</definedName>
    <definedName name="_172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8"}</definedName>
    <definedName name="_172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7"}</definedName>
    <definedName name="_172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6"}</definedName>
    <definedName name="_172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5"}</definedName>
    <definedName name="_172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4"}</definedName>
    <definedName name="_172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3"}</definedName>
    <definedName name="_172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2"}</definedName>
    <definedName name="_1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6"}</definedName>
    <definedName name="_17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0"}</definedName>
    <definedName name="_173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1"}</definedName>
    <definedName name="_173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0"}</definedName>
    <definedName name="_173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9"}</definedName>
    <definedName name="_173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8"}</definedName>
    <definedName name="_173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7"}</definedName>
    <definedName name="_173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6"}</definedName>
    <definedName name="_173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5"}</definedName>
    <definedName name="_173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4"}</definedName>
    <definedName name="_173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3"}</definedName>
    <definedName name="_173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2"}</definedName>
    <definedName name="_17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9"}</definedName>
    <definedName name="_173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1"}</definedName>
    <definedName name="_173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0"}</definedName>
    <definedName name="_173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9"}</definedName>
    <definedName name="_173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8"}</definedName>
    <definedName name="_173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7"}</definedName>
    <definedName name="_173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6"}</definedName>
    <definedName name="_173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5"}</definedName>
    <definedName name="_173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4"}</definedName>
    <definedName name="_173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3"}</definedName>
    <definedName name="_173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2"}</definedName>
    <definedName name="_17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8"}</definedName>
    <definedName name="_173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1"}</definedName>
    <definedName name="_173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0"}</definedName>
    <definedName name="_173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9"}</definedName>
    <definedName name="_173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8"}</definedName>
    <definedName name="_173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7"}</definedName>
    <definedName name="_173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6"}</definedName>
    <definedName name="_173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5"}</definedName>
    <definedName name="_173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4"}</definedName>
    <definedName name="_173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3"}</definedName>
    <definedName name="_173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2"}</definedName>
    <definedName name="_17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7"}</definedName>
    <definedName name="_173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1"}</definedName>
    <definedName name="_173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0"}</definedName>
    <definedName name="_173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9"}</definedName>
    <definedName name="_173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8"}</definedName>
    <definedName name="_173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7"}</definedName>
    <definedName name="_173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6"}</definedName>
    <definedName name="_173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5"}</definedName>
    <definedName name="_173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4"}</definedName>
    <definedName name="_173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3"}</definedName>
    <definedName name="_173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2"}</definedName>
    <definedName name="_17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6"}</definedName>
    <definedName name="_173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1"}</definedName>
    <definedName name="_173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0"}</definedName>
    <definedName name="_173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9"}</definedName>
    <definedName name="_173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8"}</definedName>
    <definedName name="_173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7"}</definedName>
    <definedName name="_173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6"}</definedName>
    <definedName name="_173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5"}</definedName>
    <definedName name="_173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4"}</definedName>
    <definedName name="_173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3"}</definedName>
    <definedName name="_173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2"}</definedName>
    <definedName name="_17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5"}</definedName>
    <definedName name="_173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1"}</definedName>
    <definedName name="_173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0"}</definedName>
    <definedName name="_173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9"}</definedName>
    <definedName name="_173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8"}</definedName>
    <definedName name="_173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7"}</definedName>
    <definedName name="_173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6"}</definedName>
    <definedName name="_173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5"}</definedName>
    <definedName name="_173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4"}</definedName>
    <definedName name="_173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3"}</definedName>
    <definedName name="_173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2"}</definedName>
    <definedName name="_17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4"}</definedName>
    <definedName name="_173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1"}</definedName>
    <definedName name="_173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0"}</definedName>
    <definedName name="_173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9"}</definedName>
    <definedName name="_173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8"}</definedName>
    <definedName name="_173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7"}</definedName>
    <definedName name="_173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6"}</definedName>
    <definedName name="_173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5"}</definedName>
    <definedName name="_173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4"}</definedName>
    <definedName name="_173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3"}</definedName>
    <definedName name="_173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2"}</definedName>
    <definedName name="_17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3"}</definedName>
    <definedName name="_173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1"}</definedName>
    <definedName name="_173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0"}</definedName>
    <definedName name="_173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9"}</definedName>
    <definedName name="_173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8"}</definedName>
    <definedName name="_173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7"}</definedName>
    <definedName name="_173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6"}</definedName>
    <definedName name="_173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5"}</definedName>
    <definedName name="_173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4"}</definedName>
    <definedName name="_173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3"}</definedName>
    <definedName name="_173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2"}</definedName>
    <definedName name="_17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2"}</definedName>
    <definedName name="_173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1"}</definedName>
    <definedName name="_173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0"}</definedName>
    <definedName name="_1738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9"}</definedName>
    <definedName name="_1738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8"}</definedName>
    <definedName name="_1738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7"}</definedName>
    <definedName name="_1738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6"}</definedName>
    <definedName name="_1738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5"}</definedName>
    <definedName name="_1738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4"}</definedName>
    <definedName name="_1738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3"}</definedName>
    <definedName name="_1738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2"}</definedName>
    <definedName name="_17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1"}</definedName>
    <definedName name="_1739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1"}</definedName>
    <definedName name="_1739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0"}</definedName>
    <definedName name="_1739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9"}</definedName>
    <definedName name="_1739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8"}</definedName>
    <definedName name="_1739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7"}</definedName>
    <definedName name="_1739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6"}</definedName>
    <definedName name="_1739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5"}</definedName>
    <definedName name="_1739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4"}</definedName>
    <definedName name="_1739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3"}</definedName>
    <definedName name="_1739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2"}</definedName>
    <definedName name="_1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5"}</definedName>
    <definedName name="_17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0"}</definedName>
    <definedName name="_1740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1"}</definedName>
    <definedName name="_1740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0"}</definedName>
    <definedName name="_1740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9"}</definedName>
    <definedName name="_1740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8"}</definedName>
    <definedName name="_1740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7"}</definedName>
    <definedName name="_1740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6"}</definedName>
    <definedName name="_1740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5"}</definedName>
    <definedName name="_1740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4"}</definedName>
    <definedName name="_1740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3"}</definedName>
    <definedName name="_1740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2"}</definedName>
    <definedName name="_17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9"}</definedName>
    <definedName name="_1741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1"}</definedName>
    <definedName name="_1741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0"}</definedName>
    <definedName name="_1741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9"}</definedName>
    <definedName name="_1741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8"}</definedName>
    <definedName name="_1741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7"}</definedName>
    <definedName name="_1741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6"}</definedName>
    <definedName name="_1741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5"}</definedName>
    <definedName name="_1741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4"}</definedName>
    <definedName name="_1741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3"}</definedName>
    <definedName name="_1741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2"}</definedName>
    <definedName name="_17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8"}</definedName>
    <definedName name="_1742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1"}</definedName>
    <definedName name="_1742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0"}</definedName>
    <definedName name="_1742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9"}</definedName>
    <definedName name="_1742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8"}</definedName>
    <definedName name="_1742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7"}</definedName>
    <definedName name="_1742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6"}</definedName>
    <definedName name="_1742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5"}</definedName>
    <definedName name="_1742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4"}</definedName>
    <definedName name="_1742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3"}</definedName>
    <definedName name="_1742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2"}</definedName>
    <definedName name="_17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7"}</definedName>
    <definedName name="_1743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1"}</definedName>
    <definedName name="_1743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0"}</definedName>
    <definedName name="_1743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9"}</definedName>
    <definedName name="_1743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8"}</definedName>
    <definedName name="_1743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7"}</definedName>
    <definedName name="_1743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6"}</definedName>
    <definedName name="_1743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5"}</definedName>
    <definedName name="_1743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4"}</definedName>
    <definedName name="_1743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3"}</definedName>
    <definedName name="_1743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2"}</definedName>
    <definedName name="_17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6"}</definedName>
    <definedName name="_1744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1"}</definedName>
    <definedName name="_1744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0"}</definedName>
    <definedName name="_1744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9"}</definedName>
    <definedName name="_1744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8"}</definedName>
    <definedName name="_1744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7"}</definedName>
    <definedName name="_1744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6"}</definedName>
    <definedName name="_1744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5"}</definedName>
    <definedName name="_1744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4"}</definedName>
    <definedName name="_1744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3"}</definedName>
    <definedName name="_1744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2"}</definedName>
    <definedName name="_17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5"}</definedName>
    <definedName name="_1745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1"}</definedName>
    <definedName name="_1745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0"}</definedName>
    <definedName name="_1745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9"}</definedName>
    <definedName name="_1745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8"}</definedName>
    <definedName name="_1745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7"}</definedName>
    <definedName name="_1745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6"}</definedName>
    <definedName name="_1745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5"}</definedName>
    <definedName name="_1745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4"}</definedName>
    <definedName name="_1745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3"}</definedName>
    <definedName name="_1745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2"}</definedName>
    <definedName name="_17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4"}</definedName>
    <definedName name="_1746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1"}</definedName>
    <definedName name="_1746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0"}</definedName>
    <definedName name="_1746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9"}</definedName>
    <definedName name="_1746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8"}</definedName>
    <definedName name="_1746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7"}</definedName>
    <definedName name="_1746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6"}</definedName>
    <definedName name="_1746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5"}</definedName>
    <definedName name="_1746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4"}</definedName>
    <definedName name="_1746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3"}</definedName>
    <definedName name="_1746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2"}</definedName>
    <definedName name="_17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3"}</definedName>
    <definedName name="_1747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1"}</definedName>
    <definedName name="_1747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0"}</definedName>
    <definedName name="_17472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9"}</definedName>
    <definedName name="_17473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8"}</definedName>
    <definedName name="_17474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7"}</definedName>
    <definedName name="_17475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6"}</definedName>
    <definedName name="_17476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5"}</definedName>
    <definedName name="_17477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4"}</definedName>
    <definedName name="_17478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3"}</definedName>
    <definedName name="_17479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2"}</definedName>
    <definedName name="_17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2"}</definedName>
    <definedName name="_17480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1"}</definedName>
    <definedName name="_17481__FDSAUDITLINK__" hidden="1">{"fdsup://directions/FAT Viewer?action=UPDATE&amp;creator=factset&amp;DYN_ARGS=TRUE&amp;DOC_NAME=FAT:FQL_AUDITING_CLIENT_TEMPLATE.FAT&amp;display_string=Audit&amp;VAR:KEY=BSVSZUPYJU&amp;VAR:QUERY=RkZfRU5UUlBSX1ZBTF9EQUlMWSgtMkFZLDQxMDY2LEQsLCwnRElMJyk=&amp;WINDOW=FIRST_POPUP&amp;HEIGHT=45","0&amp;WIDTH=450&amp;START_MAXIMIZED=FALSE&amp;VAR:CALENDAR=US&amp;VAR:SYMBOL=B07C79&amp;VAR:INDEX=0"}</definedName>
    <definedName name="_174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6"}</definedName>
    <definedName name="_174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5"}</definedName>
    <definedName name="_174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4"}</definedName>
    <definedName name="_174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3"}</definedName>
    <definedName name="_174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2"}</definedName>
    <definedName name="_174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1"}</definedName>
    <definedName name="_174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0"}</definedName>
    <definedName name="_174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9"}</definedName>
    <definedName name="_17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1"}</definedName>
    <definedName name="_174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8"}</definedName>
    <definedName name="_174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7"}</definedName>
    <definedName name="_174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6"}</definedName>
    <definedName name="_174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5"}</definedName>
    <definedName name="_174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4"}</definedName>
    <definedName name="_174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3"}</definedName>
    <definedName name="_174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2"}</definedName>
    <definedName name="_174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1"}</definedName>
    <definedName name="_174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0"}</definedName>
    <definedName name="_174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9"}</definedName>
    <definedName name="_1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4"}</definedName>
    <definedName name="_17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0"}</definedName>
    <definedName name="_175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8"}</definedName>
    <definedName name="_175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7"}</definedName>
    <definedName name="_175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6"}</definedName>
    <definedName name="_175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5"}</definedName>
    <definedName name="_175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4"}</definedName>
    <definedName name="_175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3"}</definedName>
    <definedName name="_175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2"}</definedName>
    <definedName name="_175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1"}</definedName>
    <definedName name="_175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0"}</definedName>
    <definedName name="_175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9"}</definedName>
    <definedName name="_17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9"}</definedName>
    <definedName name="_175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8"}</definedName>
    <definedName name="_175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7"}</definedName>
    <definedName name="_175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6"}</definedName>
    <definedName name="_175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5"}</definedName>
    <definedName name="_175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4"}</definedName>
    <definedName name="_175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3"}</definedName>
    <definedName name="_175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2"}</definedName>
    <definedName name="_175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1"}</definedName>
    <definedName name="_175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0"}</definedName>
    <definedName name="_175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9"}</definedName>
    <definedName name="_17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8"}</definedName>
    <definedName name="_175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8"}</definedName>
    <definedName name="_175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7"}</definedName>
    <definedName name="_175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6"}</definedName>
    <definedName name="_175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5"}</definedName>
    <definedName name="_175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4"}</definedName>
    <definedName name="_175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3"}</definedName>
    <definedName name="_175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2"}</definedName>
    <definedName name="_175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1"}</definedName>
    <definedName name="_175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0"}</definedName>
    <definedName name="_175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9"}</definedName>
    <definedName name="_17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7"}</definedName>
    <definedName name="_175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8"}</definedName>
    <definedName name="_175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7"}</definedName>
    <definedName name="_175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6"}</definedName>
    <definedName name="_175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5"}</definedName>
    <definedName name="_175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4"}</definedName>
    <definedName name="_175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3"}</definedName>
    <definedName name="_175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2"}</definedName>
    <definedName name="_175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1"}</definedName>
    <definedName name="_175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0"}</definedName>
    <definedName name="_175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9"}</definedName>
    <definedName name="_17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6"}</definedName>
    <definedName name="_175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8"}</definedName>
    <definedName name="_175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7"}</definedName>
    <definedName name="_175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6"}</definedName>
    <definedName name="_175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5"}</definedName>
    <definedName name="_175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4"}</definedName>
    <definedName name="_175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3"}</definedName>
    <definedName name="_175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2"}</definedName>
    <definedName name="_175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1"}</definedName>
    <definedName name="_175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0"}</definedName>
    <definedName name="_175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9"}</definedName>
    <definedName name="_17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5"}</definedName>
    <definedName name="_175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8"}</definedName>
    <definedName name="_175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7"}</definedName>
    <definedName name="_175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6"}</definedName>
    <definedName name="_175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5"}</definedName>
    <definedName name="_175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4"}</definedName>
    <definedName name="_175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3"}</definedName>
    <definedName name="_175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2"}</definedName>
    <definedName name="_175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1"}</definedName>
    <definedName name="_175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0"}</definedName>
    <definedName name="_175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9"}</definedName>
    <definedName name="_17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4"}</definedName>
    <definedName name="_175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8"}</definedName>
    <definedName name="_175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7"}</definedName>
    <definedName name="_175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6"}</definedName>
    <definedName name="_175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5"}</definedName>
    <definedName name="_175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4"}</definedName>
    <definedName name="_175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3"}</definedName>
    <definedName name="_175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2"}</definedName>
    <definedName name="_175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1"}</definedName>
    <definedName name="_175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0"}</definedName>
    <definedName name="_175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9"}</definedName>
    <definedName name="_17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3"}</definedName>
    <definedName name="_175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8"}</definedName>
    <definedName name="_175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7"}</definedName>
    <definedName name="_175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6"}</definedName>
    <definedName name="_175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5"}</definedName>
    <definedName name="_175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4"}</definedName>
    <definedName name="_175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3"}</definedName>
    <definedName name="_175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2"}</definedName>
    <definedName name="_175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1"}</definedName>
    <definedName name="_175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0"}</definedName>
    <definedName name="_175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9"}</definedName>
    <definedName name="_17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2"}</definedName>
    <definedName name="_175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8"}</definedName>
    <definedName name="_175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7"}</definedName>
    <definedName name="_175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6"}</definedName>
    <definedName name="_175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5"}</definedName>
    <definedName name="_175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4"}</definedName>
    <definedName name="_175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3"}</definedName>
    <definedName name="_175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2"}</definedName>
    <definedName name="_175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1"}</definedName>
    <definedName name="_175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0"}</definedName>
    <definedName name="_175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9"}</definedName>
    <definedName name="_17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1"}</definedName>
    <definedName name="_175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8"}</definedName>
    <definedName name="_175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7"}</definedName>
    <definedName name="_175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6"}</definedName>
    <definedName name="_175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5"}</definedName>
    <definedName name="_175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4"}</definedName>
    <definedName name="_175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3"}</definedName>
    <definedName name="_175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2"}</definedName>
    <definedName name="_175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1"}</definedName>
    <definedName name="_175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0"}</definedName>
    <definedName name="_175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9"}</definedName>
    <definedName name="_1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3"}</definedName>
    <definedName name="_17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0"}</definedName>
    <definedName name="_176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8"}</definedName>
    <definedName name="_176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7"}</definedName>
    <definedName name="_176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6"}</definedName>
    <definedName name="_176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5"}</definedName>
    <definedName name="_176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4"}</definedName>
    <definedName name="_176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3"}</definedName>
    <definedName name="_176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2"}</definedName>
    <definedName name="_176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1"}</definedName>
    <definedName name="_176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0"}</definedName>
    <definedName name="_176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9"}</definedName>
    <definedName name="_17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9"}</definedName>
    <definedName name="_176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8"}</definedName>
    <definedName name="_176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7"}</definedName>
    <definedName name="_176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6"}</definedName>
    <definedName name="_176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5"}</definedName>
    <definedName name="_176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4"}</definedName>
    <definedName name="_176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3"}</definedName>
    <definedName name="_176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2"}</definedName>
    <definedName name="_176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1"}</definedName>
    <definedName name="_176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0"}</definedName>
    <definedName name="_176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9"}</definedName>
    <definedName name="_17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8"}</definedName>
    <definedName name="_176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8"}</definedName>
    <definedName name="_176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7"}</definedName>
    <definedName name="_176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6"}</definedName>
    <definedName name="_176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5"}</definedName>
    <definedName name="_176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4"}</definedName>
    <definedName name="_176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3"}</definedName>
    <definedName name="_176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2"}</definedName>
    <definedName name="_176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1"}</definedName>
    <definedName name="_176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0"}</definedName>
    <definedName name="_176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9"}</definedName>
    <definedName name="_17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7"}</definedName>
    <definedName name="_176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8"}</definedName>
    <definedName name="_176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7"}</definedName>
    <definedName name="_176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6"}</definedName>
    <definedName name="_176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5"}</definedName>
    <definedName name="_176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4"}</definedName>
    <definedName name="_176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3"}</definedName>
    <definedName name="_176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2"}</definedName>
    <definedName name="_176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1"}</definedName>
    <definedName name="_176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0"}</definedName>
    <definedName name="_176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9"}</definedName>
    <definedName name="_17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6"}</definedName>
    <definedName name="_176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8"}</definedName>
    <definedName name="_176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7"}</definedName>
    <definedName name="_176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6"}</definedName>
    <definedName name="_176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5"}</definedName>
    <definedName name="_176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4"}</definedName>
    <definedName name="_176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3"}</definedName>
    <definedName name="_176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2"}</definedName>
    <definedName name="_176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1"}</definedName>
    <definedName name="_176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0"}</definedName>
    <definedName name="_176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9"}</definedName>
    <definedName name="_17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5"}</definedName>
    <definedName name="_176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8"}</definedName>
    <definedName name="_176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7"}</definedName>
    <definedName name="_176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6"}</definedName>
    <definedName name="_176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5"}</definedName>
    <definedName name="_176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4"}</definedName>
    <definedName name="_176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3"}</definedName>
    <definedName name="_176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2"}</definedName>
    <definedName name="_176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1"}</definedName>
    <definedName name="_176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0"}</definedName>
    <definedName name="_176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9"}</definedName>
    <definedName name="_17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4"}</definedName>
    <definedName name="_176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8"}</definedName>
    <definedName name="_176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7"}</definedName>
    <definedName name="_176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6"}</definedName>
    <definedName name="_176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5"}</definedName>
    <definedName name="_176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4"}</definedName>
    <definedName name="_176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3"}</definedName>
    <definedName name="_176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2"}</definedName>
    <definedName name="_176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1"}</definedName>
    <definedName name="_176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0"}</definedName>
    <definedName name="_176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9"}</definedName>
    <definedName name="_17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3"}</definedName>
    <definedName name="_176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8"}</definedName>
    <definedName name="_176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7"}</definedName>
    <definedName name="_176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6"}</definedName>
    <definedName name="_176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5"}</definedName>
    <definedName name="_176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4"}</definedName>
    <definedName name="_176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3"}</definedName>
    <definedName name="_176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2"}</definedName>
    <definedName name="_176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1"}</definedName>
    <definedName name="_176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0"}</definedName>
    <definedName name="_176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9"}</definedName>
    <definedName name="_17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2"}</definedName>
    <definedName name="_176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8"}</definedName>
    <definedName name="_176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7"}</definedName>
    <definedName name="_176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6"}</definedName>
    <definedName name="_176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5"}</definedName>
    <definedName name="_176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4"}</definedName>
    <definedName name="_176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3"}</definedName>
    <definedName name="_176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2"}</definedName>
    <definedName name="_176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1"}</definedName>
    <definedName name="_176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0"}</definedName>
    <definedName name="_176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9"}</definedName>
    <definedName name="_17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1"}</definedName>
    <definedName name="_176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8"}</definedName>
    <definedName name="_176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7"}</definedName>
    <definedName name="_176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6"}</definedName>
    <definedName name="_176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5"}</definedName>
    <definedName name="_176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4"}</definedName>
    <definedName name="_176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3"}</definedName>
    <definedName name="_176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2"}</definedName>
    <definedName name="_176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1"}</definedName>
    <definedName name="_176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0"}</definedName>
    <definedName name="_176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9"}</definedName>
    <definedName name="_1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2"}</definedName>
    <definedName name="_17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0"}</definedName>
    <definedName name="_177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8"}</definedName>
    <definedName name="_177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7"}</definedName>
    <definedName name="_177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6"}</definedName>
    <definedName name="_177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5"}</definedName>
    <definedName name="_177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4"}</definedName>
    <definedName name="_177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3"}</definedName>
    <definedName name="_177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2"}</definedName>
    <definedName name="_177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1"}</definedName>
    <definedName name="_177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0"}</definedName>
    <definedName name="_177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9"}</definedName>
    <definedName name="_17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9"}</definedName>
    <definedName name="_177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8"}</definedName>
    <definedName name="_177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7"}</definedName>
    <definedName name="_177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6"}</definedName>
    <definedName name="_177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5"}</definedName>
    <definedName name="_177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4"}</definedName>
    <definedName name="_177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3"}</definedName>
    <definedName name="_177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2"}</definedName>
    <definedName name="_177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1"}</definedName>
    <definedName name="_177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0"}</definedName>
    <definedName name="_177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9"}</definedName>
    <definedName name="_17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8"}</definedName>
    <definedName name="_177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8"}</definedName>
    <definedName name="_177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7"}</definedName>
    <definedName name="_177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6"}</definedName>
    <definedName name="_177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5"}</definedName>
    <definedName name="_177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4"}</definedName>
    <definedName name="_177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3"}</definedName>
    <definedName name="_177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2"}</definedName>
    <definedName name="_177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1"}</definedName>
    <definedName name="_177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0"}</definedName>
    <definedName name="_177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9"}</definedName>
    <definedName name="_17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7"}</definedName>
    <definedName name="_177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8"}</definedName>
    <definedName name="_177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7"}</definedName>
    <definedName name="_177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6"}</definedName>
    <definedName name="_177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5"}</definedName>
    <definedName name="_177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4"}</definedName>
    <definedName name="_177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3"}</definedName>
    <definedName name="_177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2"}</definedName>
    <definedName name="_177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1"}</definedName>
    <definedName name="_177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0"}</definedName>
    <definedName name="_177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9"}</definedName>
    <definedName name="_17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6"}</definedName>
    <definedName name="_177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8"}</definedName>
    <definedName name="_177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7"}</definedName>
    <definedName name="_177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6"}</definedName>
    <definedName name="_177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5"}</definedName>
    <definedName name="_177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4"}</definedName>
    <definedName name="_177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3"}</definedName>
    <definedName name="_177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2"}</definedName>
    <definedName name="_177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1"}</definedName>
    <definedName name="_177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0"}</definedName>
    <definedName name="_177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9"}</definedName>
    <definedName name="_17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5"}</definedName>
    <definedName name="_177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8"}</definedName>
    <definedName name="_177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7"}</definedName>
    <definedName name="_177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6"}</definedName>
    <definedName name="_177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5"}</definedName>
    <definedName name="_177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4"}</definedName>
    <definedName name="_177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3"}</definedName>
    <definedName name="_177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2"}</definedName>
    <definedName name="_177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1"}</definedName>
    <definedName name="_177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0"}</definedName>
    <definedName name="_177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9"}</definedName>
    <definedName name="_17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4"}</definedName>
    <definedName name="_177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8"}</definedName>
    <definedName name="_177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7"}</definedName>
    <definedName name="_177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6"}</definedName>
    <definedName name="_177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5"}</definedName>
    <definedName name="_177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4"}</definedName>
    <definedName name="_177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3"}</definedName>
    <definedName name="_177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2"}</definedName>
    <definedName name="_177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1"}</definedName>
    <definedName name="_177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0"}</definedName>
    <definedName name="_177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9"}</definedName>
    <definedName name="_17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3"}</definedName>
    <definedName name="_177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8"}</definedName>
    <definedName name="_177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7"}</definedName>
    <definedName name="_177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6"}</definedName>
    <definedName name="_177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5"}</definedName>
    <definedName name="_177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4"}</definedName>
    <definedName name="_177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3"}</definedName>
    <definedName name="_177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2"}</definedName>
    <definedName name="_177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1"}</definedName>
    <definedName name="_177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0"}</definedName>
    <definedName name="_177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9"}</definedName>
    <definedName name="_17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2"}</definedName>
    <definedName name="_177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8"}</definedName>
    <definedName name="_177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7"}</definedName>
    <definedName name="_177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6"}</definedName>
    <definedName name="_177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5"}</definedName>
    <definedName name="_177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4"}</definedName>
    <definedName name="_177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3"}</definedName>
    <definedName name="_177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2"}</definedName>
    <definedName name="_177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1"}</definedName>
    <definedName name="_177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0"}</definedName>
    <definedName name="_177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9"}</definedName>
    <definedName name="_17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1"}</definedName>
    <definedName name="_177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8"}</definedName>
    <definedName name="_177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7"}</definedName>
    <definedName name="_177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6"}</definedName>
    <definedName name="_177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5"}</definedName>
    <definedName name="_177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4"}</definedName>
    <definedName name="_177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3"}</definedName>
    <definedName name="_177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2"}</definedName>
    <definedName name="_177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1"}</definedName>
    <definedName name="_177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0"}</definedName>
    <definedName name="_177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9"}</definedName>
    <definedName name="_1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1"}</definedName>
    <definedName name="_17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0"}</definedName>
    <definedName name="_178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8"}</definedName>
    <definedName name="_178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7"}</definedName>
    <definedName name="_178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6"}</definedName>
    <definedName name="_178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5"}</definedName>
    <definedName name="_178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4"}</definedName>
    <definedName name="_178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3"}</definedName>
    <definedName name="_178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2"}</definedName>
    <definedName name="_178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1"}</definedName>
    <definedName name="_178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0"}</definedName>
    <definedName name="_178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9"}</definedName>
    <definedName name="_17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9"}</definedName>
    <definedName name="_178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8"}</definedName>
    <definedName name="_178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7"}</definedName>
    <definedName name="_178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6"}</definedName>
    <definedName name="_178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5"}</definedName>
    <definedName name="_178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4"}</definedName>
    <definedName name="_178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3"}</definedName>
    <definedName name="_178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2"}</definedName>
    <definedName name="_178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1"}</definedName>
    <definedName name="_178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0"}</definedName>
    <definedName name="_178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9"}</definedName>
    <definedName name="_17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8"}</definedName>
    <definedName name="_178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8"}</definedName>
    <definedName name="_178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7"}</definedName>
    <definedName name="_178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6"}</definedName>
    <definedName name="_178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5"}</definedName>
    <definedName name="_178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4"}</definedName>
    <definedName name="_178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3"}</definedName>
    <definedName name="_178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2"}</definedName>
    <definedName name="_178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1"}</definedName>
    <definedName name="_178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0"}</definedName>
    <definedName name="_178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9"}</definedName>
    <definedName name="_17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7"}</definedName>
    <definedName name="_178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8"}</definedName>
    <definedName name="_178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7"}</definedName>
    <definedName name="_178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6"}</definedName>
    <definedName name="_178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5"}</definedName>
    <definedName name="_178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4"}</definedName>
    <definedName name="_178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3"}</definedName>
    <definedName name="_178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2"}</definedName>
    <definedName name="_178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1"}</definedName>
    <definedName name="_178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0"}</definedName>
    <definedName name="_178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9"}</definedName>
    <definedName name="_17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6"}</definedName>
    <definedName name="_178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8"}</definedName>
    <definedName name="_178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7"}</definedName>
    <definedName name="_178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6"}</definedName>
    <definedName name="_178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5"}</definedName>
    <definedName name="_178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4"}</definedName>
    <definedName name="_178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3"}</definedName>
    <definedName name="_178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2"}</definedName>
    <definedName name="_178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1"}</definedName>
    <definedName name="_178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0"}</definedName>
    <definedName name="_178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9"}</definedName>
    <definedName name="_17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5"}</definedName>
    <definedName name="_178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8"}</definedName>
    <definedName name="_178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7"}</definedName>
    <definedName name="_178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6"}</definedName>
    <definedName name="_178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5"}</definedName>
    <definedName name="_178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4"}</definedName>
    <definedName name="_178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3"}</definedName>
    <definedName name="_178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2"}</definedName>
    <definedName name="_178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1"}</definedName>
    <definedName name="_178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0"}</definedName>
    <definedName name="_178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9"}</definedName>
    <definedName name="_17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4"}</definedName>
    <definedName name="_178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8"}</definedName>
    <definedName name="_178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7"}</definedName>
    <definedName name="_178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6"}</definedName>
    <definedName name="_178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5"}</definedName>
    <definedName name="_178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4"}</definedName>
    <definedName name="_178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3"}</definedName>
    <definedName name="_178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2"}</definedName>
    <definedName name="_178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1"}</definedName>
    <definedName name="_178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0"}</definedName>
    <definedName name="_178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9"}</definedName>
    <definedName name="_17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3"}</definedName>
    <definedName name="_178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8"}</definedName>
    <definedName name="_178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7"}</definedName>
    <definedName name="_178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6"}</definedName>
    <definedName name="_178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5"}</definedName>
    <definedName name="_178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4"}</definedName>
    <definedName name="_178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3"}</definedName>
    <definedName name="_178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2"}</definedName>
    <definedName name="_178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1"}</definedName>
    <definedName name="_178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0"}</definedName>
    <definedName name="_178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9"}</definedName>
    <definedName name="_17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2"}</definedName>
    <definedName name="_178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8"}</definedName>
    <definedName name="_178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7"}</definedName>
    <definedName name="_178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6"}</definedName>
    <definedName name="_178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5"}</definedName>
    <definedName name="_178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4"}</definedName>
    <definedName name="_178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3"}</definedName>
    <definedName name="_178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2"}</definedName>
    <definedName name="_178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1"}</definedName>
    <definedName name="_178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0"}</definedName>
    <definedName name="_1788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9"}</definedName>
    <definedName name="_17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1"}</definedName>
    <definedName name="_1789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8"}</definedName>
    <definedName name="_1789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7"}</definedName>
    <definedName name="_1789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6"}</definedName>
    <definedName name="_1789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5"}</definedName>
    <definedName name="_1789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4"}</definedName>
    <definedName name="_1789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3"}</definedName>
    <definedName name="_1789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2"}</definedName>
    <definedName name="_1789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1"}</definedName>
    <definedName name="_1789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0"}</definedName>
    <definedName name="_1789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9"}</definedName>
    <definedName name="_1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0"}</definedName>
    <definedName name="_17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0"}</definedName>
    <definedName name="_1790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8"}</definedName>
    <definedName name="_1790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7"}</definedName>
    <definedName name="_1790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6"}</definedName>
    <definedName name="_1790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5"}</definedName>
    <definedName name="_1790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4"}</definedName>
    <definedName name="_1790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3"}</definedName>
    <definedName name="_1790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2"}</definedName>
    <definedName name="_1790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1"}</definedName>
    <definedName name="_1790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0"}</definedName>
    <definedName name="_1790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9"}</definedName>
    <definedName name="_17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9"}</definedName>
    <definedName name="_1791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8"}</definedName>
    <definedName name="_1791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7"}</definedName>
    <definedName name="_1791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6"}</definedName>
    <definedName name="_1791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5"}</definedName>
    <definedName name="_1791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4"}</definedName>
    <definedName name="_1791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3"}</definedName>
    <definedName name="_1791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2"}</definedName>
    <definedName name="_1791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1"}</definedName>
    <definedName name="_1791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0"}</definedName>
    <definedName name="_1791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9"}</definedName>
    <definedName name="_17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8"}</definedName>
    <definedName name="_1792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8"}</definedName>
    <definedName name="_1792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7"}</definedName>
    <definedName name="_1792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6"}</definedName>
    <definedName name="_1792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5"}</definedName>
    <definedName name="_1792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4"}</definedName>
    <definedName name="_1792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3"}</definedName>
    <definedName name="_1792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2"}</definedName>
    <definedName name="_1792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1"}</definedName>
    <definedName name="_1792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0"}</definedName>
    <definedName name="_1792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9"}</definedName>
    <definedName name="_17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7"}</definedName>
    <definedName name="_1793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8"}</definedName>
    <definedName name="_1793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7"}</definedName>
    <definedName name="_1793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6"}</definedName>
    <definedName name="_1793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5"}</definedName>
    <definedName name="_1793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4"}</definedName>
    <definedName name="_1793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3"}</definedName>
    <definedName name="_1793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2"}</definedName>
    <definedName name="_1793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1"}</definedName>
    <definedName name="_1793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0"}</definedName>
    <definedName name="_1793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9"}</definedName>
    <definedName name="_17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6"}</definedName>
    <definedName name="_1794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8"}</definedName>
    <definedName name="_1794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7"}</definedName>
    <definedName name="_1794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6"}</definedName>
    <definedName name="_1794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5"}</definedName>
    <definedName name="_1794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4"}</definedName>
    <definedName name="_1794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3"}</definedName>
    <definedName name="_1794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2"}</definedName>
    <definedName name="_1794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1"}</definedName>
    <definedName name="_1794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0"}</definedName>
    <definedName name="_1794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9"}</definedName>
    <definedName name="_17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5"}</definedName>
    <definedName name="_1795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8"}</definedName>
    <definedName name="_1795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7"}</definedName>
    <definedName name="_1795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6"}</definedName>
    <definedName name="_1795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5"}</definedName>
    <definedName name="_1795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4"}</definedName>
    <definedName name="_1795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3"}</definedName>
    <definedName name="_1795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2"}</definedName>
    <definedName name="_1795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1"}</definedName>
    <definedName name="_1795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0"}</definedName>
    <definedName name="_1795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9"}</definedName>
    <definedName name="_17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4"}</definedName>
    <definedName name="_1796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8"}</definedName>
    <definedName name="_1796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7"}</definedName>
    <definedName name="_1796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6"}</definedName>
    <definedName name="_1796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5"}</definedName>
    <definedName name="_1796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4"}</definedName>
    <definedName name="_1796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3"}</definedName>
    <definedName name="_1796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2"}</definedName>
    <definedName name="_1796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1"}</definedName>
    <definedName name="_1796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0"}</definedName>
    <definedName name="_1796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9"}</definedName>
    <definedName name="_17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3"}</definedName>
    <definedName name="_1797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8"}</definedName>
    <definedName name="_1797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7"}</definedName>
    <definedName name="_1797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6"}</definedName>
    <definedName name="_1797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5"}</definedName>
    <definedName name="_1797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4"}</definedName>
    <definedName name="_1797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3"}</definedName>
    <definedName name="_1797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2"}</definedName>
    <definedName name="_1797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1"}</definedName>
    <definedName name="_1797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0"}</definedName>
    <definedName name="_17979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9"}</definedName>
    <definedName name="_17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2"}</definedName>
    <definedName name="_17980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8"}</definedName>
    <definedName name="_17981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7"}</definedName>
    <definedName name="_17982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6"}</definedName>
    <definedName name="_17983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5"}</definedName>
    <definedName name="_17984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4"}</definedName>
    <definedName name="_17985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3"}</definedName>
    <definedName name="_17986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2"}</definedName>
    <definedName name="_17987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1"}</definedName>
    <definedName name="_17988__FDSAUDITLINK__" hidden="1">{"fdsup://directions/FAT Viewer?action=UPDATE&amp;creator=factset&amp;DYN_ARGS=TRUE&amp;DOC_NAME=FAT:FQL_AUDITING_CLIENT_TEMPLATE.FAT&amp;display_string=Audit&amp;VAR:KEY=SBILWLCLWD&amp;VAR:QUERY=RkZfRU5UUlBSX1ZBTF9EQUlMWSgtMkFZLDQxMDY2LEQsLCwnRElMJyk=&amp;WINDOW=FIRST_POPUP&amp;HEIGHT=45","0&amp;WIDTH=450&amp;START_MAXIMIZED=FALSE&amp;VAR:CALENDAR=US&amp;VAR:SYMBOL=B2QY96&amp;VAR:INDEX=0"}</definedName>
    <definedName name="_179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6"}</definedName>
    <definedName name="_17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1"}</definedName>
    <definedName name="_179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5"}</definedName>
    <definedName name="_179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4"}</definedName>
    <definedName name="_179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3"}</definedName>
    <definedName name="_179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2"}</definedName>
    <definedName name="_179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1"}</definedName>
    <definedName name="_179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0"}</definedName>
    <definedName name="_179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8"}</definedName>
    <definedName name="_179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7"}</definedName>
    <definedName name="_179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6"}</definedName>
    <definedName name="_18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5"}</definedName>
    <definedName name="_1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9"}</definedName>
    <definedName name="_18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0"}</definedName>
    <definedName name="_180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5"}</definedName>
    <definedName name="_180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4"}</definedName>
    <definedName name="_180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3"}</definedName>
    <definedName name="_180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2"}</definedName>
    <definedName name="_180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1"}</definedName>
    <definedName name="_180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0"}</definedName>
    <definedName name="_180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9"}</definedName>
    <definedName name="_180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8"}</definedName>
    <definedName name="_180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7"}</definedName>
    <definedName name="_180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6"}</definedName>
    <definedName name="_18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9"}</definedName>
    <definedName name="_180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5"}</definedName>
    <definedName name="_180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4"}</definedName>
    <definedName name="_180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3"}</definedName>
    <definedName name="_180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2"}</definedName>
    <definedName name="_180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1"}</definedName>
    <definedName name="_180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0"}</definedName>
    <definedName name="_180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9"}</definedName>
    <definedName name="_180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8"}</definedName>
    <definedName name="_180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7"}</definedName>
    <definedName name="_180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6"}</definedName>
    <definedName name="_18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8"}</definedName>
    <definedName name="_180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5"}</definedName>
    <definedName name="_180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4"}</definedName>
    <definedName name="_180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3"}</definedName>
    <definedName name="_180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2"}</definedName>
    <definedName name="_180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1"}</definedName>
    <definedName name="_180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0"}</definedName>
    <definedName name="_180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9"}</definedName>
    <definedName name="_180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8"}</definedName>
    <definedName name="_180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7"}</definedName>
    <definedName name="_180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6"}</definedName>
    <definedName name="_18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7"}</definedName>
    <definedName name="_180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5"}</definedName>
    <definedName name="_180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4"}</definedName>
    <definedName name="_180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3"}</definedName>
    <definedName name="_180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2"}</definedName>
    <definedName name="_180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1"}</definedName>
    <definedName name="_180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0"}</definedName>
    <definedName name="_180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9"}</definedName>
    <definedName name="_180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8"}</definedName>
    <definedName name="_180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7"}</definedName>
    <definedName name="_180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6"}</definedName>
    <definedName name="_18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6"}</definedName>
    <definedName name="_180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5"}</definedName>
    <definedName name="_180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4"}</definedName>
    <definedName name="_180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3"}</definedName>
    <definedName name="_180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2"}</definedName>
    <definedName name="_180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1"}</definedName>
    <definedName name="_180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0"}</definedName>
    <definedName name="_180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9"}</definedName>
    <definedName name="_180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8"}</definedName>
    <definedName name="_180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7"}</definedName>
    <definedName name="_180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6"}</definedName>
    <definedName name="_18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5"}</definedName>
    <definedName name="_180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5"}</definedName>
    <definedName name="_180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4"}</definedName>
    <definedName name="_180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3"}</definedName>
    <definedName name="_180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2"}</definedName>
    <definedName name="_180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1"}</definedName>
    <definedName name="_180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0"}</definedName>
    <definedName name="_180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9"}</definedName>
    <definedName name="_180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8"}</definedName>
    <definedName name="_180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7"}</definedName>
    <definedName name="_180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6"}</definedName>
    <definedName name="_18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4"}</definedName>
    <definedName name="_180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5"}</definedName>
    <definedName name="_180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4"}</definedName>
    <definedName name="_180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3"}</definedName>
    <definedName name="_180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2"}</definedName>
    <definedName name="_180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1"}</definedName>
    <definedName name="_180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0"}</definedName>
    <definedName name="_180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9"}</definedName>
    <definedName name="_180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8"}</definedName>
    <definedName name="_180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7"}</definedName>
    <definedName name="_180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6"}</definedName>
    <definedName name="_18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3"}</definedName>
    <definedName name="_180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5"}</definedName>
    <definedName name="_180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4"}</definedName>
    <definedName name="_180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3"}</definedName>
    <definedName name="_180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2"}</definedName>
    <definedName name="_180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1"}</definedName>
    <definedName name="_180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0"}</definedName>
    <definedName name="_180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9"}</definedName>
    <definedName name="_180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8"}</definedName>
    <definedName name="_180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7"}</definedName>
    <definedName name="_180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6"}</definedName>
    <definedName name="_18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2"}</definedName>
    <definedName name="_180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5"}</definedName>
    <definedName name="_180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4"}</definedName>
    <definedName name="_180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3"}</definedName>
    <definedName name="_180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2"}</definedName>
    <definedName name="_180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1"}</definedName>
    <definedName name="_180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0"}</definedName>
    <definedName name="_180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9"}</definedName>
    <definedName name="_180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8"}</definedName>
    <definedName name="_180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7"}</definedName>
    <definedName name="_180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6"}</definedName>
    <definedName name="_18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1"}</definedName>
    <definedName name="_180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5"}</definedName>
    <definedName name="_180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4"}</definedName>
    <definedName name="_180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3"}</definedName>
    <definedName name="_180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2"}</definedName>
    <definedName name="_180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1"}</definedName>
    <definedName name="_180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0"}</definedName>
    <definedName name="_180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9"}</definedName>
    <definedName name="_180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8"}</definedName>
    <definedName name="_180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7"}</definedName>
    <definedName name="_180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6"}</definedName>
    <definedName name="_1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8"}</definedName>
    <definedName name="_18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0"}</definedName>
    <definedName name="_181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5"}</definedName>
    <definedName name="_181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4"}</definedName>
    <definedName name="_181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3"}</definedName>
    <definedName name="_181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2"}</definedName>
    <definedName name="_181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1"}</definedName>
    <definedName name="_181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0"}</definedName>
    <definedName name="_181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9"}</definedName>
    <definedName name="_181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8"}</definedName>
    <definedName name="_181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7"}</definedName>
    <definedName name="_181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6"}</definedName>
    <definedName name="_18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9"}</definedName>
    <definedName name="_181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5"}</definedName>
    <definedName name="_181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4"}</definedName>
    <definedName name="_181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3"}</definedName>
    <definedName name="_181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2"}</definedName>
    <definedName name="_181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1"}</definedName>
    <definedName name="_181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0"}</definedName>
    <definedName name="_181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9"}</definedName>
    <definedName name="_181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8"}</definedName>
    <definedName name="_181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7"}</definedName>
    <definedName name="_181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6"}</definedName>
    <definedName name="_18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8"}</definedName>
    <definedName name="_181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5"}</definedName>
    <definedName name="_181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4"}</definedName>
    <definedName name="_181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3"}</definedName>
    <definedName name="_181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2"}</definedName>
    <definedName name="_181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1"}</definedName>
    <definedName name="_181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0"}</definedName>
    <definedName name="_181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9"}</definedName>
    <definedName name="_181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8"}</definedName>
    <definedName name="_181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7"}</definedName>
    <definedName name="_181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6"}</definedName>
    <definedName name="_18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7"}</definedName>
    <definedName name="_181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5"}</definedName>
    <definedName name="_181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4"}</definedName>
    <definedName name="_181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3"}</definedName>
    <definedName name="_181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2"}</definedName>
    <definedName name="_181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1"}</definedName>
    <definedName name="_181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0"}</definedName>
    <definedName name="_181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9"}</definedName>
    <definedName name="_181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8"}</definedName>
    <definedName name="_181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7"}</definedName>
    <definedName name="_181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6"}</definedName>
    <definedName name="_18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6"}</definedName>
    <definedName name="_181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5"}</definedName>
    <definedName name="_181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4"}</definedName>
    <definedName name="_181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3"}</definedName>
    <definedName name="_181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2"}</definedName>
    <definedName name="_181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1"}</definedName>
    <definedName name="_181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0"}</definedName>
    <definedName name="_181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9"}</definedName>
    <definedName name="_181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8"}</definedName>
    <definedName name="_181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7"}</definedName>
    <definedName name="_181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6"}</definedName>
    <definedName name="_18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5"}</definedName>
    <definedName name="_181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5"}</definedName>
    <definedName name="_181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4"}</definedName>
    <definedName name="_181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3"}</definedName>
    <definedName name="_181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2"}</definedName>
    <definedName name="_181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1"}</definedName>
    <definedName name="_181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0"}</definedName>
    <definedName name="_181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9"}</definedName>
    <definedName name="_181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8"}</definedName>
    <definedName name="_181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7"}</definedName>
    <definedName name="_181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6"}</definedName>
    <definedName name="_18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4"}</definedName>
    <definedName name="_181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5"}</definedName>
    <definedName name="_181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4"}</definedName>
    <definedName name="_181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3"}</definedName>
    <definedName name="_181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2"}</definedName>
    <definedName name="_181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1"}</definedName>
    <definedName name="_181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0"}</definedName>
    <definedName name="_181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9"}</definedName>
    <definedName name="_181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8"}</definedName>
    <definedName name="_181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7"}</definedName>
    <definedName name="_181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6"}</definedName>
    <definedName name="_18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3"}</definedName>
    <definedName name="_181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5"}</definedName>
    <definedName name="_181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4"}</definedName>
    <definedName name="_181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3"}</definedName>
    <definedName name="_181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2"}</definedName>
    <definedName name="_181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1"}</definedName>
    <definedName name="_181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0"}</definedName>
    <definedName name="_181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9"}</definedName>
    <definedName name="_181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8"}</definedName>
    <definedName name="_181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7"}</definedName>
    <definedName name="_181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6"}</definedName>
    <definedName name="_18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2"}</definedName>
    <definedName name="_181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5"}</definedName>
    <definedName name="_181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4"}</definedName>
    <definedName name="_181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3"}</definedName>
    <definedName name="_181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2"}</definedName>
    <definedName name="_181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1"}</definedName>
    <definedName name="_181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0"}</definedName>
    <definedName name="_181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9"}</definedName>
    <definedName name="_181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8"}</definedName>
    <definedName name="_181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7"}</definedName>
    <definedName name="_181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6"}</definedName>
    <definedName name="_18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1"}</definedName>
    <definedName name="_181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5"}</definedName>
    <definedName name="_181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4"}</definedName>
    <definedName name="_181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3"}</definedName>
    <definedName name="_181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2"}</definedName>
    <definedName name="_181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1"}</definedName>
    <definedName name="_181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0"}</definedName>
    <definedName name="_181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9"}</definedName>
    <definedName name="_181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8"}</definedName>
    <definedName name="_181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7"}</definedName>
    <definedName name="_181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6"}</definedName>
    <definedName name="_1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7"}</definedName>
    <definedName name="_18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0"}</definedName>
    <definedName name="_182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5"}</definedName>
    <definedName name="_182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4"}</definedName>
    <definedName name="_182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3"}</definedName>
    <definedName name="_182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2"}</definedName>
    <definedName name="_182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1"}</definedName>
    <definedName name="_182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0"}</definedName>
    <definedName name="_182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9"}</definedName>
    <definedName name="_182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8"}</definedName>
    <definedName name="_182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7"}</definedName>
    <definedName name="_182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6"}</definedName>
    <definedName name="_18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9"}</definedName>
    <definedName name="_182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5"}</definedName>
    <definedName name="_182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4"}</definedName>
    <definedName name="_182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3"}</definedName>
    <definedName name="_182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2"}</definedName>
    <definedName name="_182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1"}</definedName>
    <definedName name="_182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0"}</definedName>
    <definedName name="_182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9"}</definedName>
    <definedName name="_182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8"}</definedName>
    <definedName name="_182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7"}</definedName>
    <definedName name="_182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6"}</definedName>
    <definedName name="_18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8"}</definedName>
    <definedName name="_182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5"}</definedName>
    <definedName name="_182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4"}</definedName>
    <definedName name="_182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3"}</definedName>
    <definedName name="_182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2"}</definedName>
    <definedName name="_182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1"}</definedName>
    <definedName name="_182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0"}</definedName>
    <definedName name="_182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9"}</definedName>
    <definedName name="_182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8"}</definedName>
    <definedName name="_182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7"}</definedName>
    <definedName name="_182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6"}</definedName>
    <definedName name="_18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7"}</definedName>
    <definedName name="_182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5"}</definedName>
    <definedName name="_182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4"}</definedName>
    <definedName name="_182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3"}</definedName>
    <definedName name="_182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2"}</definedName>
    <definedName name="_182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1"}</definedName>
    <definedName name="_182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0"}</definedName>
    <definedName name="_182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9"}</definedName>
    <definedName name="_182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8"}</definedName>
    <definedName name="_182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7"}</definedName>
    <definedName name="_182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6"}</definedName>
    <definedName name="_18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6"}</definedName>
    <definedName name="_182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5"}</definedName>
    <definedName name="_182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4"}</definedName>
    <definedName name="_182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3"}</definedName>
    <definedName name="_182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2"}</definedName>
    <definedName name="_182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1"}</definedName>
    <definedName name="_182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0"}</definedName>
    <definedName name="_182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9"}</definedName>
    <definedName name="_182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8"}</definedName>
    <definedName name="_182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7"}</definedName>
    <definedName name="_182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6"}</definedName>
    <definedName name="_18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5"}</definedName>
    <definedName name="_182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5"}</definedName>
    <definedName name="_182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4"}</definedName>
    <definedName name="_182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3"}</definedName>
    <definedName name="_182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2"}</definedName>
    <definedName name="_182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1"}</definedName>
    <definedName name="_182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0"}</definedName>
    <definedName name="_182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9"}</definedName>
    <definedName name="_182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8"}</definedName>
    <definedName name="_182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7"}</definedName>
    <definedName name="_182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6"}</definedName>
    <definedName name="_18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4"}</definedName>
    <definedName name="_182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5"}</definedName>
    <definedName name="_182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4"}</definedName>
    <definedName name="_182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3"}</definedName>
    <definedName name="_182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2"}</definedName>
    <definedName name="_182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1"}</definedName>
    <definedName name="_182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0"}</definedName>
    <definedName name="_182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9"}</definedName>
    <definedName name="_182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8"}</definedName>
    <definedName name="_182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7"}</definedName>
    <definedName name="_182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6"}</definedName>
    <definedName name="_18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3"}</definedName>
    <definedName name="_182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5"}</definedName>
    <definedName name="_182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4"}</definedName>
    <definedName name="_182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3"}</definedName>
    <definedName name="_182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2"}</definedName>
    <definedName name="_182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1"}</definedName>
    <definedName name="_182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0"}</definedName>
    <definedName name="_182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9"}</definedName>
    <definedName name="_182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8"}</definedName>
    <definedName name="_182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7"}</definedName>
    <definedName name="_182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6"}</definedName>
    <definedName name="_18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2"}</definedName>
    <definedName name="_182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5"}</definedName>
    <definedName name="_182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4"}</definedName>
    <definedName name="_182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3"}</definedName>
    <definedName name="_182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2"}</definedName>
    <definedName name="_182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1"}</definedName>
    <definedName name="_182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0"}</definedName>
    <definedName name="_182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9"}</definedName>
    <definedName name="_182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8"}</definedName>
    <definedName name="_182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7"}</definedName>
    <definedName name="_182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6"}</definedName>
    <definedName name="_18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1"}</definedName>
    <definedName name="_182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5"}</definedName>
    <definedName name="_182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4"}</definedName>
    <definedName name="_182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3"}</definedName>
    <definedName name="_182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2"}</definedName>
    <definedName name="_182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1"}</definedName>
    <definedName name="_182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0"}</definedName>
    <definedName name="_182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9"}</definedName>
    <definedName name="_182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8"}</definedName>
    <definedName name="_182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7"}</definedName>
    <definedName name="_182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6"}</definedName>
    <definedName name="_1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6"}</definedName>
    <definedName name="_18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0"}</definedName>
    <definedName name="_183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5"}</definedName>
    <definedName name="_183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4"}</definedName>
    <definedName name="_183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3"}</definedName>
    <definedName name="_183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2"}</definedName>
    <definedName name="_183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1"}</definedName>
    <definedName name="_183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0"}</definedName>
    <definedName name="_183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9"}</definedName>
    <definedName name="_183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8"}</definedName>
    <definedName name="_183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7"}</definedName>
    <definedName name="_183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6"}</definedName>
    <definedName name="_18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9"}</definedName>
    <definedName name="_183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5"}</definedName>
    <definedName name="_183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4"}</definedName>
    <definedName name="_183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3"}</definedName>
    <definedName name="_183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2"}</definedName>
    <definedName name="_183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1"}</definedName>
    <definedName name="_183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0"}</definedName>
    <definedName name="_183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9"}</definedName>
    <definedName name="_183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8"}</definedName>
    <definedName name="_183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7"}</definedName>
    <definedName name="_183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6"}</definedName>
    <definedName name="_18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8"}</definedName>
    <definedName name="_183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5"}</definedName>
    <definedName name="_183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4"}</definedName>
    <definedName name="_183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3"}</definedName>
    <definedName name="_183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2"}</definedName>
    <definedName name="_183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1"}</definedName>
    <definedName name="_183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0"}</definedName>
    <definedName name="_183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9"}</definedName>
    <definedName name="_183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8"}</definedName>
    <definedName name="_183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7"}</definedName>
    <definedName name="_183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6"}</definedName>
    <definedName name="_18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7"}</definedName>
    <definedName name="_183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5"}</definedName>
    <definedName name="_183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4"}</definedName>
    <definedName name="_183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3"}</definedName>
    <definedName name="_183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2"}</definedName>
    <definedName name="_183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1"}</definedName>
    <definedName name="_183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0"}</definedName>
    <definedName name="_183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9"}</definedName>
    <definedName name="_183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8"}</definedName>
    <definedName name="_183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7"}</definedName>
    <definedName name="_183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6"}</definedName>
    <definedName name="_18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6"}</definedName>
    <definedName name="_183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5"}</definedName>
    <definedName name="_183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4"}</definedName>
    <definedName name="_183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3"}</definedName>
    <definedName name="_183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2"}</definedName>
    <definedName name="_183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1"}</definedName>
    <definedName name="_183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0"}</definedName>
    <definedName name="_183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9"}</definedName>
    <definedName name="_183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8"}</definedName>
    <definedName name="_183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7"}</definedName>
    <definedName name="_183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6"}</definedName>
    <definedName name="_18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5"}</definedName>
    <definedName name="_183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5"}</definedName>
    <definedName name="_183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4"}</definedName>
    <definedName name="_183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3"}</definedName>
    <definedName name="_183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2"}</definedName>
    <definedName name="_183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1"}</definedName>
    <definedName name="_183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0"}</definedName>
    <definedName name="_183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9"}</definedName>
    <definedName name="_183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8"}</definedName>
    <definedName name="_183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7"}</definedName>
    <definedName name="_183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6"}</definedName>
    <definedName name="_18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4"}</definedName>
    <definedName name="_183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5"}</definedName>
    <definedName name="_183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4"}</definedName>
    <definedName name="_183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3"}</definedName>
    <definedName name="_183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2"}</definedName>
    <definedName name="_183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1"}</definedName>
    <definedName name="_183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0"}</definedName>
    <definedName name="_183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9"}</definedName>
    <definedName name="_183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8"}</definedName>
    <definedName name="_183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7"}</definedName>
    <definedName name="_183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6"}</definedName>
    <definedName name="_18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3"}</definedName>
    <definedName name="_183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5"}</definedName>
    <definedName name="_183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4"}</definedName>
    <definedName name="_183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3"}</definedName>
    <definedName name="_183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2"}</definedName>
    <definedName name="_183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1"}</definedName>
    <definedName name="_183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0"}</definedName>
    <definedName name="_183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9"}</definedName>
    <definedName name="_183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8"}</definedName>
    <definedName name="_183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7"}</definedName>
    <definedName name="_183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6"}</definedName>
    <definedName name="_18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2"}</definedName>
    <definedName name="_183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5"}</definedName>
    <definedName name="_183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4"}</definedName>
    <definedName name="_183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3"}</definedName>
    <definedName name="_183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2"}</definedName>
    <definedName name="_183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1"}</definedName>
    <definedName name="_183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0"}</definedName>
    <definedName name="_183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9"}</definedName>
    <definedName name="_183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8"}</definedName>
    <definedName name="_183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7"}</definedName>
    <definedName name="_183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6"}</definedName>
    <definedName name="_18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1"}</definedName>
    <definedName name="_183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5"}</definedName>
    <definedName name="_183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4"}</definedName>
    <definedName name="_183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3"}</definedName>
    <definedName name="_183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2"}</definedName>
    <definedName name="_183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1"}</definedName>
    <definedName name="_183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0"}</definedName>
    <definedName name="_1839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9"}</definedName>
    <definedName name="_1839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8"}</definedName>
    <definedName name="_183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7"}</definedName>
    <definedName name="_1839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6"}</definedName>
    <definedName name="_1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5"}</definedName>
    <definedName name="_18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0"}</definedName>
    <definedName name="_1840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5"}</definedName>
    <definedName name="_1840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4"}</definedName>
    <definedName name="_1840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3"}</definedName>
    <definedName name="_1840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2"}</definedName>
    <definedName name="_1840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1"}</definedName>
    <definedName name="_1840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0"}</definedName>
    <definedName name="_1840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9"}</definedName>
    <definedName name="_1840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8"}</definedName>
    <definedName name="_1840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7"}</definedName>
    <definedName name="_1840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6"}</definedName>
    <definedName name="_18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9"}</definedName>
    <definedName name="_1841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5"}</definedName>
    <definedName name="_1841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4"}</definedName>
    <definedName name="_1841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3"}</definedName>
    <definedName name="_1841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2"}</definedName>
    <definedName name="_1841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1"}</definedName>
    <definedName name="_1841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0"}</definedName>
    <definedName name="_1841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9"}</definedName>
    <definedName name="_1841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8"}</definedName>
    <definedName name="_1841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7"}</definedName>
    <definedName name="_1841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6"}</definedName>
    <definedName name="_18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8"}</definedName>
    <definedName name="_1842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5"}</definedName>
    <definedName name="_1842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4"}</definedName>
    <definedName name="_1842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3"}</definedName>
    <definedName name="_1842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2"}</definedName>
    <definedName name="_1842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1"}</definedName>
    <definedName name="_1842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0"}</definedName>
    <definedName name="_1842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9"}</definedName>
    <definedName name="_1842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8"}</definedName>
    <definedName name="_1842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7"}</definedName>
    <definedName name="_1842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6"}</definedName>
    <definedName name="_18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7"}</definedName>
    <definedName name="_1843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5"}</definedName>
    <definedName name="_1843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4"}</definedName>
    <definedName name="_1843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3"}</definedName>
    <definedName name="_1843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2"}</definedName>
    <definedName name="_1843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1"}</definedName>
    <definedName name="_1843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0"}</definedName>
    <definedName name="_1843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9"}</definedName>
    <definedName name="_1843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8"}</definedName>
    <definedName name="_1843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7"}</definedName>
    <definedName name="_1843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6"}</definedName>
    <definedName name="_18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6"}</definedName>
    <definedName name="_1844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5"}</definedName>
    <definedName name="_1844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4"}</definedName>
    <definedName name="_1844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3"}</definedName>
    <definedName name="_1844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2"}</definedName>
    <definedName name="_1844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1"}</definedName>
    <definedName name="_1844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0"}</definedName>
    <definedName name="_1844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definedName>
    <definedName name="_1844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8"}</definedName>
    <definedName name="_1844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7"}</definedName>
    <definedName name="_1844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6"}</definedName>
    <definedName name="_18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5"}</definedName>
    <definedName name="_1845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5"}</definedName>
    <definedName name="_1845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4"}</definedName>
    <definedName name="_1845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3"}</definedName>
    <definedName name="_1845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2"}</definedName>
    <definedName name="_1845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1"}</definedName>
    <definedName name="_1845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0"}</definedName>
    <definedName name="_1845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9"}</definedName>
    <definedName name="_1845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8"}</definedName>
    <definedName name="_1845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7"}</definedName>
    <definedName name="_1845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6"}</definedName>
    <definedName name="_18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4"}</definedName>
    <definedName name="_1846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5"}</definedName>
    <definedName name="_1846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4"}</definedName>
    <definedName name="_1846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3"}</definedName>
    <definedName name="_1846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2"}</definedName>
    <definedName name="_1846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1"}</definedName>
    <definedName name="_1846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0"}</definedName>
    <definedName name="_1846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9"}</definedName>
    <definedName name="_1846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8"}</definedName>
    <definedName name="_1846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7"}</definedName>
    <definedName name="_1846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6"}</definedName>
    <definedName name="_18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3"}</definedName>
    <definedName name="_1847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5"}</definedName>
    <definedName name="_1847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4"}</definedName>
    <definedName name="_1847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3"}</definedName>
    <definedName name="_1847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2"}</definedName>
    <definedName name="_1847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1"}</definedName>
    <definedName name="_1847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0"}</definedName>
    <definedName name="_1847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9"}</definedName>
    <definedName name="_1847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8"}</definedName>
    <definedName name="_1847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7"}</definedName>
    <definedName name="_1847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6"}</definedName>
    <definedName name="_18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2"}</definedName>
    <definedName name="_1848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5"}</definedName>
    <definedName name="_1848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4"}</definedName>
    <definedName name="_1848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3"}</definedName>
    <definedName name="_1848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2"}</definedName>
    <definedName name="_1848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1"}</definedName>
    <definedName name="_1848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0"}</definedName>
    <definedName name="_18486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9"}</definedName>
    <definedName name="_18487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8"}</definedName>
    <definedName name="_1848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7"}</definedName>
    <definedName name="_18489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6"}</definedName>
    <definedName name="_18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1"}</definedName>
    <definedName name="_18490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5"}</definedName>
    <definedName name="_18491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definedName>
    <definedName name="_18492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3"}</definedName>
    <definedName name="_18493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2"}</definedName>
    <definedName name="_18494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1"}</definedName>
    <definedName name="_18495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0"}</definedName>
    <definedName name="_18496__FDSAUDITLINK__" hidden="1">{"fdsup://directions/FAT Viewer?action=UPDATE&amp;creator=factset&amp;DYN_ARGS=TRUE&amp;DOC_NAME=FAT:FQL_AUDITING_CLIENT_TEMPLATE.FAT&amp;display_string=Audit&amp;VAR:KEY=NKVGLONULE&amp;VAR:QUERY=RkZfRU5UUlBSX1ZBTF9EQUlMWSgwLCwsLExPQ0FMLCdCQVNJQyBTSEFSRVMnKQ==&amp;WINDOW=FIRST_POPUP&amp;H","EIGHT=450&amp;WIDTH=450&amp;START_MAXIMIZED=FALSE&amp;VAR:CALENDAR=US&amp;VAR:SYMBOL=17134010&amp;VAR:INDEX=0"}</definedName>
    <definedName name="_18497__FDSAUDITLINK__" hidden="1">{"fdsup://directions/FAT Viewer?action=UPDATE&amp;creator=factset&amp;DYN_ARGS=TRUE&amp;DOC_NAME=FAT:FQL_AUDITING_CLIENT_TEMPLATE.FAT&amp;display_string=Audit&amp;VAR:KEY=ZUDKXYNATQ&amp;VAR:QUERY=RkZfRU5UUlBSX1ZBTF9EQUlMWSgwLCwsLExPQ0FMLCdCQVNJQyBTSEFSRVMnKQ==&amp;WINDOW=FIRST_POPUP&amp;H","EIGHT=450&amp;WIDTH=450&amp;START_MAXIMIZED=FALSE&amp;VAR:CALENDAR=US&amp;VAR:SYMBOL=05430310&amp;VAR:INDEX=0"}</definedName>
    <definedName name="_18498__FDSAUDITLINK__" hidden="1">{"fdsup://directions/FAT Viewer?action=UPDATE&amp;creator=factset&amp;DYN_ARGS=TRUE&amp;DOC_NAME=FAT:FQL_AUDITING_CLIENT_TEMPLATE.FAT&amp;display_string=Audit&amp;VAR:KEY=JUXANIJMFC&amp;VAR:QUERY=RkZfRU5UUlBSX1ZBTF9EQUlMWSgtMkFZLDQxMDY2LEQsLCwnRElMJyk=&amp;WINDOW=FIRST_POPUP&amp;HEIGHT=45","0&amp;WIDTH=450&amp;START_MAXIMIZED=FALSE&amp;VAR:CALENDAR=US&amp;VAR:SYMBOL=B014K5&amp;VAR:INDEX=499"}</definedName>
    <definedName name="_18499__FDSAUDITLINK__" hidden="1">{"fdsup://Directions/FactSet Auditing Viewer?action=AUDIT_VALUE&amp;DB=129&amp;ID1=B07C79&amp;VALUEID=01001&amp;SDATE=2009&amp;PERIODTYPE=ANN_STD&amp;SCFT=3&amp;window=popup_no_bar&amp;width=385&amp;height=120&amp;START_MAXIMIZED=FALSE&amp;creator=factset&amp;display_string=Audit"}</definedName>
    <definedName name="_1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4"}</definedName>
    <definedName name="_18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0"}</definedName>
    <definedName name="_18500__FDSAUDITLINK__" hidden="1">{"fdsup://Directions/FactSet Auditing Viewer?action=AUDIT_VALUE&amp;DB=129&amp;ID1=B07C79&amp;VALUEID=01001&amp;SDATE=2010&amp;PERIODTYPE=ANN_STD&amp;SCFT=3&amp;window=popup_no_bar&amp;width=385&amp;height=120&amp;START_MAXIMIZED=FALSE&amp;creator=factset&amp;display_string=Audit"}</definedName>
    <definedName name="_18501__FDSAUDITLINK__" hidden="1">{"fdsup://Directions/FactSet Auditing Viewer?action=AUDIT_VALUE&amp;DB=129&amp;ID1=B03L0B&amp;VALUEID=01001&amp;SDATE=2011&amp;PERIODTYPE=ANN_STD&amp;SCFT=3&amp;window=popup_no_bar&amp;width=385&amp;height=120&amp;START_MAXIMIZED=FALSE&amp;creator=factset&amp;display_string=Audit"}</definedName>
    <definedName name="_18502__FDSAUDITLINK__" hidden="1">{"fdsup://Directions/FactSet Auditing Viewer?action=AUDIT_VALUE&amp;DB=129&amp;ID1=B03L0B&amp;VALUEID=01001&amp;SDATE=2011&amp;PERIODTYPE=ANN_STD&amp;SCFT=3&amp;window=popup_no_bar&amp;width=385&amp;height=120&amp;START_MAXIMIZED=FALSE&amp;creator=factset&amp;display_string=Audit"}</definedName>
    <definedName name="_18503__FDSAUDITLINK__" hidden="1">{"fdsup://Directions/FactSet Auditing Viewer?action=AUDIT_VALUE&amp;DB=129&amp;ID1=B03L0B&amp;VALUEID=01001&amp;SDATE=2010&amp;PERIODTYPE=ANN_STD&amp;SCFT=3&amp;window=popup_no_bar&amp;width=385&amp;height=120&amp;START_MAXIMIZED=FALSE&amp;creator=factset&amp;display_string=Audit"}</definedName>
    <definedName name="_18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9"}</definedName>
    <definedName name="_18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8"}</definedName>
    <definedName name="_18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7"}</definedName>
    <definedName name="_18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6"}</definedName>
    <definedName name="_18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5"}</definedName>
    <definedName name="_18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4"}</definedName>
    <definedName name="_18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3"}</definedName>
    <definedName name="_18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2"}</definedName>
    <definedName name="_18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1"}</definedName>
    <definedName name="_1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3"}</definedName>
    <definedName name="_18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0"}</definedName>
    <definedName name="_18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9"}</definedName>
    <definedName name="_18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8"}</definedName>
    <definedName name="_18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7"}</definedName>
    <definedName name="_18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6"}</definedName>
    <definedName name="_18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5"}</definedName>
    <definedName name="_18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4"}</definedName>
    <definedName name="_18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3"}</definedName>
    <definedName name="_18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2"}</definedName>
    <definedName name="_18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1"}</definedName>
    <definedName name="_1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2"}</definedName>
    <definedName name="_18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0"}</definedName>
    <definedName name="_18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9"}</definedName>
    <definedName name="_18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8"}</definedName>
    <definedName name="_18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7"}</definedName>
    <definedName name="_18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6"}</definedName>
    <definedName name="_18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5"}</definedName>
    <definedName name="_18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4"}</definedName>
    <definedName name="_18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3"}</definedName>
    <definedName name="_18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2"}</definedName>
    <definedName name="_18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1"}</definedName>
    <definedName name="_1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1"}</definedName>
    <definedName name="_18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0"}</definedName>
    <definedName name="_18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9"}</definedName>
    <definedName name="_18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8"}</definedName>
    <definedName name="_18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7"}</definedName>
    <definedName name="_18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6"}</definedName>
    <definedName name="_18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5"}</definedName>
    <definedName name="_18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4"}</definedName>
    <definedName name="_18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3"}</definedName>
    <definedName name="_18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2"}</definedName>
    <definedName name="_18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1"}</definedName>
    <definedName name="_1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0"}</definedName>
    <definedName name="_18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0"}</definedName>
    <definedName name="_18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9"}</definedName>
    <definedName name="_18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8"}</definedName>
    <definedName name="_18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7"}</definedName>
    <definedName name="_18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6"}</definedName>
    <definedName name="_18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5"}</definedName>
    <definedName name="_18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4"}</definedName>
    <definedName name="_18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3"}</definedName>
    <definedName name="_18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2"}</definedName>
    <definedName name="_18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1"}</definedName>
    <definedName name="_19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4"}</definedName>
    <definedName name="_1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9"}</definedName>
    <definedName name="_19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0"}</definedName>
    <definedName name="_19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9"}</definedName>
    <definedName name="_19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8"}</definedName>
    <definedName name="_19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7"}</definedName>
    <definedName name="_19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6"}</definedName>
    <definedName name="_19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5"}</definedName>
    <definedName name="_19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4"}</definedName>
    <definedName name="_19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3"}</definedName>
    <definedName name="_19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2"}</definedName>
    <definedName name="_19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1"}</definedName>
    <definedName name="_1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8"}</definedName>
    <definedName name="_19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0"}</definedName>
    <definedName name="_19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9"}</definedName>
    <definedName name="_19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8"}</definedName>
    <definedName name="_19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7"}</definedName>
    <definedName name="_19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6"}</definedName>
    <definedName name="_19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5"}</definedName>
    <definedName name="_19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4"}</definedName>
    <definedName name="_19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3"}</definedName>
    <definedName name="_19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2"}</definedName>
    <definedName name="_19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1"}</definedName>
    <definedName name="_1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7"}</definedName>
    <definedName name="_19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0"}</definedName>
    <definedName name="_19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9"}</definedName>
    <definedName name="_19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8"}</definedName>
    <definedName name="_19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7"}</definedName>
    <definedName name="_19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6"}</definedName>
    <definedName name="_19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5"}</definedName>
    <definedName name="_19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4"}</definedName>
    <definedName name="_19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3"}</definedName>
    <definedName name="_19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2"}</definedName>
    <definedName name="_19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1"}</definedName>
    <definedName name="_1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6"}</definedName>
    <definedName name="_19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0"}</definedName>
    <definedName name="_19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9"}</definedName>
    <definedName name="_19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8"}</definedName>
    <definedName name="_19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7"}</definedName>
    <definedName name="_19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6"}</definedName>
    <definedName name="_19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5"}</definedName>
    <definedName name="_19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4"}</definedName>
    <definedName name="_19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3"}</definedName>
    <definedName name="_19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2"}</definedName>
    <definedName name="_19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1"}</definedName>
    <definedName name="_1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5"}</definedName>
    <definedName name="_19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0"}</definedName>
    <definedName name="_19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9"}</definedName>
    <definedName name="_19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8"}</definedName>
    <definedName name="_19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7"}</definedName>
    <definedName name="_19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6"}</definedName>
    <definedName name="_19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5"}</definedName>
    <definedName name="_19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4"}</definedName>
    <definedName name="_19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3"}</definedName>
    <definedName name="_19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2"}</definedName>
    <definedName name="_19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1"}</definedName>
    <definedName name="_1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4"}</definedName>
    <definedName name="_19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0"}</definedName>
    <definedName name="_19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9"}</definedName>
    <definedName name="_19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8"}</definedName>
    <definedName name="_19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7"}</definedName>
    <definedName name="_19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6"}</definedName>
    <definedName name="_19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5"}</definedName>
    <definedName name="_19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4"}</definedName>
    <definedName name="_19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3"}</definedName>
    <definedName name="_19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2"}</definedName>
    <definedName name="_19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1"}</definedName>
    <definedName name="_1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3"}</definedName>
    <definedName name="_19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0"}</definedName>
    <definedName name="_19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9"}</definedName>
    <definedName name="_19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8"}</definedName>
    <definedName name="_19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7"}</definedName>
    <definedName name="_19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6"}</definedName>
    <definedName name="_19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5"}</definedName>
    <definedName name="_19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4"}</definedName>
    <definedName name="_19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3"}</definedName>
    <definedName name="_19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2"}</definedName>
    <definedName name="_19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1"}</definedName>
    <definedName name="_1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2"}</definedName>
    <definedName name="_19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0"}</definedName>
    <definedName name="_19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9"}</definedName>
    <definedName name="_19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8"}</definedName>
    <definedName name="_19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7"}</definedName>
    <definedName name="_19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6"}</definedName>
    <definedName name="_19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5"}</definedName>
    <definedName name="_19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4"}</definedName>
    <definedName name="_19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3"}</definedName>
    <definedName name="_19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2"}</definedName>
    <definedName name="_19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1"}</definedName>
    <definedName name="_1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1"}</definedName>
    <definedName name="_19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0"}</definedName>
    <definedName name="_19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9"}</definedName>
    <definedName name="_19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8"}</definedName>
    <definedName name="_19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7"}</definedName>
    <definedName name="_19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6"}</definedName>
    <definedName name="_19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5"}</definedName>
    <definedName name="_19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4"}</definedName>
    <definedName name="_19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3"}</definedName>
    <definedName name="_19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2"}</definedName>
    <definedName name="_19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1"}</definedName>
    <definedName name="_1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0"}</definedName>
    <definedName name="_19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0"}</definedName>
    <definedName name="_19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9"}</definedName>
    <definedName name="_19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8"}</definedName>
    <definedName name="_19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7"}</definedName>
    <definedName name="_19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6"}</definedName>
    <definedName name="_19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5"}</definedName>
    <definedName name="_19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4"}</definedName>
    <definedName name="_19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3"}</definedName>
    <definedName name="_19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2"}</definedName>
    <definedName name="_19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1"}</definedName>
    <definedName name="_2__123Graph_ACHART_2" hidden="1">[7]DUCOCO!$B$34:$F$34</definedName>
    <definedName name="_2__123Graph_BCDIUS" hidden="1">[3]TESTE!$H$132:$H$151</definedName>
    <definedName name="_2__FDSAUDITLINK__" hidden="1">{"fdsup://Directions/FactSet Auditing Viewer?action=AUDIT_VALUE&amp;DB=129&amp;ID1=B24CGK&amp;VALUEID=01001&amp;SDATE=2010&amp;PERIODTYPE=ANN_STD&amp;SCFT=3&amp;window=popup_no_bar&amp;width=385&amp;height=120&amp;START_MAXIMIZED=FALSE&amp;creator=factset&amp;display_string=Audit"}</definedName>
    <definedName name="_20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3"}</definedName>
    <definedName name="_2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9"}</definedName>
    <definedName name="_20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0"}</definedName>
    <definedName name="_20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9"}</definedName>
    <definedName name="_20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8"}</definedName>
    <definedName name="_20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7"}</definedName>
    <definedName name="_20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6"}</definedName>
    <definedName name="_20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5"}</definedName>
    <definedName name="_20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4"}</definedName>
    <definedName name="_20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3"}</definedName>
    <definedName name="_20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2"}</definedName>
    <definedName name="_20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1"}</definedName>
    <definedName name="_2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8"}</definedName>
    <definedName name="_20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0"}</definedName>
    <definedName name="_20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9"}</definedName>
    <definedName name="_20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8"}</definedName>
    <definedName name="_20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7"}</definedName>
    <definedName name="_20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6"}</definedName>
    <definedName name="_20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5"}</definedName>
    <definedName name="_20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4"}</definedName>
    <definedName name="_20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3"}</definedName>
    <definedName name="_20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2"}</definedName>
    <definedName name="_20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1"}</definedName>
    <definedName name="_2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7"}</definedName>
    <definedName name="_20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0"}</definedName>
    <definedName name="_20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9"}</definedName>
    <definedName name="_20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8"}</definedName>
    <definedName name="_20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7"}</definedName>
    <definedName name="_20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6"}</definedName>
    <definedName name="_20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5"}</definedName>
    <definedName name="_20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4"}</definedName>
    <definedName name="_20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3"}</definedName>
    <definedName name="_20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2"}</definedName>
    <definedName name="_20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1"}</definedName>
    <definedName name="_2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6"}</definedName>
    <definedName name="_20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definedName>
    <definedName name="_20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definedName>
    <definedName name="_20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definedName>
    <definedName name="_20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definedName>
    <definedName name="_20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definedName>
    <definedName name="_20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definedName>
    <definedName name="_20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definedName>
    <definedName name="_20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definedName>
    <definedName name="_20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definedName>
    <definedName name="_20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definedName>
    <definedName name="_2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5"}</definedName>
    <definedName name="_20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definedName>
    <definedName name="_20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definedName>
    <definedName name="_20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definedName>
    <definedName name="_20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definedName>
    <definedName name="_20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definedName>
    <definedName name="_20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definedName>
    <definedName name="_20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definedName>
    <definedName name="_20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definedName>
    <definedName name="_20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definedName>
    <definedName name="_20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definedName>
    <definedName name="_2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4"}</definedName>
    <definedName name="_20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definedName>
    <definedName name="_20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definedName>
    <definedName name="_20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definedName>
    <definedName name="_20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definedName>
    <definedName name="_20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definedName>
    <definedName name="_20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definedName>
    <definedName name="_20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definedName>
    <definedName name="_20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definedName>
    <definedName name="_20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definedName>
    <definedName name="_20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definedName>
    <definedName name="_2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3"}</definedName>
    <definedName name="_20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definedName>
    <definedName name="_20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definedName>
    <definedName name="_20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definedName>
    <definedName name="_20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definedName>
    <definedName name="_20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definedName>
    <definedName name="_20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definedName>
    <definedName name="_20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definedName>
    <definedName name="_20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definedName>
    <definedName name="_20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definedName>
    <definedName name="_20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definedName>
    <definedName name="_2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2"}</definedName>
    <definedName name="_20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definedName>
    <definedName name="_20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definedName>
    <definedName name="_20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definedName>
    <definedName name="_20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definedName>
    <definedName name="_20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definedName>
    <definedName name="_20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definedName>
    <definedName name="_20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definedName>
    <definedName name="_20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definedName>
    <definedName name="_20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definedName>
    <definedName name="_20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definedName>
    <definedName name="_2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1"}</definedName>
    <definedName name="_20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0"}</definedName>
    <definedName name="_20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6"}</definedName>
    <definedName name="_20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5"}</definedName>
    <definedName name="_20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4"}</definedName>
    <definedName name="_20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3"}</definedName>
    <definedName name="_20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2"}</definedName>
    <definedName name="_20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1"}</definedName>
    <definedName name="_20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0"}</definedName>
    <definedName name="_20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9"}</definedName>
    <definedName name="_20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8"}</definedName>
    <definedName name="_2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0"}</definedName>
    <definedName name="_20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7"}</definedName>
    <definedName name="_20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6"}</definedName>
    <definedName name="_20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5"}</definedName>
    <definedName name="_20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4"}</definedName>
    <definedName name="_20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3"}</definedName>
    <definedName name="_20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2"}</definedName>
    <definedName name="_20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1"}</definedName>
    <definedName name="_20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0"}</definedName>
    <definedName name="_20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9"}</definedName>
    <definedName name="_20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8"}</definedName>
    <definedName name="_21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2"}</definedName>
    <definedName name="_2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9"}</definedName>
    <definedName name="_21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7"}</definedName>
    <definedName name="_21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6"}</definedName>
    <definedName name="_21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5"}</definedName>
    <definedName name="_21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4"}</definedName>
    <definedName name="_21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3"}</definedName>
    <definedName name="_21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2"}</definedName>
    <definedName name="_21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1"}</definedName>
    <definedName name="_21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0"}</definedName>
    <definedName name="_21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9"}</definedName>
    <definedName name="_21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8"}</definedName>
    <definedName name="_2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8"}</definedName>
    <definedName name="_21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7"}</definedName>
    <definedName name="_21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6"}</definedName>
    <definedName name="_21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5"}</definedName>
    <definedName name="_21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4"}</definedName>
    <definedName name="_21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3"}</definedName>
    <definedName name="_21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2"}</definedName>
    <definedName name="_21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1"}</definedName>
    <definedName name="_21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0"}</definedName>
    <definedName name="_21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9"}</definedName>
    <definedName name="_21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8"}</definedName>
    <definedName name="_2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7"}</definedName>
    <definedName name="_21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7"}</definedName>
    <definedName name="_21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6"}</definedName>
    <definedName name="_21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5"}</definedName>
    <definedName name="_21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4"}</definedName>
    <definedName name="_21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3"}</definedName>
    <definedName name="_21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2"}</definedName>
    <definedName name="_21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1"}</definedName>
    <definedName name="_21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0"}</definedName>
    <definedName name="_21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9"}</definedName>
    <definedName name="_21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8"}</definedName>
    <definedName name="_2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6"}</definedName>
    <definedName name="_21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7"}</definedName>
    <definedName name="_21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6"}</definedName>
    <definedName name="_21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5"}</definedName>
    <definedName name="_21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4"}</definedName>
    <definedName name="_21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3"}</definedName>
    <definedName name="_21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2"}</definedName>
    <definedName name="_21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1"}</definedName>
    <definedName name="_21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0"}</definedName>
    <definedName name="_21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9"}</definedName>
    <definedName name="_21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8"}</definedName>
    <definedName name="_2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5"}</definedName>
    <definedName name="_21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7"}</definedName>
    <definedName name="_21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6"}</definedName>
    <definedName name="_21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5"}</definedName>
    <definedName name="_21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4"}</definedName>
    <definedName name="_21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3"}</definedName>
    <definedName name="_21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2"}</definedName>
    <definedName name="_21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1"}</definedName>
    <definedName name="_21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0"}</definedName>
    <definedName name="_21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9"}</definedName>
    <definedName name="_21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8"}</definedName>
    <definedName name="_2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4"}</definedName>
    <definedName name="_21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7"}</definedName>
    <definedName name="_21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6"}</definedName>
    <definedName name="_21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5"}</definedName>
    <definedName name="_21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4"}</definedName>
    <definedName name="_21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3"}</definedName>
    <definedName name="_21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2"}</definedName>
    <definedName name="_21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1"}</definedName>
    <definedName name="_21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0"}</definedName>
    <definedName name="_21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9"}</definedName>
    <definedName name="_21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8"}</definedName>
    <definedName name="_2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3"}</definedName>
    <definedName name="_21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7"}</definedName>
    <definedName name="_21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6"}</definedName>
    <definedName name="_21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5"}</definedName>
    <definedName name="_21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4"}</definedName>
    <definedName name="_21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3"}</definedName>
    <definedName name="_21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2"}</definedName>
    <definedName name="_21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1"}</definedName>
    <definedName name="_21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0"}</definedName>
    <definedName name="_21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9"}</definedName>
    <definedName name="_21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8"}</definedName>
    <definedName name="_2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2"}</definedName>
    <definedName name="_21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7"}</definedName>
    <definedName name="_21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6"}</definedName>
    <definedName name="_21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5"}</definedName>
    <definedName name="_21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4"}</definedName>
    <definedName name="_21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3"}</definedName>
    <definedName name="_21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2"}</definedName>
    <definedName name="_21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1"}</definedName>
    <definedName name="_21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0"}</definedName>
    <definedName name="_21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9"}</definedName>
    <definedName name="_21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8"}</definedName>
    <definedName name="_2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1"}</definedName>
    <definedName name="_21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7"}</definedName>
    <definedName name="_21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6"}</definedName>
    <definedName name="_21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5"}</definedName>
    <definedName name="_21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4"}</definedName>
    <definedName name="_21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3"}</definedName>
    <definedName name="_21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2"}</definedName>
    <definedName name="_21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1"}</definedName>
    <definedName name="_21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0"}</definedName>
    <definedName name="_21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9"}</definedName>
    <definedName name="_21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8"}</definedName>
    <definedName name="_2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0"}</definedName>
    <definedName name="_21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7"}</definedName>
    <definedName name="_21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6"}</definedName>
    <definedName name="_21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5"}</definedName>
    <definedName name="_21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4"}</definedName>
    <definedName name="_21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3"}</definedName>
    <definedName name="_21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2"}</definedName>
    <definedName name="_21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1"}</definedName>
    <definedName name="_21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0"}</definedName>
    <definedName name="_21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9"}</definedName>
    <definedName name="_21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8"}</definedName>
    <definedName name="_22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1"}</definedName>
    <definedName name="_2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9"}</definedName>
    <definedName name="_22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7"}</definedName>
    <definedName name="_22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6"}</definedName>
    <definedName name="_22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5"}</definedName>
    <definedName name="_22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4"}</definedName>
    <definedName name="_22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3"}</definedName>
    <definedName name="_22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2"}</definedName>
    <definedName name="_22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1"}</definedName>
    <definedName name="_22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0"}</definedName>
    <definedName name="_22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9"}</definedName>
    <definedName name="_22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8"}</definedName>
    <definedName name="_2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8"}</definedName>
    <definedName name="_22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7"}</definedName>
    <definedName name="_22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6"}</definedName>
    <definedName name="_22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5"}</definedName>
    <definedName name="_22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4"}</definedName>
    <definedName name="_22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3"}</definedName>
    <definedName name="_22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2"}</definedName>
    <definedName name="_22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1"}</definedName>
    <definedName name="_22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0"}</definedName>
    <definedName name="_22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9"}</definedName>
    <definedName name="_22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8"}</definedName>
    <definedName name="_2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7"}</definedName>
    <definedName name="_22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7"}</definedName>
    <definedName name="_22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6"}</definedName>
    <definedName name="_22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5"}</definedName>
    <definedName name="_22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4"}</definedName>
    <definedName name="_22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3"}</definedName>
    <definedName name="_22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2"}</definedName>
    <definedName name="_22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1"}</definedName>
    <definedName name="_22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0"}</definedName>
    <definedName name="_22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9"}</definedName>
    <definedName name="_22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8"}</definedName>
    <definedName name="_2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6"}</definedName>
    <definedName name="_22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7"}</definedName>
    <definedName name="_22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6"}</definedName>
    <definedName name="_22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5"}</definedName>
    <definedName name="_22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4"}</definedName>
    <definedName name="_22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3"}</definedName>
    <definedName name="_22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2"}</definedName>
    <definedName name="_22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1"}</definedName>
    <definedName name="_22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0"}</definedName>
    <definedName name="_22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9"}</definedName>
    <definedName name="_22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8"}</definedName>
    <definedName name="_2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5"}</definedName>
    <definedName name="_22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7"}</definedName>
    <definedName name="_22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6"}</definedName>
    <definedName name="_22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5"}</definedName>
    <definedName name="_22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4"}</definedName>
    <definedName name="_22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3"}</definedName>
    <definedName name="_22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2"}</definedName>
    <definedName name="_22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1"}</definedName>
    <definedName name="_22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0"}</definedName>
    <definedName name="_22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9"}</definedName>
    <definedName name="_22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8"}</definedName>
    <definedName name="_2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4"}</definedName>
    <definedName name="_22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7"}</definedName>
    <definedName name="_22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6"}</definedName>
    <definedName name="_22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5"}</definedName>
    <definedName name="_22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4"}</definedName>
    <definedName name="_22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3"}</definedName>
    <definedName name="_22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2"}</definedName>
    <definedName name="_22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1"}</definedName>
    <definedName name="_22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0"}</definedName>
    <definedName name="_22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9"}</definedName>
    <definedName name="_22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8"}</definedName>
    <definedName name="_2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3"}</definedName>
    <definedName name="_22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7"}</definedName>
    <definedName name="_22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6"}</definedName>
    <definedName name="_22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5"}</definedName>
    <definedName name="_22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4"}</definedName>
    <definedName name="_22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3"}</definedName>
    <definedName name="_22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2"}</definedName>
    <definedName name="_22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1"}</definedName>
    <definedName name="_22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0"}</definedName>
    <definedName name="_22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9"}</definedName>
    <definedName name="_22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8"}</definedName>
    <definedName name="_2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2"}</definedName>
    <definedName name="_22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7"}</definedName>
    <definedName name="_22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6"}</definedName>
    <definedName name="_22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5"}</definedName>
    <definedName name="_22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4"}</definedName>
    <definedName name="_22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3"}</definedName>
    <definedName name="_22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2"}</definedName>
    <definedName name="_22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1"}</definedName>
    <definedName name="_22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0"}</definedName>
    <definedName name="_22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9"}</definedName>
    <definedName name="_22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8"}</definedName>
    <definedName name="_2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1"}</definedName>
    <definedName name="_22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7"}</definedName>
    <definedName name="_22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6"}</definedName>
    <definedName name="_22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5"}</definedName>
    <definedName name="_22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4"}</definedName>
    <definedName name="_22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3"}</definedName>
    <definedName name="_22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2"}</definedName>
    <definedName name="_22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1"}</definedName>
    <definedName name="_22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0"}</definedName>
    <definedName name="_22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9"}</definedName>
    <definedName name="_22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8"}</definedName>
    <definedName name="_2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0"}</definedName>
    <definedName name="_22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7"}</definedName>
    <definedName name="_22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6"}</definedName>
    <definedName name="_22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5"}</definedName>
    <definedName name="_22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4"}</definedName>
    <definedName name="_22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3"}</definedName>
    <definedName name="_22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2"}</definedName>
    <definedName name="_22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1"}</definedName>
    <definedName name="_22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0"}</definedName>
    <definedName name="_22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9"}</definedName>
    <definedName name="_22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8"}</definedName>
    <definedName name="_23__FDSAUDITLINK__" hidden="1">{"fdsup://directions/FAT Viewer?action=UPDATE&amp;creator=factset&amp;DYN_ARGS=TRUE&amp;DOC_NAME=FAT:FQL_AUDITING_CLIENT_TEMPLATE.FAT&amp;display_string=Audit&amp;VAR:KEY=NMNQXMXQZS&amp;VAR:QUERY=RkZfRUJJVERBX09QRVIoQU5OLDAsLTVBWSk=&amp;WINDOW=FIRST_POPUP&amp;HEIGHT=450&amp;WIDTH=450&amp;START_MA","XIMIZED=FALSE&amp;VAR:CALENDAR=US&amp;VAR:SYMBOL=203699&amp;VAR:INDEX=0"}</definedName>
    <definedName name="_2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9"}</definedName>
    <definedName name="_23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7"}</definedName>
    <definedName name="_23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6"}</definedName>
    <definedName name="_23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5"}</definedName>
    <definedName name="_23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4"}</definedName>
    <definedName name="_23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3"}</definedName>
    <definedName name="_23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2"}</definedName>
    <definedName name="_23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1"}</definedName>
    <definedName name="_23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0"}</definedName>
    <definedName name="_23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9"}</definedName>
    <definedName name="_23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8"}</definedName>
    <definedName name="_2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8"}</definedName>
    <definedName name="_23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7"}</definedName>
    <definedName name="_23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6"}</definedName>
    <definedName name="_23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5"}</definedName>
    <definedName name="_23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4"}</definedName>
    <definedName name="_23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3"}</definedName>
    <definedName name="_23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2"}</definedName>
    <definedName name="_23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1"}</definedName>
    <definedName name="_23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0"}</definedName>
    <definedName name="_23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9"}</definedName>
    <definedName name="_23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8"}</definedName>
    <definedName name="_2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7"}</definedName>
    <definedName name="_23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7"}</definedName>
    <definedName name="_23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6"}</definedName>
    <definedName name="_23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5"}</definedName>
    <definedName name="_23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4"}</definedName>
    <definedName name="_23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3"}</definedName>
    <definedName name="_23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2"}</definedName>
    <definedName name="_23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1"}</definedName>
    <definedName name="_23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0"}</definedName>
    <definedName name="_23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9"}</definedName>
    <definedName name="_23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8"}</definedName>
    <definedName name="_2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6"}</definedName>
    <definedName name="_23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7"}</definedName>
    <definedName name="_23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6"}</definedName>
    <definedName name="_23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5"}</definedName>
    <definedName name="_23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4"}</definedName>
    <definedName name="_23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3"}</definedName>
    <definedName name="_23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2"}</definedName>
    <definedName name="_23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1"}</definedName>
    <definedName name="_23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0"}</definedName>
    <definedName name="_23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9"}</definedName>
    <definedName name="_23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8"}</definedName>
    <definedName name="_2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5"}</definedName>
    <definedName name="_23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7"}</definedName>
    <definedName name="_23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6"}</definedName>
    <definedName name="_23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5"}</definedName>
    <definedName name="_23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4"}</definedName>
    <definedName name="_23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3"}</definedName>
    <definedName name="_23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2"}</definedName>
    <definedName name="_23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1"}</definedName>
    <definedName name="_23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0"}</definedName>
    <definedName name="_23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9"}</definedName>
    <definedName name="_23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8"}</definedName>
    <definedName name="_2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4"}</definedName>
    <definedName name="_23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7"}</definedName>
    <definedName name="_23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6"}</definedName>
    <definedName name="_23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5"}</definedName>
    <definedName name="_23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4"}</definedName>
    <definedName name="_23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3"}</definedName>
    <definedName name="_23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2"}</definedName>
    <definedName name="_23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1"}</definedName>
    <definedName name="_23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0"}</definedName>
    <definedName name="_23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9"}</definedName>
    <definedName name="_23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8"}</definedName>
    <definedName name="_2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3"}</definedName>
    <definedName name="_23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7"}</definedName>
    <definedName name="_23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6"}</definedName>
    <definedName name="_23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5"}</definedName>
    <definedName name="_23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4"}</definedName>
    <definedName name="_23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3"}</definedName>
    <definedName name="_23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2"}</definedName>
    <definedName name="_23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1"}</definedName>
    <definedName name="_23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0"}</definedName>
    <definedName name="_23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9"}</definedName>
    <definedName name="_23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8"}</definedName>
    <definedName name="_2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2"}</definedName>
    <definedName name="_23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7"}</definedName>
    <definedName name="_23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6"}</definedName>
    <definedName name="_23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5"}</definedName>
    <definedName name="_23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4"}</definedName>
    <definedName name="_23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3"}</definedName>
    <definedName name="_23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2"}</definedName>
    <definedName name="_23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1"}</definedName>
    <definedName name="_23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0"}</definedName>
    <definedName name="_23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9"}</definedName>
    <definedName name="_23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8"}</definedName>
    <definedName name="_2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1"}</definedName>
    <definedName name="_23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7"}</definedName>
    <definedName name="_23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6"}</definedName>
    <definedName name="_23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5"}</definedName>
    <definedName name="_23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4"}</definedName>
    <definedName name="_23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3"}</definedName>
    <definedName name="_23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2"}</definedName>
    <definedName name="_23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1"}</definedName>
    <definedName name="_23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0"}</definedName>
    <definedName name="_23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9"}</definedName>
    <definedName name="_23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8"}</definedName>
    <definedName name="_2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0"}</definedName>
    <definedName name="_23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7"}</definedName>
    <definedName name="_23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6"}</definedName>
    <definedName name="_23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5"}</definedName>
    <definedName name="_23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4"}</definedName>
    <definedName name="_23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3"}</definedName>
    <definedName name="_23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2"}</definedName>
    <definedName name="_23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1"}</definedName>
    <definedName name="_23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0"}</definedName>
    <definedName name="_23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9"}</definedName>
    <definedName name="_23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8"}</definedName>
    <definedName name="_24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5"}</definedName>
    <definedName name="_2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9"}</definedName>
    <definedName name="_24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7"}</definedName>
    <definedName name="_24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6"}</definedName>
    <definedName name="_24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5"}</definedName>
    <definedName name="_24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4"}</definedName>
    <definedName name="_24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3"}</definedName>
    <definedName name="_24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2"}</definedName>
    <definedName name="_24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1"}</definedName>
    <definedName name="_24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0"}</definedName>
    <definedName name="_24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9"}</definedName>
    <definedName name="_24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8"}</definedName>
    <definedName name="_2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8"}</definedName>
    <definedName name="_24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7"}</definedName>
    <definedName name="_24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6"}</definedName>
    <definedName name="_24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5"}</definedName>
    <definedName name="_24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4"}</definedName>
    <definedName name="_24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3"}</definedName>
    <definedName name="_24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2"}</definedName>
    <definedName name="_24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1"}</definedName>
    <definedName name="_24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0"}</definedName>
    <definedName name="_24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9"}</definedName>
    <definedName name="_24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8"}</definedName>
    <definedName name="_2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7"}</definedName>
    <definedName name="_24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7"}</definedName>
    <definedName name="_24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6"}</definedName>
    <definedName name="_24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5"}</definedName>
    <definedName name="_24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4"}</definedName>
    <definedName name="_24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3"}</definedName>
    <definedName name="_24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2"}</definedName>
    <definedName name="_24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1"}</definedName>
    <definedName name="_24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0"}</definedName>
    <definedName name="_24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9"}</definedName>
    <definedName name="_24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8"}</definedName>
    <definedName name="_2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6"}</definedName>
    <definedName name="_24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7"}</definedName>
    <definedName name="_24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6"}</definedName>
    <definedName name="_24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5"}</definedName>
    <definedName name="_24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4"}</definedName>
    <definedName name="_24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3"}</definedName>
    <definedName name="_24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2"}</definedName>
    <definedName name="_24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1"}</definedName>
    <definedName name="_24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0"}</definedName>
    <definedName name="_24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9"}</definedName>
    <definedName name="_24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8"}</definedName>
    <definedName name="_2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5"}</definedName>
    <definedName name="_24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7"}</definedName>
    <definedName name="_24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6"}</definedName>
    <definedName name="_24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5"}</definedName>
    <definedName name="_24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4"}</definedName>
    <definedName name="_24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3"}</definedName>
    <definedName name="_24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2"}</definedName>
    <definedName name="_24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1"}</definedName>
    <definedName name="_24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0"}</definedName>
    <definedName name="_24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9"}</definedName>
    <definedName name="_24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8"}</definedName>
    <definedName name="_2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4"}</definedName>
    <definedName name="_24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7"}</definedName>
    <definedName name="_24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6"}</definedName>
    <definedName name="_24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5"}</definedName>
    <definedName name="_24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4"}</definedName>
    <definedName name="_24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3"}</definedName>
    <definedName name="_24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2"}</definedName>
    <definedName name="_24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1"}</definedName>
    <definedName name="_24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0"}</definedName>
    <definedName name="_24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9"}</definedName>
    <definedName name="_24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8"}</definedName>
    <definedName name="_2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3"}</definedName>
    <definedName name="_24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7"}</definedName>
    <definedName name="_24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6"}</definedName>
    <definedName name="_24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5"}</definedName>
    <definedName name="_24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4"}</definedName>
    <definedName name="_24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3"}</definedName>
    <definedName name="_24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2"}</definedName>
    <definedName name="_24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1"}</definedName>
    <definedName name="_24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0"}</definedName>
    <definedName name="_24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9"}</definedName>
    <definedName name="_24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8"}</definedName>
    <definedName name="_2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2"}</definedName>
    <definedName name="_24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7"}</definedName>
    <definedName name="_24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6"}</definedName>
    <definedName name="_24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5"}</definedName>
    <definedName name="_24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4"}</definedName>
    <definedName name="_24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3"}</definedName>
    <definedName name="_24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2"}</definedName>
    <definedName name="_24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1"}</definedName>
    <definedName name="_24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0"}</definedName>
    <definedName name="_24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9"}</definedName>
    <definedName name="_24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8"}</definedName>
    <definedName name="_2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1"}</definedName>
    <definedName name="_24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7"}</definedName>
    <definedName name="_24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6"}</definedName>
    <definedName name="_24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5"}</definedName>
    <definedName name="_24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4"}</definedName>
    <definedName name="_24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3"}</definedName>
    <definedName name="_24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2"}</definedName>
    <definedName name="_24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1"}</definedName>
    <definedName name="_24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0"}</definedName>
    <definedName name="_24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9"}</definedName>
    <definedName name="_24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8"}</definedName>
    <definedName name="_2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0"}</definedName>
    <definedName name="_24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7"}</definedName>
    <definedName name="_24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6"}</definedName>
    <definedName name="_24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5"}</definedName>
    <definedName name="_24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4"}</definedName>
    <definedName name="_24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3"}</definedName>
    <definedName name="_24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2"}</definedName>
    <definedName name="_24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1"}</definedName>
    <definedName name="_24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0"}</definedName>
    <definedName name="_24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9"}</definedName>
    <definedName name="_24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8"}</definedName>
    <definedName name="_25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4"}</definedName>
    <definedName name="_2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9"}</definedName>
    <definedName name="_25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7"}</definedName>
    <definedName name="_25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6"}</definedName>
    <definedName name="_25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5"}</definedName>
    <definedName name="_25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4"}</definedName>
    <definedName name="_25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3"}</definedName>
    <definedName name="_25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2"}</definedName>
    <definedName name="_25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1"}</definedName>
    <definedName name="_25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0"}</definedName>
    <definedName name="_25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9"}</definedName>
    <definedName name="_25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8"}</definedName>
    <definedName name="_2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8"}</definedName>
    <definedName name="_25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7"}</definedName>
    <definedName name="_25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6"}</definedName>
    <definedName name="_25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5"}</definedName>
    <definedName name="_25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4"}</definedName>
    <definedName name="_25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3"}</definedName>
    <definedName name="_25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2"}</definedName>
    <definedName name="_25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1"}</definedName>
    <definedName name="_25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0"}</definedName>
    <definedName name="_25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9"}</definedName>
    <definedName name="_25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8"}</definedName>
    <definedName name="_2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7"}</definedName>
    <definedName name="_25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7"}</definedName>
    <definedName name="_25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6"}</definedName>
    <definedName name="_25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5"}</definedName>
    <definedName name="_25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4"}</definedName>
    <definedName name="_25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3"}</definedName>
    <definedName name="_25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2"}</definedName>
    <definedName name="_25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1"}</definedName>
    <definedName name="_25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0"}</definedName>
    <definedName name="_25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9"}</definedName>
    <definedName name="_25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8"}</definedName>
    <definedName name="_2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6"}</definedName>
    <definedName name="_25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7"}</definedName>
    <definedName name="_25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6"}</definedName>
    <definedName name="_25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5"}</definedName>
    <definedName name="_25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4"}</definedName>
    <definedName name="_25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3"}</definedName>
    <definedName name="_25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2"}</definedName>
    <definedName name="_25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1"}</definedName>
    <definedName name="_25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definedName>
    <definedName name="_25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definedName>
    <definedName name="_25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definedName>
    <definedName name="_2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5"}</definedName>
    <definedName name="_25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definedName>
    <definedName name="_25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definedName>
    <definedName name="_25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definedName>
    <definedName name="_25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definedName>
    <definedName name="_25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definedName>
    <definedName name="_25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definedName>
    <definedName name="_25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definedName>
    <definedName name="_25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definedName>
    <definedName name="_25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definedName>
    <definedName name="_25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definedName>
    <definedName name="_2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4"}</definedName>
    <definedName name="_25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definedName>
    <definedName name="_25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definedName>
    <definedName name="_25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definedName>
    <definedName name="_25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definedName>
    <definedName name="_25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definedName>
    <definedName name="_25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definedName>
    <definedName name="_25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definedName>
    <definedName name="_25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definedName>
    <definedName name="_25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definedName>
    <definedName name="_25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definedName>
    <definedName name="_2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3"}</definedName>
    <definedName name="_25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definedName>
    <definedName name="_25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definedName>
    <definedName name="_25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definedName>
    <definedName name="_25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definedName>
    <definedName name="_25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definedName>
    <definedName name="_25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definedName>
    <definedName name="_25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definedName>
    <definedName name="_25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definedName>
    <definedName name="_25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definedName>
    <definedName name="_25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definedName>
    <definedName name="_2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2"}</definedName>
    <definedName name="_25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definedName>
    <definedName name="_25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definedName>
    <definedName name="_25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definedName>
    <definedName name="_25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definedName>
    <definedName name="_25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definedName>
    <definedName name="_25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definedName>
    <definedName name="_25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definedName>
    <definedName name="_25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definedName>
    <definedName name="_25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definedName>
    <definedName name="_25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definedName>
    <definedName name="_2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1"}</definedName>
    <definedName name="_25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definedName>
    <definedName name="_25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definedName>
    <definedName name="_25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definedName>
    <definedName name="_25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definedName>
    <definedName name="_25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definedName>
    <definedName name="_25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definedName>
    <definedName name="_25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definedName>
    <definedName name="_25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0"}</definedName>
    <definedName name="_25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6"}</definedName>
    <definedName name="_25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5"}</definedName>
    <definedName name="_2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0"}</definedName>
    <definedName name="_25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4"}</definedName>
    <definedName name="_25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3"}</definedName>
    <definedName name="_25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2"}</definedName>
    <definedName name="_25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1"}</definedName>
    <definedName name="_25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0"}</definedName>
    <definedName name="_25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9"}</definedName>
    <definedName name="_25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8"}</definedName>
    <definedName name="_25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7"}</definedName>
    <definedName name="_25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6"}</definedName>
    <definedName name="_25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5"}</definedName>
    <definedName name="_26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3"}</definedName>
    <definedName name="_2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9"}</definedName>
    <definedName name="_26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4"}</definedName>
    <definedName name="_26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3"}</definedName>
    <definedName name="_26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2"}</definedName>
    <definedName name="_26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1"}</definedName>
    <definedName name="_26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0"}</definedName>
    <definedName name="_26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9"}</definedName>
    <definedName name="_26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8"}</definedName>
    <definedName name="_26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7"}</definedName>
    <definedName name="_26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6"}</definedName>
    <definedName name="_26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5"}</definedName>
    <definedName name="_2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8"}</definedName>
    <definedName name="_26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4"}</definedName>
    <definedName name="_26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3"}</definedName>
    <definedName name="_26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2"}</definedName>
    <definedName name="_26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1"}</definedName>
    <definedName name="_26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0"}</definedName>
    <definedName name="_26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9"}</definedName>
    <definedName name="_26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8"}</definedName>
    <definedName name="_26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7"}</definedName>
    <definedName name="_26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6"}</definedName>
    <definedName name="_26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5"}</definedName>
    <definedName name="_2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7"}</definedName>
    <definedName name="_26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4"}</definedName>
    <definedName name="_26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3"}</definedName>
    <definedName name="_26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2"}</definedName>
    <definedName name="_26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1"}</definedName>
    <definedName name="_26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0"}</definedName>
    <definedName name="_26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9"}</definedName>
    <definedName name="_26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8"}</definedName>
    <definedName name="_26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7"}</definedName>
    <definedName name="_26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6"}</definedName>
    <definedName name="_26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5"}</definedName>
    <definedName name="_2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6"}</definedName>
    <definedName name="_26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4"}</definedName>
    <definedName name="_26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3"}</definedName>
    <definedName name="_26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2"}</definedName>
    <definedName name="_26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1"}</definedName>
    <definedName name="_26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0"}</definedName>
    <definedName name="_26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9"}</definedName>
    <definedName name="_26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8"}</definedName>
    <definedName name="_26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7"}</definedName>
    <definedName name="_26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6"}</definedName>
    <definedName name="_26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5"}</definedName>
    <definedName name="_2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5"}</definedName>
    <definedName name="_26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4"}</definedName>
    <definedName name="_26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3"}</definedName>
    <definedName name="_26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2"}</definedName>
    <definedName name="_26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1"}</definedName>
    <definedName name="_26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0"}</definedName>
    <definedName name="_26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9"}</definedName>
    <definedName name="_26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8"}</definedName>
    <definedName name="_26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7"}</definedName>
    <definedName name="_26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6"}</definedName>
    <definedName name="_26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5"}</definedName>
    <definedName name="_2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4"}</definedName>
    <definedName name="_26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4"}</definedName>
    <definedName name="_26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3"}</definedName>
    <definedName name="_26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2"}</definedName>
    <definedName name="_26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1"}</definedName>
    <definedName name="_26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0"}</definedName>
    <definedName name="_26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9"}</definedName>
    <definedName name="_26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8"}</definedName>
    <definedName name="_26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7"}</definedName>
    <definedName name="_26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6"}</definedName>
    <definedName name="_26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5"}</definedName>
    <definedName name="_2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3"}</definedName>
    <definedName name="_26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4"}</definedName>
    <definedName name="_26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3"}</definedName>
    <definedName name="_26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2"}</definedName>
    <definedName name="_26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1"}</definedName>
    <definedName name="_26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0"}</definedName>
    <definedName name="_26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9"}</definedName>
    <definedName name="_26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8"}</definedName>
    <definedName name="_26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7"}</definedName>
    <definedName name="_26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6"}</definedName>
    <definedName name="_26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5"}</definedName>
    <definedName name="_2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2"}</definedName>
    <definedName name="_26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4"}</definedName>
    <definedName name="_26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3"}</definedName>
    <definedName name="_26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2"}</definedName>
    <definedName name="_26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1"}</definedName>
    <definedName name="_26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0"}</definedName>
    <definedName name="_26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9"}</definedName>
    <definedName name="_26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8"}</definedName>
    <definedName name="_26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7"}</definedName>
    <definedName name="_26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6"}</definedName>
    <definedName name="_26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5"}</definedName>
    <definedName name="_2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1"}</definedName>
    <definedName name="_26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4"}</definedName>
    <definedName name="_26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3"}</definedName>
    <definedName name="_26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2"}</definedName>
    <definedName name="_26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1"}</definedName>
    <definedName name="_26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0"}</definedName>
    <definedName name="_26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9"}</definedName>
    <definedName name="_26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8"}</definedName>
    <definedName name="_26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7"}</definedName>
    <definedName name="_26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6"}</definedName>
    <definedName name="_26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5"}</definedName>
    <definedName name="_2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0"}</definedName>
    <definedName name="_26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4"}</definedName>
    <definedName name="_26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3"}</definedName>
    <definedName name="_26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2"}</definedName>
    <definedName name="_26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1"}</definedName>
    <definedName name="_26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0"}</definedName>
    <definedName name="_26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9"}</definedName>
    <definedName name="_26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8"}</definedName>
    <definedName name="_26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7"}</definedName>
    <definedName name="_26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6"}</definedName>
    <definedName name="_26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5"}</definedName>
    <definedName name="_27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2"}</definedName>
    <definedName name="_2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9"}</definedName>
    <definedName name="_27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4"}</definedName>
    <definedName name="_27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3"}</definedName>
    <definedName name="_27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2"}</definedName>
    <definedName name="_27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1"}</definedName>
    <definedName name="_27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0"}</definedName>
    <definedName name="_27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9"}</definedName>
    <definedName name="_27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8"}</definedName>
    <definedName name="_27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7"}</definedName>
    <definedName name="_27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6"}</definedName>
    <definedName name="_27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5"}</definedName>
    <definedName name="_2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8"}</definedName>
    <definedName name="_27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4"}</definedName>
    <definedName name="_27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3"}</definedName>
    <definedName name="_27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2"}</definedName>
    <definedName name="_27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1"}</definedName>
    <definedName name="_27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0"}</definedName>
    <definedName name="_27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9"}</definedName>
    <definedName name="_27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8"}</definedName>
    <definedName name="_27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7"}</definedName>
    <definedName name="_27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6"}</definedName>
    <definedName name="_27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5"}</definedName>
    <definedName name="_2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7"}</definedName>
    <definedName name="_27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4"}</definedName>
    <definedName name="_27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3"}</definedName>
    <definedName name="_27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2"}</definedName>
    <definedName name="_27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1"}</definedName>
    <definedName name="_27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0"}</definedName>
    <definedName name="_27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9"}</definedName>
    <definedName name="_27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8"}</definedName>
    <definedName name="_27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7"}</definedName>
    <definedName name="_27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6"}</definedName>
    <definedName name="_27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5"}</definedName>
    <definedName name="_2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6"}</definedName>
    <definedName name="_27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4"}</definedName>
    <definedName name="_27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3"}</definedName>
    <definedName name="_27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2"}</definedName>
    <definedName name="_27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1"}</definedName>
    <definedName name="_27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0"}</definedName>
    <definedName name="_27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9"}</definedName>
    <definedName name="_27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8"}</definedName>
    <definedName name="_27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7"}</definedName>
    <definedName name="_27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6"}</definedName>
    <definedName name="_27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5"}</definedName>
    <definedName name="_2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5"}</definedName>
    <definedName name="_27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4"}</definedName>
    <definedName name="_27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3"}</definedName>
    <definedName name="_27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2"}</definedName>
    <definedName name="_27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1"}</definedName>
    <definedName name="_27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0"}</definedName>
    <definedName name="_27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9"}</definedName>
    <definedName name="_27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8"}</definedName>
    <definedName name="_27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7"}</definedName>
    <definedName name="_27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6"}</definedName>
    <definedName name="_27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5"}</definedName>
    <definedName name="_2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4"}</definedName>
    <definedName name="_27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4"}</definedName>
    <definedName name="_27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3"}</definedName>
    <definedName name="_27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2"}</definedName>
    <definedName name="_27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1"}</definedName>
    <definedName name="_27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0"}</definedName>
    <definedName name="_27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9"}</definedName>
    <definedName name="_27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8"}</definedName>
    <definedName name="_27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7"}</definedName>
    <definedName name="_27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6"}</definedName>
    <definedName name="_27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5"}</definedName>
    <definedName name="_2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3"}</definedName>
    <definedName name="_27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4"}</definedName>
    <definedName name="_27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3"}</definedName>
    <definedName name="_27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2"}</definedName>
    <definedName name="_27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1"}</definedName>
    <definedName name="_27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0"}</definedName>
    <definedName name="_27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9"}</definedName>
    <definedName name="_27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8"}</definedName>
    <definedName name="_27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7"}</definedName>
    <definedName name="_27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6"}</definedName>
    <definedName name="_27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5"}</definedName>
    <definedName name="_2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2"}</definedName>
    <definedName name="_27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4"}</definedName>
    <definedName name="_27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3"}</definedName>
    <definedName name="_27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2"}</definedName>
    <definedName name="_27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1"}</definedName>
    <definedName name="_27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0"}</definedName>
    <definedName name="_27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9"}</definedName>
    <definedName name="_27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8"}</definedName>
    <definedName name="_27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7"}</definedName>
    <definedName name="_27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6"}</definedName>
    <definedName name="_27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5"}</definedName>
    <definedName name="_2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1"}</definedName>
    <definedName name="_27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4"}</definedName>
    <definedName name="_27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3"}</definedName>
    <definedName name="_27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2"}</definedName>
    <definedName name="_27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1"}</definedName>
    <definedName name="_27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0"}</definedName>
    <definedName name="_27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9"}</definedName>
    <definedName name="_27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8"}</definedName>
    <definedName name="_27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7"}</definedName>
    <definedName name="_27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6"}</definedName>
    <definedName name="_27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5"}</definedName>
    <definedName name="_2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0"}</definedName>
    <definedName name="_27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4"}</definedName>
    <definedName name="_27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3"}</definedName>
    <definedName name="_27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2"}</definedName>
    <definedName name="_27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1"}</definedName>
    <definedName name="_27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0"}</definedName>
    <definedName name="_27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9"}</definedName>
    <definedName name="_27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8"}</definedName>
    <definedName name="_27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7"}</definedName>
    <definedName name="_27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6"}</definedName>
    <definedName name="_27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5"}</definedName>
    <definedName name="_28___123Graph_ACDIUS" hidden="1">[3]TESTE!$E$132:$E$151</definedName>
    <definedName name="_28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1"}</definedName>
    <definedName name="_2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9"}</definedName>
    <definedName name="_28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4"}</definedName>
    <definedName name="_28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3"}</definedName>
    <definedName name="_28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2"}</definedName>
    <definedName name="_28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1"}</definedName>
    <definedName name="_28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0"}</definedName>
    <definedName name="_28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9"}</definedName>
    <definedName name="_28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8"}</definedName>
    <definedName name="_28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7"}</definedName>
    <definedName name="_28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6"}</definedName>
    <definedName name="_28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5"}</definedName>
    <definedName name="_2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8"}</definedName>
    <definedName name="_28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4"}</definedName>
    <definedName name="_28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3"}</definedName>
    <definedName name="_28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2"}</definedName>
    <definedName name="_28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1"}</definedName>
    <definedName name="_28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0"}</definedName>
    <definedName name="_28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9"}</definedName>
    <definedName name="_28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8"}</definedName>
    <definedName name="_28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7"}</definedName>
    <definedName name="_28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6"}</definedName>
    <definedName name="_28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5"}</definedName>
    <definedName name="_2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7"}</definedName>
    <definedName name="_28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4"}</definedName>
    <definedName name="_28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3"}</definedName>
    <definedName name="_28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2"}</definedName>
    <definedName name="_28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1"}</definedName>
    <definedName name="_28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0"}</definedName>
    <definedName name="_28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9"}</definedName>
    <definedName name="_28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8"}</definedName>
    <definedName name="_28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7"}</definedName>
    <definedName name="_28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6"}</definedName>
    <definedName name="_28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5"}</definedName>
    <definedName name="_2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6"}</definedName>
    <definedName name="_28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4"}</definedName>
    <definedName name="_28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3"}</definedName>
    <definedName name="_28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2"}</definedName>
    <definedName name="_28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1"}</definedName>
    <definedName name="_28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0"}</definedName>
    <definedName name="_28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9"}</definedName>
    <definedName name="_28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8"}</definedName>
    <definedName name="_28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7"}</definedName>
    <definedName name="_28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6"}</definedName>
    <definedName name="_28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5"}</definedName>
    <definedName name="_2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5"}</definedName>
    <definedName name="_28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4"}</definedName>
    <definedName name="_28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3"}</definedName>
    <definedName name="_28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2"}</definedName>
    <definedName name="_28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1"}</definedName>
    <definedName name="_28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0"}</definedName>
    <definedName name="_28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9"}</definedName>
    <definedName name="_28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8"}</definedName>
    <definedName name="_28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7"}</definedName>
    <definedName name="_28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6"}</definedName>
    <definedName name="_28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5"}</definedName>
    <definedName name="_2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4"}</definedName>
    <definedName name="_28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4"}</definedName>
    <definedName name="_28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3"}</definedName>
    <definedName name="_28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2"}</definedName>
    <definedName name="_28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1"}</definedName>
    <definedName name="_28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0"}</definedName>
    <definedName name="_28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9"}</definedName>
    <definedName name="_28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8"}</definedName>
    <definedName name="_28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7"}</definedName>
    <definedName name="_28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6"}</definedName>
    <definedName name="_28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5"}</definedName>
    <definedName name="_2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3"}</definedName>
    <definedName name="_28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4"}</definedName>
    <definedName name="_28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3"}</definedName>
    <definedName name="_28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2"}</definedName>
    <definedName name="_28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1"}</definedName>
    <definedName name="_28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0"}</definedName>
    <definedName name="_28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9"}</definedName>
    <definedName name="_28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8"}</definedName>
    <definedName name="_28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7"}</definedName>
    <definedName name="_28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6"}</definedName>
    <definedName name="_28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5"}</definedName>
    <definedName name="_2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2"}</definedName>
    <definedName name="_28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4"}</definedName>
    <definedName name="_28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3"}</definedName>
    <definedName name="_28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2"}</definedName>
    <definedName name="_28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1"}</definedName>
    <definedName name="_28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0"}</definedName>
    <definedName name="_28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9"}</definedName>
    <definedName name="_28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8"}</definedName>
    <definedName name="_28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7"}</definedName>
    <definedName name="_28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6"}</definedName>
    <definedName name="_28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5"}</definedName>
    <definedName name="_2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1"}</definedName>
    <definedName name="_28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4"}</definedName>
    <definedName name="_28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3"}</definedName>
    <definedName name="_28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2"}</definedName>
    <definedName name="_28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1"}</definedName>
    <definedName name="_28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0"}</definedName>
    <definedName name="_28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9"}</definedName>
    <definedName name="_28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8"}</definedName>
    <definedName name="_28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7"}</definedName>
    <definedName name="_28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6"}</definedName>
    <definedName name="_28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5"}</definedName>
    <definedName name="_2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0"}</definedName>
    <definedName name="_28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4"}</definedName>
    <definedName name="_28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3"}</definedName>
    <definedName name="_28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2"}</definedName>
    <definedName name="_28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1"}</definedName>
    <definedName name="_28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0"}</definedName>
    <definedName name="_28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9"}</definedName>
    <definedName name="_28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8"}</definedName>
    <definedName name="_28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7"}</definedName>
    <definedName name="_28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6"}</definedName>
    <definedName name="_28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5"}</definedName>
    <definedName name="_29___123Graph_BCDIUS" hidden="1">[3]TESTE!$H$132:$H$151</definedName>
    <definedName name="_29__FDSAUDITLINK__" hidden="1">{"fdsup://directions/FAT Viewer?action=UPDATE&amp;creator=factset&amp;DYN_ARGS=TRUE&amp;DOC_NAME=FAT:FQL_AUDITING_CLIENT_TEMPLATE.FAT&amp;display_string=Audit&amp;VAR:KEY=ALGHSFWXYX&amp;VAR:QUERY=RkZfRUJJVERBX09QRVIoQU5OLDAsLTVBWSk=&amp;WINDOW=FIRST_POPUP&amp;HEIGHT=450&amp;WIDTH=450&amp;START_MA","XIMIZED=FALSE&amp;VAR:CALENDAR=US&amp;VAR:SYMBOL=B1FRH8&amp;VAR:INDEX=0"}</definedName>
    <definedName name="_2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9"}</definedName>
    <definedName name="_29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4"}</definedName>
    <definedName name="_29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3"}</definedName>
    <definedName name="_29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2"}</definedName>
    <definedName name="_29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1"}</definedName>
    <definedName name="_29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0"}</definedName>
    <definedName name="_29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9"}</definedName>
    <definedName name="_29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8"}</definedName>
    <definedName name="_29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7"}</definedName>
    <definedName name="_29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6"}</definedName>
    <definedName name="_29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5"}</definedName>
    <definedName name="_2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8"}</definedName>
    <definedName name="_29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4"}</definedName>
    <definedName name="_29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3"}</definedName>
    <definedName name="_29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2"}</definedName>
    <definedName name="_29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1"}</definedName>
    <definedName name="_29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0"}</definedName>
    <definedName name="_29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9"}</definedName>
    <definedName name="_29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8"}</definedName>
    <definedName name="_29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7"}</definedName>
    <definedName name="_29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6"}</definedName>
    <definedName name="_29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5"}</definedName>
    <definedName name="_2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7"}</definedName>
    <definedName name="_29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4"}</definedName>
    <definedName name="_29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3"}</definedName>
    <definedName name="_29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2"}</definedName>
    <definedName name="_29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1"}</definedName>
    <definedName name="_29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0"}</definedName>
    <definedName name="_29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9"}</definedName>
    <definedName name="_29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8"}</definedName>
    <definedName name="_29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7"}</definedName>
    <definedName name="_29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6"}</definedName>
    <definedName name="_29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5"}</definedName>
    <definedName name="_2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6"}</definedName>
    <definedName name="_29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4"}</definedName>
    <definedName name="_29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3"}</definedName>
    <definedName name="_29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2"}</definedName>
    <definedName name="_29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1"}</definedName>
    <definedName name="_29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0"}</definedName>
    <definedName name="_29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9"}</definedName>
    <definedName name="_29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8"}</definedName>
    <definedName name="_29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7"}</definedName>
    <definedName name="_29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6"}</definedName>
    <definedName name="_29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5"}</definedName>
    <definedName name="_2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5"}</definedName>
    <definedName name="_29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4"}</definedName>
    <definedName name="_29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3"}</definedName>
    <definedName name="_29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2"}</definedName>
    <definedName name="_29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1"}</definedName>
    <definedName name="_29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0"}</definedName>
    <definedName name="_29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9"}</definedName>
    <definedName name="_29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8"}</definedName>
    <definedName name="_29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7"}</definedName>
    <definedName name="_29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6"}</definedName>
    <definedName name="_29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5"}</definedName>
    <definedName name="_2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4"}</definedName>
    <definedName name="_29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4"}</definedName>
    <definedName name="_29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3"}</definedName>
    <definedName name="_29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2"}</definedName>
    <definedName name="_29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1"}</definedName>
    <definedName name="_29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0"}</definedName>
    <definedName name="_29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9"}</definedName>
    <definedName name="_29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8"}</definedName>
    <definedName name="_29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7"}</definedName>
    <definedName name="_29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6"}</definedName>
    <definedName name="_29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5"}</definedName>
    <definedName name="_2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3"}</definedName>
    <definedName name="_29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4"}</definedName>
    <definedName name="_29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3"}</definedName>
    <definedName name="_29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2"}</definedName>
    <definedName name="_29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1"}</definedName>
    <definedName name="_29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0"}</definedName>
    <definedName name="_29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9"}</definedName>
    <definedName name="_29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8"}</definedName>
    <definedName name="_29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7"}</definedName>
    <definedName name="_29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6"}</definedName>
    <definedName name="_29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5"}</definedName>
    <definedName name="_2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2"}</definedName>
    <definedName name="_29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4"}</definedName>
    <definedName name="_29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3"}</definedName>
    <definedName name="_29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2"}</definedName>
    <definedName name="_29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1"}</definedName>
    <definedName name="_29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0"}</definedName>
    <definedName name="_29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9"}</definedName>
    <definedName name="_29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8"}</definedName>
    <definedName name="_29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7"}</definedName>
    <definedName name="_29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6"}</definedName>
    <definedName name="_29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5"}</definedName>
    <definedName name="_2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1"}</definedName>
    <definedName name="_29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4"}</definedName>
    <definedName name="_29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3"}</definedName>
    <definedName name="_29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2"}</definedName>
    <definedName name="_29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1"}</definedName>
    <definedName name="_29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0"}</definedName>
    <definedName name="_29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9"}</definedName>
    <definedName name="_29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8"}</definedName>
    <definedName name="_29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7"}</definedName>
    <definedName name="_29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6"}</definedName>
    <definedName name="_29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5"}</definedName>
    <definedName name="_2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0"}</definedName>
    <definedName name="_29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4"}</definedName>
    <definedName name="_29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3"}</definedName>
    <definedName name="_29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2"}</definedName>
    <definedName name="_29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1"}</definedName>
    <definedName name="_29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0"}</definedName>
    <definedName name="_29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9"}</definedName>
    <definedName name="_29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8"}</definedName>
    <definedName name="_29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7"}</definedName>
    <definedName name="_29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6"}</definedName>
    <definedName name="_29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5"}</definedName>
    <definedName name="_3__123Graph_ACDIUS" hidden="1">[3]TESTE!$E$132:$E$151</definedName>
    <definedName name="_3__123Graph_BCHART_2" hidden="1">[7]DUCOCO!$B$35:$F$35</definedName>
    <definedName name="_3__123Graph_XCDIUS" hidden="1">[3]TESTE!$C$132:$C$151</definedName>
    <definedName name="_3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2"}</definedName>
    <definedName name="_30___123Graph_XCDIUS" hidden="1">[3]TESTE!$C$132:$C$151</definedName>
    <definedName name="_30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5"}</definedName>
    <definedName name="_3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9"}</definedName>
    <definedName name="_30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4"}</definedName>
    <definedName name="_30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3"}</definedName>
    <definedName name="_30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2"}</definedName>
    <definedName name="_30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1"}</definedName>
    <definedName name="_30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0"}</definedName>
    <definedName name="_30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9"}</definedName>
    <definedName name="_30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8"}</definedName>
    <definedName name="_30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7"}</definedName>
    <definedName name="_30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6"}</definedName>
    <definedName name="_30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5"}</definedName>
    <definedName name="_3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8"}</definedName>
    <definedName name="_30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4"}</definedName>
    <definedName name="_30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3"}</definedName>
    <definedName name="_30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2"}</definedName>
    <definedName name="_30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1"}</definedName>
    <definedName name="_30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0"}</definedName>
    <definedName name="_30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9"}</definedName>
    <definedName name="_30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8"}</definedName>
    <definedName name="_30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7"}</definedName>
    <definedName name="_30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6"}</definedName>
    <definedName name="_30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5"}</definedName>
    <definedName name="_3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7"}</definedName>
    <definedName name="_30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4"}</definedName>
    <definedName name="_30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3"}</definedName>
    <definedName name="_30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2"}</definedName>
    <definedName name="_30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1"}</definedName>
    <definedName name="_30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0"}</definedName>
    <definedName name="_30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9"}</definedName>
    <definedName name="_30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8"}</definedName>
    <definedName name="_30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7"}</definedName>
    <definedName name="_30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6"}</definedName>
    <definedName name="_30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5"}</definedName>
    <definedName name="_3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6"}</definedName>
    <definedName name="_30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4"}</definedName>
    <definedName name="_30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3"}</definedName>
    <definedName name="_30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2"}</definedName>
    <definedName name="_30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1"}</definedName>
    <definedName name="_30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0"}</definedName>
    <definedName name="_30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9"}</definedName>
    <definedName name="_30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8"}</definedName>
    <definedName name="_30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7"}</definedName>
    <definedName name="_30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6"}</definedName>
    <definedName name="_30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5"}</definedName>
    <definedName name="_3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5"}</definedName>
    <definedName name="_30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4"}</definedName>
    <definedName name="_30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3"}</definedName>
    <definedName name="_30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2"}</definedName>
    <definedName name="_30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1"}</definedName>
    <definedName name="_30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definedName>
    <definedName name="_30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definedName>
    <definedName name="_30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definedName>
    <definedName name="_30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definedName>
    <definedName name="_30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definedName>
    <definedName name="_30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definedName>
    <definedName name="_3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4"}</definedName>
    <definedName name="_30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definedName>
    <definedName name="_30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definedName>
    <definedName name="_30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definedName>
    <definedName name="_30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definedName>
    <definedName name="_30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definedName>
    <definedName name="_30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definedName>
    <definedName name="_30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definedName>
    <definedName name="_30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definedName>
    <definedName name="_30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definedName>
    <definedName name="_30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definedName>
    <definedName name="_3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3"}</definedName>
    <definedName name="_30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definedName>
    <definedName name="_30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definedName>
    <definedName name="_30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definedName>
    <definedName name="_30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definedName>
    <definedName name="_30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definedName>
    <definedName name="_30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definedName>
    <definedName name="_30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definedName>
    <definedName name="_30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definedName>
    <definedName name="_30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definedName>
    <definedName name="_30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definedName>
    <definedName name="_3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2"}</definedName>
    <definedName name="_30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definedName>
    <definedName name="_30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definedName>
    <definedName name="_30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definedName>
    <definedName name="_30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definedName>
    <definedName name="_30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definedName>
    <definedName name="_30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definedName>
    <definedName name="_30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definedName>
    <definedName name="_30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definedName>
    <definedName name="_30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definedName>
    <definedName name="_30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definedName>
    <definedName name="_3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1"}</definedName>
    <definedName name="_30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definedName>
    <definedName name="_30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definedName>
    <definedName name="_30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definedName>
    <definedName name="_30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definedName>
    <definedName name="_30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definedName>
    <definedName name="_30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definedName>
    <definedName name="_30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definedName>
    <definedName name="_30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definedName>
    <definedName name="_30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definedName>
    <definedName name="_30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definedName>
    <definedName name="_3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0"}</definedName>
    <definedName name="_30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definedName>
    <definedName name="_30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definedName>
    <definedName name="_30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definedName>
    <definedName name="_30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definedName>
    <definedName name="_30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0"}</definedName>
    <definedName name="_30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6"}</definedName>
    <definedName name="_30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5"}</definedName>
    <definedName name="_30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4"}</definedName>
    <definedName name="_30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3"}</definedName>
    <definedName name="_30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2"}</definedName>
    <definedName name="_31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4"}</definedName>
    <definedName name="_3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9"}</definedName>
    <definedName name="_31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1"}</definedName>
    <definedName name="_31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0"}</definedName>
    <definedName name="_31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9"}</definedName>
    <definedName name="_31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8"}</definedName>
    <definedName name="_31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7"}</definedName>
    <definedName name="_31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6"}</definedName>
    <definedName name="_31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5"}</definedName>
    <definedName name="_31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4"}</definedName>
    <definedName name="_31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3"}</definedName>
    <definedName name="_31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2"}</definedName>
    <definedName name="_3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8"}</definedName>
    <definedName name="_31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1"}</definedName>
    <definedName name="_31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0"}</definedName>
    <definedName name="_31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9"}</definedName>
    <definedName name="_31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8"}</definedName>
    <definedName name="_31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7"}</definedName>
    <definedName name="_31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6"}</definedName>
    <definedName name="_31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5"}</definedName>
    <definedName name="_31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4"}</definedName>
    <definedName name="_31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3"}</definedName>
    <definedName name="_31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2"}</definedName>
    <definedName name="_3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7"}</definedName>
    <definedName name="_31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1"}</definedName>
    <definedName name="_31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0"}</definedName>
    <definedName name="_31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9"}</definedName>
    <definedName name="_31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8"}</definedName>
    <definedName name="_31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7"}</definedName>
    <definedName name="_31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6"}</definedName>
    <definedName name="_31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5"}</definedName>
    <definedName name="_31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4"}</definedName>
    <definedName name="_31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3"}</definedName>
    <definedName name="_31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2"}</definedName>
    <definedName name="_3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6"}</definedName>
    <definedName name="_31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1"}</definedName>
    <definedName name="_31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0"}</definedName>
    <definedName name="_31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9"}</definedName>
    <definedName name="_31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8"}</definedName>
    <definedName name="_31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7"}</definedName>
    <definedName name="_31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6"}</definedName>
    <definedName name="_31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5"}</definedName>
    <definedName name="_31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4"}</definedName>
    <definedName name="_31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3"}</definedName>
    <definedName name="_31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2"}</definedName>
    <definedName name="_3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5"}</definedName>
    <definedName name="_31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1"}</definedName>
    <definedName name="_31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0"}</definedName>
    <definedName name="_31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9"}</definedName>
    <definedName name="_31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8"}</definedName>
    <definedName name="_31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7"}</definedName>
    <definedName name="_31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6"}</definedName>
    <definedName name="_31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5"}</definedName>
    <definedName name="_31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4"}</definedName>
    <definedName name="_31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3"}</definedName>
    <definedName name="_31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2"}</definedName>
    <definedName name="_3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4"}</definedName>
    <definedName name="_31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1"}</definedName>
    <definedName name="_31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0"}</definedName>
    <definedName name="_31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9"}</definedName>
    <definedName name="_31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8"}</definedName>
    <definedName name="_31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7"}</definedName>
    <definedName name="_31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6"}</definedName>
    <definedName name="_31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5"}</definedName>
    <definedName name="_31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4"}</definedName>
    <definedName name="_31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3"}</definedName>
    <definedName name="_31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2"}</definedName>
    <definedName name="_3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3"}</definedName>
    <definedName name="_31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1"}</definedName>
    <definedName name="_31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0"}</definedName>
    <definedName name="_31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9"}</definedName>
    <definedName name="_31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8"}</definedName>
    <definedName name="_31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7"}</definedName>
    <definedName name="_31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6"}</definedName>
    <definedName name="_31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5"}</definedName>
    <definedName name="_31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4"}</definedName>
    <definedName name="_31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3"}</definedName>
    <definedName name="_31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2"}</definedName>
    <definedName name="_3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2"}</definedName>
    <definedName name="_31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1"}</definedName>
    <definedName name="_31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0"}</definedName>
    <definedName name="_31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9"}</definedName>
    <definedName name="_31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8"}</definedName>
    <definedName name="_31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7"}</definedName>
    <definedName name="_31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6"}</definedName>
    <definedName name="_31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5"}</definedName>
    <definedName name="_31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4"}</definedName>
    <definedName name="_31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3"}</definedName>
    <definedName name="_31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2"}</definedName>
    <definedName name="_3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1"}</definedName>
    <definedName name="_31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1"}</definedName>
    <definedName name="_31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0"}</definedName>
    <definedName name="_31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9"}</definedName>
    <definedName name="_31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8"}</definedName>
    <definedName name="_31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7"}</definedName>
    <definedName name="_31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6"}</definedName>
    <definedName name="_31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5"}</definedName>
    <definedName name="_31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4"}</definedName>
    <definedName name="_31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3"}</definedName>
    <definedName name="_31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2"}</definedName>
    <definedName name="_3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0"}</definedName>
    <definedName name="_31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1"}</definedName>
    <definedName name="_31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0"}</definedName>
    <definedName name="_31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9"}</definedName>
    <definedName name="_31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8"}</definedName>
    <definedName name="_31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7"}</definedName>
    <definedName name="_31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6"}</definedName>
    <definedName name="_31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5"}</definedName>
    <definedName name="_31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4"}</definedName>
    <definedName name="_31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3"}</definedName>
    <definedName name="_31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2"}</definedName>
    <definedName name="_32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3"}</definedName>
    <definedName name="_3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9"}</definedName>
    <definedName name="_32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1"}</definedName>
    <definedName name="_32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0"}</definedName>
    <definedName name="_32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9"}</definedName>
    <definedName name="_32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8"}</definedName>
    <definedName name="_32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7"}</definedName>
    <definedName name="_32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6"}</definedName>
    <definedName name="_32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5"}</definedName>
    <definedName name="_32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4"}</definedName>
    <definedName name="_32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3"}</definedName>
    <definedName name="_32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2"}</definedName>
    <definedName name="_3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8"}</definedName>
    <definedName name="_32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1"}</definedName>
    <definedName name="_32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0"}</definedName>
    <definedName name="_32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9"}</definedName>
    <definedName name="_32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8"}</definedName>
    <definedName name="_32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7"}</definedName>
    <definedName name="_32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6"}</definedName>
    <definedName name="_32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5"}</definedName>
    <definedName name="_32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4"}</definedName>
    <definedName name="_32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3"}</definedName>
    <definedName name="_32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2"}</definedName>
    <definedName name="_3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7"}</definedName>
    <definedName name="_32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1"}</definedName>
    <definedName name="_32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0"}</definedName>
    <definedName name="_32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9"}</definedName>
    <definedName name="_32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8"}</definedName>
    <definedName name="_32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7"}</definedName>
    <definedName name="_32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6"}</definedName>
    <definedName name="_32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5"}</definedName>
    <definedName name="_32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4"}</definedName>
    <definedName name="_32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3"}</definedName>
    <definedName name="_32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2"}</definedName>
    <definedName name="_3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6"}</definedName>
    <definedName name="_32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1"}</definedName>
    <definedName name="_32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0"}</definedName>
    <definedName name="_32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9"}</definedName>
    <definedName name="_32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8"}</definedName>
    <definedName name="_32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7"}</definedName>
    <definedName name="_32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6"}</definedName>
    <definedName name="_32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5"}</definedName>
    <definedName name="_32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4"}</definedName>
    <definedName name="_32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3"}</definedName>
    <definedName name="_32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2"}</definedName>
    <definedName name="_3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5"}</definedName>
    <definedName name="_32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1"}</definedName>
    <definedName name="_32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0"}</definedName>
    <definedName name="_32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9"}</definedName>
    <definedName name="_32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8"}</definedName>
    <definedName name="_32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7"}</definedName>
    <definedName name="_32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6"}</definedName>
    <definedName name="_32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5"}</definedName>
    <definedName name="_32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4"}</definedName>
    <definedName name="_32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3"}</definedName>
    <definedName name="_32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2"}</definedName>
    <definedName name="_3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4"}</definedName>
    <definedName name="_32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1"}</definedName>
    <definedName name="_32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0"}</definedName>
    <definedName name="_32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9"}</definedName>
    <definedName name="_32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8"}</definedName>
    <definedName name="_32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7"}</definedName>
    <definedName name="_32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6"}</definedName>
    <definedName name="_32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5"}</definedName>
    <definedName name="_32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4"}</definedName>
    <definedName name="_32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3"}</definedName>
    <definedName name="_32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2"}</definedName>
    <definedName name="_3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3"}</definedName>
    <definedName name="_32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1"}</definedName>
    <definedName name="_32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0"}</definedName>
    <definedName name="_32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9"}</definedName>
    <definedName name="_32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8"}</definedName>
    <definedName name="_32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7"}</definedName>
    <definedName name="_32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6"}</definedName>
    <definedName name="_32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5"}</definedName>
    <definedName name="_32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4"}</definedName>
    <definedName name="_32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3"}</definedName>
    <definedName name="_32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2"}</definedName>
    <definedName name="_3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2"}</definedName>
    <definedName name="_32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1"}</definedName>
    <definedName name="_32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0"}</definedName>
    <definedName name="_32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9"}</definedName>
    <definedName name="_32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8"}</definedName>
    <definedName name="_32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7"}</definedName>
    <definedName name="_32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6"}</definedName>
    <definedName name="_32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5"}</definedName>
    <definedName name="_32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4"}</definedName>
    <definedName name="_32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3"}</definedName>
    <definedName name="_32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2"}</definedName>
    <definedName name="_3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1"}</definedName>
    <definedName name="_32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1"}</definedName>
    <definedName name="_32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0"}</definedName>
    <definedName name="_32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9"}</definedName>
    <definedName name="_32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8"}</definedName>
    <definedName name="_32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7"}</definedName>
    <definedName name="_32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6"}</definedName>
    <definedName name="_32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5"}</definedName>
    <definedName name="_32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4"}</definedName>
    <definedName name="_32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3"}</definedName>
    <definedName name="_32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2"}</definedName>
    <definedName name="_3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0"}</definedName>
    <definedName name="_32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1"}</definedName>
    <definedName name="_32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0"}</definedName>
    <definedName name="_32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9"}</definedName>
    <definedName name="_32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8"}</definedName>
    <definedName name="_32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7"}</definedName>
    <definedName name="_32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6"}</definedName>
    <definedName name="_32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5"}</definedName>
    <definedName name="_32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4"}</definedName>
    <definedName name="_32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3"}</definedName>
    <definedName name="_32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2"}</definedName>
    <definedName name="_33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2"}</definedName>
    <definedName name="_3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9"}</definedName>
    <definedName name="_33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1"}</definedName>
    <definedName name="_33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0"}</definedName>
    <definedName name="_33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9"}</definedName>
    <definedName name="_33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8"}</definedName>
    <definedName name="_33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7"}</definedName>
    <definedName name="_33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6"}</definedName>
    <definedName name="_33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5"}</definedName>
    <definedName name="_33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4"}</definedName>
    <definedName name="_33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3"}</definedName>
    <definedName name="_33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2"}</definedName>
    <definedName name="_3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8"}</definedName>
    <definedName name="_33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1"}</definedName>
    <definedName name="_33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0"}</definedName>
    <definedName name="_33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9"}</definedName>
    <definedName name="_33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8"}</definedName>
    <definedName name="_33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7"}</definedName>
    <definedName name="_33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6"}</definedName>
    <definedName name="_33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5"}</definedName>
    <definedName name="_33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4"}</definedName>
    <definedName name="_33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3"}</definedName>
    <definedName name="_33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2"}</definedName>
    <definedName name="_3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7"}</definedName>
    <definedName name="_33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1"}</definedName>
    <definedName name="_33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0"}</definedName>
    <definedName name="_33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9"}</definedName>
    <definedName name="_33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8"}</definedName>
    <definedName name="_33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7"}</definedName>
    <definedName name="_33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6"}</definedName>
    <definedName name="_33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5"}</definedName>
    <definedName name="_33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4"}</definedName>
    <definedName name="_33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3"}</definedName>
    <definedName name="_33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2"}</definedName>
    <definedName name="_3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6"}</definedName>
    <definedName name="_33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1"}</definedName>
    <definedName name="_33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0"}</definedName>
    <definedName name="_33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9"}</definedName>
    <definedName name="_33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8"}</definedName>
    <definedName name="_33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7"}</definedName>
    <definedName name="_33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6"}</definedName>
    <definedName name="_33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5"}</definedName>
    <definedName name="_33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4"}</definedName>
    <definedName name="_33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3"}</definedName>
    <definedName name="_33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2"}</definedName>
    <definedName name="_3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5"}</definedName>
    <definedName name="_33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1"}</definedName>
    <definedName name="_33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0"}</definedName>
    <definedName name="_33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9"}</definedName>
    <definedName name="_33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8"}</definedName>
    <definedName name="_33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7"}</definedName>
    <definedName name="_33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6"}</definedName>
    <definedName name="_33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5"}</definedName>
    <definedName name="_33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4"}</definedName>
    <definedName name="_33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3"}</definedName>
    <definedName name="_33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2"}</definedName>
    <definedName name="_3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4"}</definedName>
    <definedName name="_33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1"}</definedName>
    <definedName name="_33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0"}</definedName>
    <definedName name="_33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9"}</definedName>
    <definedName name="_33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8"}</definedName>
    <definedName name="_33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7"}</definedName>
    <definedName name="_33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6"}</definedName>
    <definedName name="_33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5"}</definedName>
    <definedName name="_33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4"}</definedName>
    <definedName name="_33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3"}</definedName>
    <definedName name="_33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2"}</definedName>
    <definedName name="_3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3"}</definedName>
    <definedName name="_33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1"}</definedName>
    <definedName name="_33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0"}</definedName>
    <definedName name="_33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9"}</definedName>
    <definedName name="_33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8"}</definedName>
    <definedName name="_33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7"}</definedName>
    <definedName name="_33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6"}</definedName>
    <definedName name="_33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5"}</definedName>
    <definedName name="_33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4"}</definedName>
    <definedName name="_33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3"}</definedName>
    <definedName name="_33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2"}</definedName>
    <definedName name="_3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2"}</definedName>
    <definedName name="_33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1"}</definedName>
    <definedName name="_33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0"}</definedName>
    <definedName name="_33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9"}</definedName>
    <definedName name="_33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8"}</definedName>
    <definedName name="_33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7"}</definedName>
    <definedName name="_33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6"}</definedName>
    <definedName name="_33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5"}</definedName>
    <definedName name="_33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4"}</definedName>
    <definedName name="_33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3"}</definedName>
    <definedName name="_33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2"}</definedName>
    <definedName name="_3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1"}</definedName>
    <definedName name="_33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1"}</definedName>
    <definedName name="_33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0"}</definedName>
    <definedName name="_33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9"}</definedName>
    <definedName name="_33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8"}</definedName>
    <definedName name="_33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7"}</definedName>
    <definedName name="_33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6"}</definedName>
    <definedName name="_33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5"}</definedName>
    <definedName name="_33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4"}</definedName>
    <definedName name="_33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3"}</definedName>
    <definedName name="_33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2"}</definedName>
    <definedName name="_3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0"}</definedName>
    <definedName name="_33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1"}</definedName>
    <definedName name="_33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0"}</definedName>
    <definedName name="_33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9"}</definedName>
    <definedName name="_33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8"}</definedName>
    <definedName name="_33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7"}</definedName>
    <definedName name="_33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6"}</definedName>
    <definedName name="_33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5"}</definedName>
    <definedName name="_33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4"}</definedName>
    <definedName name="_33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3"}</definedName>
    <definedName name="_33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2"}</definedName>
    <definedName name="_34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1"}</definedName>
    <definedName name="_3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9"}</definedName>
    <definedName name="_34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1"}</definedName>
    <definedName name="_34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0"}</definedName>
    <definedName name="_34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9"}</definedName>
    <definedName name="_34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8"}</definedName>
    <definedName name="_34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7"}</definedName>
    <definedName name="_34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6"}</definedName>
    <definedName name="_34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5"}</definedName>
    <definedName name="_34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4"}</definedName>
    <definedName name="_34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3"}</definedName>
    <definedName name="_34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2"}</definedName>
    <definedName name="_3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8"}</definedName>
    <definedName name="_34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1"}</definedName>
    <definedName name="_34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0"}</definedName>
    <definedName name="_34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9"}</definedName>
    <definedName name="_34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8"}</definedName>
    <definedName name="_34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7"}</definedName>
    <definedName name="_34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6"}</definedName>
    <definedName name="_34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5"}</definedName>
    <definedName name="_34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4"}</definedName>
    <definedName name="_34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3"}</definedName>
    <definedName name="_34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2"}</definedName>
    <definedName name="_3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7"}</definedName>
    <definedName name="_34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1"}</definedName>
    <definedName name="_34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0"}</definedName>
    <definedName name="_34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9"}</definedName>
    <definedName name="_34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8"}</definedName>
    <definedName name="_34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7"}</definedName>
    <definedName name="_34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6"}</definedName>
    <definedName name="_34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5"}</definedName>
    <definedName name="_34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4"}</definedName>
    <definedName name="_34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3"}</definedName>
    <definedName name="_34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2"}</definedName>
    <definedName name="_3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6"}</definedName>
    <definedName name="_34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1"}</definedName>
    <definedName name="_34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0"}</definedName>
    <definedName name="_34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9"}</definedName>
    <definedName name="_34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8"}</definedName>
    <definedName name="_34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7"}</definedName>
    <definedName name="_34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6"}</definedName>
    <definedName name="_34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5"}</definedName>
    <definedName name="_34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4"}</definedName>
    <definedName name="_34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3"}</definedName>
    <definedName name="_34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2"}</definedName>
    <definedName name="_3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5"}</definedName>
    <definedName name="_34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1"}</definedName>
    <definedName name="_34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0"}</definedName>
    <definedName name="_34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9"}</definedName>
    <definedName name="_34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8"}</definedName>
    <definedName name="_34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7"}</definedName>
    <definedName name="_34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6"}</definedName>
    <definedName name="_34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5"}</definedName>
    <definedName name="_34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4"}</definedName>
    <definedName name="_34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3"}</definedName>
    <definedName name="_34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2"}</definedName>
    <definedName name="_3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4"}</definedName>
    <definedName name="_34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1"}</definedName>
    <definedName name="_34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0"}</definedName>
    <definedName name="_34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9"}</definedName>
    <definedName name="_34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8"}</definedName>
    <definedName name="_34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7"}</definedName>
    <definedName name="_34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6"}</definedName>
    <definedName name="_34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5"}</definedName>
    <definedName name="_34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4"}</definedName>
    <definedName name="_34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3"}</definedName>
    <definedName name="_34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2"}</definedName>
    <definedName name="_3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3"}</definedName>
    <definedName name="_34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1"}</definedName>
    <definedName name="_34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0"}</definedName>
    <definedName name="_34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9"}</definedName>
    <definedName name="_34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8"}</definedName>
    <definedName name="_34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7"}</definedName>
    <definedName name="_34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6"}</definedName>
    <definedName name="_34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5"}</definedName>
    <definedName name="_34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4"}</definedName>
    <definedName name="_34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3"}</definedName>
    <definedName name="_34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2"}</definedName>
    <definedName name="_3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2"}</definedName>
    <definedName name="_34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1"}</definedName>
    <definedName name="_34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0"}</definedName>
    <definedName name="_34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9"}</definedName>
    <definedName name="_34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8"}</definedName>
    <definedName name="_34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7"}</definedName>
    <definedName name="_34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6"}</definedName>
    <definedName name="_34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5"}</definedName>
    <definedName name="_34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4"}</definedName>
    <definedName name="_34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3"}</definedName>
    <definedName name="_34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2"}</definedName>
    <definedName name="_3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1"}</definedName>
    <definedName name="_34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1"}</definedName>
    <definedName name="_34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0"}</definedName>
    <definedName name="_34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9"}</definedName>
    <definedName name="_34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8"}</definedName>
    <definedName name="_34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7"}</definedName>
    <definedName name="_34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6"}</definedName>
    <definedName name="_34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5"}</definedName>
    <definedName name="_34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4"}</definedName>
    <definedName name="_34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3"}</definedName>
    <definedName name="_34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2"}</definedName>
    <definedName name="_3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0"}</definedName>
    <definedName name="_34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1"}</definedName>
    <definedName name="_34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0"}</definedName>
    <definedName name="_34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9"}</definedName>
    <definedName name="_34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8"}</definedName>
    <definedName name="_34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7"}</definedName>
    <definedName name="_34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6"}</definedName>
    <definedName name="_34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5"}</definedName>
    <definedName name="_34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4"}</definedName>
    <definedName name="_34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3"}</definedName>
    <definedName name="_34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2"}</definedName>
    <definedName name="_35__FDSAUDITLINK__" hidden="1">{"fdsup://directions/FAT Viewer?action=UPDATE&amp;creator=factset&amp;DYN_ARGS=TRUE&amp;DOC_NAME=FAT:FQL_AUDITING_CLIENT_TEMPLATE.FAT&amp;display_string=Audit&amp;VAR:KEY=HGXQBGDUJS&amp;VAR:QUERY=RkZfRUJJVERBX09QRVIoQU5OLDAsLTVBWSk=&amp;WINDOW=FIRST_POPUP&amp;HEIGHT=450&amp;WIDTH=450&amp;START_MA","XIMIZED=FALSE&amp;VAR:CALENDAR=US&amp;VAR:SYMBOL=236197&amp;VAR:INDEX=0"}</definedName>
    <definedName name="_3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9"}</definedName>
    <definedName name="_35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1"}</definedName>
    <definedName name="_35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0"}</definedName>
    <definedName name="_35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9"}</definedName>
    <definedName name="_35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8"}</definedName>
    <definedName name="_35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7"}</definedName>
    <definedName name="_35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6"}</definedName>
    <definedName name="_35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5"}</definedName>
    <definedName name="_35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4"}</definedName>
    <definedName name="_35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3"}</definedName>
    <definedName name="_35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2"}</definedName>
    <definedName name="_3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8"}</definedName>
    <definedName name="_35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1"}</definedName>
    <definedName name="_35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0"}</definedName>
    <definedName name="_35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9"}</definedName>
    <definedName name="_35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8"}</definedName>
    <definedName name="_35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7"}</definedName>
    <definedName name="_35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6"}</definedName>
    <definedName name="_35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5"}</definedName>
    <definedName name="_35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4"}</definedName>
    <definedName name="_35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3"}</definedName>
    <definedName name="_35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2"}</definedName>
    <definedName name="_3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7"}</definedName>
    <definedName name="_35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1"}</definedName>
    <definedName name="_35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0"}</definedName>
    <definedName name="_35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9"}</definedName>
    <definedName name="_35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8"}</definedName>
    <definedName name="_35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7"}</definedName>
    <definedName name="_35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6"}</definedName>
    <definedName name="_35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5"}</definedName>
    <definedName name="_35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4"}</definedName>
    <definedName name="_35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3"}</definedName>
    <definedName name="_35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2"}</definedName>
    <definedName name="_3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6"}</definedName>
    <definedName name="_35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1"}</definedName>
    <definedName name="_35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0"}</definedName>
    <definedName name="_35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9"}</definedName>
    <definedName name="_35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8"}</definedName>
    <definedName name="_35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7"}</definedName>
    <definedName name="_35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6"}</definedName>
    <definedName name="_35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5"}</definedName>
    <definedName name="_35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4"}</definedName>
    <definedName name="_35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3"}</definedName>
    <definedName name="_35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2"}</definedName>
    <definedName name="_3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5"}</definedName>
    <definedName name="_35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1"}</definedName>
    <definedName name="_3541__FDSAUDITLINK__" hidden="1">{"fdsup://directions/FAT Viewer?action=UPDATE&amp;creator=factset&amp;DYN_ARGS=TRUE&amp;DOC_NAME=FAT:FQL_AUDITING_CLIENT_TEMPLATE.FAT&amp;display_string=Audit&amp;VAR:KEY=GNOZGZSTCH&amp;VAR:QUERY=RkZfRU5UUlBSX1ZBTF9EQUlMWSgtMkFZLDQxMTcyLEQsLCwnRElMJyk=&amp;WINDOW=FIRST_POPUP&amp;HEIGHT=45","0&amp;WIDTH=450&amp;START_MAXIMIZED=FALSE&amp;VAR:CALENDAR=US&amp;VAR:SYMBOL=B1FRH8&amp;VAR:INDEX=507"}</definedName>
    <definedName name="_35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9"}</definedName>
    <definedName name="_35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8"}</definedName>
    <definedName name="_35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7"}</definedName>
    <definedName name="_35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6"}</definedName>
    <definedName name="_35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5"}</definedName>
    <definedName name="_35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4"}</definedName>
    <definedName name="_35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3"}</definedName>
    <definedName name="_35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2"}</definedName>
    <definedName name="_3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4"}</definedName>
    <definedName name="_35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1"}</definedName>
    <definedName name="_35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definedName>
    <definedName name="_35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definedName>
    <definedName name="_35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definedName>
    <definedName name="_35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definedName>
    <definedName name="_35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definedName>
    <definedName name="_35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definedName>
    <definedName name="_35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definedName>
    <definedName name="_35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definedName>
    <definedName name="_35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definedName>
    <definedName name="_3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3"}</definedName>
    <definedName name="_35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definedName>
    <definedName name="_35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definedName>
    <definedName name="_35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definedName>
    <definedName name="_35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definedName>
    <definedName name="_35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definedName>
    <definedName name="_35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definedName>
    <definedName name="_35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definedName>
    <definedName name="_35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definedName>
    <definedName name="_35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definedName>
    <definedName name="_35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definedName>
    <definedName name="_3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2"}</definedName>
    <definedName name="_35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definedName>
    <definedName name="_35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definedName>
    <definedName name="_35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definedName>
    <definedName name="_35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definedName>
    <definedName name="_35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definedName>
    <definedName name="_35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definedName>
    <definedName name="_35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definedName>
    <definedName name="_35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definedName>
    <definedName name="_35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definedName>
    <definedName name="_35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definedName>
    <definedName name="_3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1"}</definedName>
    <definedName name="_35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definedName>
    <definedName name="_35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definedName>
    <definedName name="_35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definedName>
    <definedName name="_35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definedName>
    <definedName name="_35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definedName>
    <definedName name="_35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definedName>
    <definedName name="_35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definedName>
    <definedName name="_35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definedName>
    <definedName name="_35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definedName>
    <definedName name="_35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definedName>
    <definedName name="_3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0"}</definedName>
    <definedName name="_35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definedName>
    <definedName name="_35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definedName>
    <definedName name="_35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definedName>
    <definedName name="_35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definedName>
    <definedName name="_35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definedName>
    <definedName name="_35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definedName>
    <definedName name="_35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definedName>
    <definedName name="_35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definedName>
    <definedName name="_35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definedName>
    <definedName name="_35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definedName>
    <definedName name="_36__FDSAUDITLINK__" hidden="1">{"fdsup://Directions/FactSet Auditing Viewer?action=AUDIT_VALUE&amp;DB=129&amp;ID1=B23GH5&amp;VALUEID=01001&amp;SDATE=2010&amp;PERIODTYPE=ANN_STD&amp;SCFT=3&amp;window=popup_no_bar&amp;width=385&amp;height=120&amp;START_MAXIMIZED=FALSE&amp;creator=factset&amp;display_string=Audit"}</definedName>
    <definedName name="_3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9"}</definedName>
    <definedName name="_36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definedName>
    <definedName name="_36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0"}</definedName>
    <definedName name="_36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6"}</definedName>
    <definedName name="_36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5"}</definedName>
    <definedName name="_36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4"}</definedName>
    <definedName name="_36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3"}</definedName>
    <definedName name="_36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2"}</definedName>
    <definedName name="_36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1"}</definedName>
    <definedName name="_36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0"}</definedName>
    <definedName name="_36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9"}</definedName>
    <definedName name="_3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8"}</definedName>
    <definedName name="_36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8"}</definedName>
    <definedName name="_36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7"}</definedName>
    <definedName name="_36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6"}</definedName>
    <definedName name="_36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5"}</definedName>
    <definedName name="_36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4"}</definedName>
    <definedName name="_36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3"}</definedName>
    <definedName name="_36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2"}</definedName>
    <definedName name="_36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1"}</definedName>
    <definedName name="_36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0"}</definedName>
    <definedName name="_36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9"}</definedName>
    <definedName name="_3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7"}</definedName>
    <definedName name="_36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8"}</definedName>
    <definedName name="_36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7"}</definedName>
    <definedName name="_36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6"}</definedName>
    <definedName name="_36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5"}</definedName>
    <definedName name="_36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4"}</definedName>
    <definedName name="_36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3"}</definedName>
    <definedName name="_36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2"}</definedName>
    <definedName name="_36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1"}</definedName>
    <definedName name="_36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0"}</definedName>
    <definedName name="_36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9"}</definedName>
    <definedName name="_3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6"}</definedName>
    <definedName name="_36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8"}</definedName>
    <definedName name="_36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7"}</definedName>
    <definedName name="_36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6"}</definedName>
    <definedName name="_36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5"}</definedName>
    <definedName name="_36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4"}</definedName>
    <definedName name="_36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3"}</definedName>
    <definedName name="_36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2"}</definedName>
    <definedName name="_36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1"}</definedName>
    <definedName name="_36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0"}</definedName>
    <definedName name="_36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9"}</definedName>
    <definedName name="_3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5"}</definedName>
    <definedName name="_36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8"}</definedName>
    <definedName name="_36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7"}</definedName>
    <definedName name="_36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6"}</definedName>
    <definedName name="_36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5"}</definedName>
    <definedName name="_36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4"}</definedName>
    <definedName name="_36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3"}</definedName>
    <definedName name="_36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2"}</definedName>
    <definedName name="_36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1"}</definedName>
    <definedName name="_36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0"}</definedName>
    <definedName name="_36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9"}</definedName>
    <definedName name="_3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4"}</definedName>
    <definedName name="_36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8"}</definedName>
    <definedName name="_36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7"}</definedName>
    <definedName name="_36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6"}</definedName>
    <definedName name="_36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5"}</definedName>
    <definedName name="_36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4"}</definedName>
    <definedName name="_36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3"}</definedName>
    <definedName name="_36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2"}</definedName>
    <definedName name="_36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1"}</definedName>
    <definedName name="_36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0"}</definedName>
    <definedName name="_36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9"}</definedName>
    <definedName name="_3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3"}</definedName>
    <definedName name="_36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8"}</definedName>
    <definedName name="_36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7"}</definedName>
    <definedName name="_36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6"}</definedName>
    <definedName name="_36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5"}</definedName>
    <definedName name="_36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4"}</definedName>
    <definedName name="_36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3"}</definedName>
    <definedName name="_36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2"}</definedName>
    <definedName name="_36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1"}</definedName>
    <definedName name="_36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0"}</definedName>
    <definedName name="_36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9"}</definedName>
    <definedName name="_3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2"}</definedName>
    <definedName name="_36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8"}</definedName>
    <definedName name="_36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7"}</definedName>
    <definedName name="_36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6"}</definedName>
    <definedName name="_36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5"}</definedName>
    <definedName name="_36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4"}</definedName>
    <definedName name="_36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3"}</definedName>
    <definedName name="_36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2"}</definedName>
    <definedName name="_36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1"}</definedName>
    <definedName name="_36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0"}</definedName>
    <definedName name="_36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9"}</definedName>
    <definedName name="_3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1"}</definedName>
    <definedName name="_36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8"}</definedName>
    <definedName name="_36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7"}</definedName>
    <definedName name="_36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6"}</definedName>
    <definedName name="_36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5"}</definedName>
    <definedName name="_36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4"}</definedName>
    <definedName name="_36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3"}</definedName>
    <definedName name="_36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2"}</definedName>
    <definedName name="_36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1"}</definedName>
    <definedName name="_36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0"}</definedName>
    <definedName name="_36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9"}</definedName>
    <definedName name="_3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0"}</definedName>
    <definedName name="_36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8"}</definedName>
    <definedName name="_36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7"}</definedName>
    <definedName name="_36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6"}</definedName>
    <definedName name="_36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5"}</definedName>
    <definedName name="_36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4"}</definedName>
    <definedName name="_36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3"}</definedName>
    <definedName name="_36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2"}</definedName>
    <definedName name="_36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1"}</definedName>
    <definedName name="_36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0"}</definedName>
    <definedName name="_36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9"}</definedName>
    <definedName name="_37__FDSAUDITLINK__" hidden="1">{"fdsup://Directions/FactSet Auditing Viewer?action=AUDIT_VALUE&amp;DB=129&amp;ID1=B1YWHR&amp;VALUEID=01001&amp;SDATE=2009&amp;PERIODTYPE=ANN_STD&amp;SCFT=3&amp;window=popup_no_bar&amp;width=385&amp;height=120&amp;START_MAXIMIZED=FALSE&amp;creator=factset&amp;display_string=Audit"}</definedName>
    <definedName name="_3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9"}</definedName>
    <definedName name="_37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8"}</definedName>
    <definedName name="_37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7"}</definedName>
    <definedName name="_37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6"}</definedName>
    <definedName name="_37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5"}</definedName>
    <definedName name="_37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4"}</definedName>
    <definedName name="_37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3"}</definedName>
    <definedName name="_37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2"}</definedName>
    <definedName name="_37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1"}</definedName>
    <definedName name="_37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0"}</definedName>
    <definedName name="_37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9"}</definedName>
    <definedName name="_3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8"}</definedName>
    <definedName name="_37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8"}</definedName>
    <definedName name="_37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7"}</definedName>
    <definedName name="_37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6"}</definedName>
    <definedName name="_37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5"}</definedName>
    <definedName name="_37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4"}</definedName>
    <definedName name="_37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3"}</definedName>
    <definedName name="_37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2"}</definedName>
    <definedName name="_37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1"}</definedName>
    <definedName name="_37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0"}</definedName>
    <definedName name="_37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9"}</definedName>
    <definedName name="_3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7"}</definedName>
    <definedName name="_37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8"}</definedName>
    <definedName name="_37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7"}</definedName>
    <definedName name="_37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6"}</definedName>
    <definedName name="_37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5"}</definedName>
    <definedName name="_37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4"}</definedName>
    <definedName name="_37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3"}</definedName>
    <definedName name="_37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2"}</definedName>
    <definedName name="_37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1"}</definedName>
    <definedName name="_37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0"}</definedName>
    <definedName name="_37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9"}</definedName>
    <definedName name="_3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6"}</definedName>
    <definedName name="_37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8"}</definedName>
    <definedName name="_37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7"}</definedName>
    <definedName name="_37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6"}</definedName>
    <definedName name="_37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5"}</definedName>
    <definedName name="_37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4"}</definedName>
    <definedName name="_37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3"}</definedName>
    <definedName name="_37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2"}</definedName>
    <definedName name="_37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1"}</definedName>
    <definedName name="_37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0"}</definedName>
    <definedName name="_37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9"}</definedName>
    <definedName name="_3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5"}</definedName>
    <definedName name="_37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8"}</definedName>
    <definedName name="_37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7"}</definedName>
    <definedName name="_37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6"}</definedName>
    <definedName name="_37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5"}</definedName>
    <definedName name="_37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4"}</definedName>
    <definedName name="_37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3"}</definedName>
    <definedName name="_37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2"}</definedName>
    <definedName name="_37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1"}</definedName>
    <definedName name="_37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0"}</definedName>
    <definedName name="_37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9"}</definedName>
    <definedName name="_3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4"}</definedName>
    <definedName name="_37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8"}</definedName>
    <definedName name="_37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7"}</definedName>
    <definedName name="_37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6"}</definedName>
    <definedName name="_37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5"}</definedName>
    <definedName name="_37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4"}</definedName>
    <definedName name="_37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3"}</definedName>
    <definedName name="_37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2"}</definedName>
    <definedName name="_37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1"}</definedName>
    <definedName name="_37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0"}</definedName>
    <definedName name="_37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9"}</definedName>
    <definedName name="_3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3"}</definedName>
    <definedName name="_37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8"}</definedName>
    <definedName name="_37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7"}</definedName>
    <definedName name="_37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6"}</definedName>
    <definedName name="_37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5"}</definedName>
    <definedName name="_37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4"}</definedName>
    <definedName name="_37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3"}</definedName>
    <definedName name="_37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2"}</definedName>
    <definedName name="_37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1"}</definedName>
    <definedName name="_37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0"}</definedName>
    <definedName name="_37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9"}</definedName>
    <definedName name="_3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2"}</definedName>
    <definedName name="_37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8"}</definedName>
    <definedName name="_37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7"}</definedName>
    <definedName name="_37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6"}</definedName>
    <definedName name="_37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5"}</definedName>
    <definedName name="_37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4"}</definedName>
    <definedName name="_37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3"}</definedName>
    <definedName name="_37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2"}</definedName>
    <definedName name="_37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1"}</definedName>
    <definedName name="_37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0"}</definedName>
    <definedName name="_37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9"}</definedName>
    <definedName name="_3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1"}</definedName>
    <definedName name="_37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8"}</definedName>
    <definedName name="_37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7"}</definedName>
    <definedName name="_37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6"}</definedName>
    <definedName name="_37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5"}</definedName>
    <definedName name="_37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4"}</definedName>
    <definedName name="_37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3"}</definedName>
    <definedName name="_37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2"}</definedName>
    <definedName name="_37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1"}</definedName>
    <definedName name="_37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0"}</definedName>
    <definedName name="_37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9"}</definedName>
    <definedName name="_3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0"}</definedName>
    <definedName name="_37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8"}</definedName>
    <definedName name="_37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7"}</definedName>
    <definedName name="_37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6"}</definedName>
    <definedName name="_37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5"}</definedName>
    <definedName name="_37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4"}</definedName>
    <definedName name="_37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3"}</definedName>
    <definedName name="_37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2"}</definedName>
    <definedName name="_37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1"}</definedName>
    <definedName name="_37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0"}</definedName>
    <definedName name="_37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9"}</definedName>
    <definedName name="_38__FDSAUDITLINK__" hidden="1">{"fdsup://Directions/FactSet Auditing Viewer?action=AUDIT_VALUE&amp;DB=129&amp;ID1=B1YWHR&amp;VALUEID=01001&amp;SDATE=2010&amp;PERIODTYPE=ANN_STD&amp;SCFT=3&amp;window=popup_no_bar&amp;width=385&amp;height=120&amp;START_MAXIMIZED=FALSE&amp;creator=factset&amp;display_string=Audit"}</definedName>
    <definedName name="_3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9"}</definedName>
    <definedName name="_38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8"}</definedName>
    <definedName name="_38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7"}</definedName>
    <definedName name="_38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6"}</definedName>
    <definedName name="_38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5"}</definedName>
    <definedName name="_38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4"}</definedName>
    <definedName name="_38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3"}</definedName>
    <definedName name="_38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2"}</definedName>
    <definedName name="_38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1"}</definedName>
    <definedName name="_38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0"}</definedName>
    <definedName name="_38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9"}</definedName>
    <definedName name="_3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8"}</definedName>
    <definedName name="_38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8"}</definedName>
    <definedName name="_38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7"}</definedName>
    <definedName name="_38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6"}</definedName>
    <definedName name="_38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5"}</definedName>
    <definedName name="_38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4"}</definedName>
    <definedName name="_38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3"}</definedName>
    <definedName name="_38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2"}</definedName>
    <definedName name="_38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1"}</definedName>
    <definedName name="_38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0"}</definedName>
    <definedName name="_38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9"}</definedName>
    <definedName name="_3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7"}</definedName>
    <definedName name="_38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8"}</definedName>
    <definedName name="_38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7"}</definedName>
    <definedName name="_38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6"}</definedName>
    <definedName name="_38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5"}</definedName>
    <definedName name="_38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4"}</definedName>
    <definedName name="_38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3"}</definedName>
    <definedName name="_38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2"}</definedName>
    <definedName name="_38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1"}</definedName>
    <definedName name="_38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0"}</definedName>
    <definedName name="_38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9"}</definedName>
    <definedName name="_3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6"}</definedName>
    <definedName name="_38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8"}</definedName>
    <definedName name="_38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7"}</definedName>
    <definedName name="_38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6"}</definedName>
    <definedName name="_38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5"}</definedName>
    <definedName name="_38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4"}</definedName>
    <definedName name="_38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3"}</definedName>
    <definedName name="_38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2"}</definedName>
    <definedName name="_38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1"}</definedName>
    <definedName name="_38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0"}</definedName>
    <definedName name="_38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9"}</definedName>
    <definedName name="_3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5"}</definedName>
    <definedName name="_38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8"}</definedName>
    <definedName name="_38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7"}</definedName>
    <definedName name="_38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6"}</definedName>
    <definedName name="_38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5"}</definedName>
    <definedName name="_38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4"}</definedName>
    <definedName name="_38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3"}</definedName>
    <definedName name="_38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2"}</definedName>
    <definedName name="_38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1"}</definedName>
    <definedName name="_38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0"}</definedName>
    <definedName name="_38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9"}</definedName>
    <definedName name="_3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4"}</definedName>
    <definedName name="_38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8"}</definedName>
    <definedName name="_38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7"}</definedName>
    <definedName name="_38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6"}</definedName>
    <definedName name="_38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5"}</definedName>
    <definedName name="_38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4"}</definedName>
    <definedName name="_38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3"}</definedName>
    <definedName name="_38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2"}</definedName>
    <definedName name="_38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1"}</definedName>
    <definedName name="_38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0"}</definedName>
    <definedName name="_38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9"}</definedName>
    <definedName name="_3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3"}</definedName>
    <definedName name="_38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8"}</definedName>
    <definedName name="_38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7"}</definedName>
    <definedName name="_38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6"}</definedName>
    <definedName name="_38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5"}</definedName>
    <definedName name="_38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4"}</definedName>
    <definedName name="_38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3"}</definedName>
    <definedName name="_38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2"}</definedName>
    <definedName name="_38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1"}</definedName>
    <definedName name="_38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0"}</definedName>
    <definedName name="_38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9"}</definedName>
    <definedName name="_3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2"}</definedName>
    <definedName name="_38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8"}</definedName>
    <definedName name="_38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7"}</definedName>
    <definedName name="_38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6"}</definedName>
    <definedName name="_38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5"}</definedName>
    <definedName name="_38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4"}</definedName>
    <definedName name="_38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3"}</definedName>
    <definedName name="_38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2"}</definedName>
    <definedName name="_38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1"}</definedName>
    <definedName name="_38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0"}</definedName>
    <definedName name="_38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9"}</definedName>
    <definedName name="_3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1"}</definedName>
    <definedName name="_38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8"}</definedName>
    <definedName name="_38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7"}</definedName>
    <definedName name="_38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6"}</definedName>
    <definedName name="_38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5"}</definedName>
    <definedName name="_38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4"}</definedName>
    <definedName name="_38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3"}</definedName>
    <definedName name="_38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2"}</definedName>
    <definedName name="_38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1"}</definedName>
    <definedName name="_38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0"}</definedName>
    <definedName name="_38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9"}</definedName>
    <definedName name="_3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0"}</definedName>
    <definedName name="_38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8"}</definedName>
    <definedName name="_38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7"}</definedName>
    <definedName name="_38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6"}</definedName>
    <definedName name="_38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5"}</definedName>
    <definedName name="_38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4"}</definedName>
    <definedName name="_38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3"}</definedName>
    <definedName name="_38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2"}</definedName>
    <definedName name="_38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1"}</definedName>
    <definedName name="_38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0"}</definedName>
    <definedName name="_38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9"}</definedName>
    <definedName name="_39__FDSAUDITLINK__" hidden="1">{"fdsup://Directions/FactSet Auditing Viewer?action=AUDIT_VALUE&amp;DB=129&amp;ID1=B3NS1W&amp;VALUEID=01001&amp;SDATE=2008&amp;PERIODTYPE=ANN_STD&amp;SCFT=3&amp;window=popup_no_bar&amp;width=385&amp;height=120&amp;START_MAXIMIZED=FALSE&amp;creator=factset&amp;display_string=Audit"}</definedName>
    <definedName name="_3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9"}</definedName>
    <definedName name="_39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8"}</definedName>
    <definedName name="_39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7"}</definedName>
    <definedName name="_39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6"}</definedName>
    <definedName name="_39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5"}</definedName>
    <definedName name="_39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4"}</definedName>
    <definedName name="_39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3"}</definedName>
    <definedName name="_39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2"}</definedName>
    <definedName name="_39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1"}</definedName>
    <definedName name="_39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0"}</definedName>
    <definedName name="_39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9"}</definedName>
    <definedName name="_3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8"}</definedName>
    <definedName name="_39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8"}</definedName>
    <definedName name="_39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7"}</definedName>
    <definedName name="_39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6"}</definedName>
    <definedName name="_39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5"}</definedName>
    <definedName name="_39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4"}</definedName>
    <definedName name="_39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3"}</definedName>
    <definedName name="_39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2"}</definedName>
    <definedName name="_39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1"}</definedName>
    <definedName name="_39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0"}</definedName>
    <definedName name="_39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9"}</definedName>
    <definedName name="_3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7"}</definedName>
    <definedName name="_39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8"}</definedName>
    <definedName name="_39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7"}</definedName>
    <definedName name="_39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6"}</definedName>
    <definedName name="_39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5"}</definedName>
    <definedName name="_39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4"}</definedName>
    <definedName name="_39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3"}</definedName>
    <definedName name="_39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2"}</definedName>
    <definedName name="_39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1"}</definedName>
    <definedName name="_39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0"}</definedName>
    <definedName name="_39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9"}</definedName>
    <definedName name="_3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6"}</definedName>
    <definedName name="_39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8"}</definedName>
    <definedName name="_39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7"}</definedName>
    <definedName name="_39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6"}</definedName>
    <definedName name="_39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5"}</definedName>
    <definedName name="_39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4"}</definedName>
    <definedName name="_39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3"}</definedName>
    <definedName name="_39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2"}</definedName>
    <definedName name="_39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1"}</definedName>
    <definedName name="_39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0"}</definedName>
    <definedName name="_39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9"}</definedName>
    <definedName name="_3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5"}</definedName>
    <definedName name="_39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8"}</definedName>
    <definedName name="_39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7"}</definedName>
    <definedName name="_39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6"}</definedName>
    <definedName name="_39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5"}</definedName>
    <definedName name="_39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4"}</definedName>
    <definedName name="_39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3"}</definedName>
    <definedName name="_39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2"}</definedName>
    <definedName name="_39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1"}</definedName>
    <definedName name="_39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0"}</definedName>
    <definedName name="_39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9"}</definedName>
    <definedName name="_3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4"}</definedName>
    <definedName name="_39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8"}</definedName>
    <definedName name="_39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7"}</definedName>
    <definedName name="_39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6"}</definedName>
    <definedName name="_39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5"}</definedName>
    <definedName name="_39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4"}</definedName>
    <definedName name="_39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3"}</definedName>
    <definedName name="_39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2"}</definedName>
    <definedName name="_39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1"}</definedName>
    <definedName name="_39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0"}</definedName>
    <definedName name="_39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9"}</definedName>
    <definedName name="_3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3"}</definedName>
    <definedName name="_39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8"}</definedName>
    <definedName name="_39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7"}</definedName>
    <definedName name="_39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6"}</definedName>
    <definedName name="_39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5"}</definedName>
    <definedName name="_39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4"}</definedName>
    <definedName name="_39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3"}</definedName>
    <definedName name="_39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2"}</definedName>
    <definedName name="_39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1"}</definedName>
    <definedName name="_39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0"}</definedName>
    <definedName name="_39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9"}</definedName>
    <definedName name="_3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2"}</definedName>
    <definedName name="_39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8"}</definedName>
    <definedName name="_39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7"}</definedName>
    <definedName name="_39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6"}</definedName>
    <definedName name="_39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5"}</definedName>
    <definedName name="_39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4"}</definedName>
    <definedName name="_39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3"}</definedName>
    <definedName name="_39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2"}</definedName>
    <definedName name="_39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1"}</definedName>
    <definedName name="_39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0"}</definedName>
    <definedName name="_39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9"}</definedName>
    <definedName name="_3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1"}</definedName>
    <definedName name="_39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8"}</definedName>
    <definedName name="_39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7"}</definedName>
    <definedName name="_39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6"}</definedName>
    <definedName name="_39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5"}</definedName>
    <definedName name="_39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4"}</definedName>
    <definedName name="_39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3"}</definedName>
    <definedName name="_39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2"}</definedName>
    <definedName name="_39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1"}</definedName>
    <definedName name="_39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0"}</definedName>
    <definedName name="_39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9"}</definedName>
    <definedName name="_3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0"}</definedName>
    <definedName name="_39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8"}</definedName>
    <definedName name="_39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7"}</definedName>
    <definedName name="_39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6"}</definedName>
    <definedName name="_39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5"}</definedName>
    <definedName name="_39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4"}</definedName>
    <definedName name="_39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3"}</definedName>
    <definedName name="_39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2"}</definedName>
    <definedName name="_39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1"}</definedName>
    <definedName name="_39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0"}</definedName>
    <definedName name="_39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9"}</definedName>
    <definedName name="_4__123Graph_BCDIUS" hidden="1">[3]TESTE!$H$132:$H$151</definedName>
    <definedName name="_4__123Graph_CCHART_2" hidden="1">[7]DUCOCO!$B$36:$F$36</definedName>
    <definedName name="_4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1"}</definedName>
    <definedName name="_40__FDSAUDITLINK__" hidden="1">{"fdsup://Directions/FactSet Auditing Viewer?action=AUDIT_VALUE&amp;DB=129&amp;ID1=B3NS1W&amp;VALUEID=01001&amp;SDATE=2009&amp;PERIODTYPE=ANN_STD&amp;SCFT=3&amp;window=popup_no_bar&amp;width=385&amp;height=120&amp;START_MAXIMIZED=FALSE&amp;creator=factset&amp;display_string=Audit"}</definedName>
    <definedName name="_4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9"}</definedName>
    <definedName name="_40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8"}</definedName>
    <definedName name="_40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7"}</definedName>
    <definedName name="_40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6"}</definedName>
    <definedName name="_40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5"}</definedName>
    <definedName name="_40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4"}</definedName>
    <definedName name="_40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3"}</definedName>
    <definedName name="_40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2"}</definedName>
    <definedName name="_40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1"}</definedName>
    <definedName name="_40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0"}</definedName>
    <definedName name="_40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9"}</definedName>
    <definedName name="_4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8"}</definedName>
    <definedName name="_40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8"}</definedName>
    <definedName name="_40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7"}</definedName>
    <definedName name="_40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6"}</definedName>
    <definedName name="_40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5"}</definedName>
    <definedName name="_40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4"}</definedName>
    <definedName name="_40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3"}</definedName>
    <definedName name="_40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2"}</definedName>
    <definedName name="_40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1"}</definedName>
    <definedName name="_40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0"}</definedName>
    <definedName name="_40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9"}</definedName>
    <definedName name="_4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7"}</definedName>
    <definedName name="_40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8"}</definedName>
    <definedName name="_40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7"}</definedName>
    <definedName name="_40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6"}</definedName>
    <definedName name="_40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5"}</definedName>
    <definedName name="_40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4"}</definedName>
    <definedName name="_40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3"}</definedName>
    <definedName name="_40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2"}</definedName>
    <definedName name="_40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1"}</definedName>
    <definedName name="_40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0"}</definedName>
    <definedName name="_40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9"}</definedName>
    <definedName name="_4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6"}</definedName>
    <definedName name="_40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8"}</definedName>
    <definedName name="_40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7"}</definedName>
    <definedName name="_40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6"}</definedName>
    <definedName name="_40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5"}</definedName>
    <definedName name="_40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4"}</definedName>
    <definedName name="_40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3"}</definedName>
    <definedName name="_40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2"}</definedName>
    <definedName name="_40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1"}</definedName>
    <definedName name="_40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0"}</definedName>
    <definedName name="_40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9"}</definedName>
    <definedName name="_4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5"}</definedName>
    <definedName name="_40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8"}</definedName>
    <definedName name="_40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7"}</definedName>
    <definedName name="_40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6"}</definedName>
    <definedName name="_40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5"}</definedName>
    <definedName name="_40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4"}</definedName>
    <definedName name="_40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3"}</definedName>
    <definedName name="_40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2"}</definedName>
    <definedName name="_40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1"}</definedName>
    <definedName name="_40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0"}</definedName>
    <definedName name="_40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9"}</definedName>
    <definedName name="_4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4"}</definedName>
    <definedName name="_40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8"}</definedName>
    <definedName name="_40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7"}</definedName>
    <definedName name="_40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6"}</definedName>
    <definedName name="_40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5"}</definedName>
    <definedName name="_40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4"}</definedName>
    <definedName name="_40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3"}</definedName>
    <definedName name="_40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2"}</definedName>
    <definedName name="_40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1"}</definedName>
    <definedName name="_40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definedName>
    <definedName name="_40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definedName>
    <definedName name="_4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3"}</definedName>
    <definedName name="_40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definedName>
    <definedName name="_40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definedName>
    <definedName name="_40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definedName>
    <definedName name="_40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definedName>
    <definedName name="_40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definedName>
    <definedName name="_40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definedName>
    <definedName name="_40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definedName>
    <definedName name="_40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definedName>
    <definedName name="_40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definedName>
    <definedName name="_40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definedName>
    <definedName name="_4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2"}</definedName>
    <definedName name="_40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definedName>
    <definedName name="_40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definedName>
    <definedName name="_40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definedName>
    <definedName name="_40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definedName>
    <definedName name="_40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definedName>
    <definedName name="_40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definedName>
    <definedName name="_40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definedName>
    <definedName name="_40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definedName>
    <definedName name="_40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definedName>
    <definedName name="_40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definedName>
    <definedName name="_4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1"}</definedName>
    <definedName name="_40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definedName>
    <definedName name="_40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definedName>
    <definedName name="_40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definedName>
    <definedName name="_40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definedName>
    <definedName name="_40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definedName>
    <definedName name="_40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definedName>
    <definedName name="_40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definedName>
    <definedName name="_40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definedName>
    <definedName name="_40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definedName>
    <definedName name="_40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definedName>
    <definedName name="_4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0"}</definedName>
    <definedName name="_40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definedName>
    <definedName name="_40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definedName>
    <definedName name="_40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definedName>
    <definedName name="_40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definedName>
    <definedName name="_40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definedName>
    <definedName name="_40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definedName>
    <definedName name="_40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definedName>
    <definedName name="_40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definedName>
    <definedName name="_40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definedName>
    <definedName name="_40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definedName>
    <definedName name="_41__FDSAUDITLINK__" hidden="1">{"fdsup://Directions/FactSet Auditing Viewer?action=AUDIT_VALUE&amp;DB=129&amp;ID1=B1V74X&amp;VALUEID=01001&amp;SDATE=2010&amp;PERIODTYPE=ANN_STD&amp;SCFT=3&amp;window=popup_no_bar&amp;width=385&amp;height=120&amp;START_MAXIMIZED=FALSE&amp;creator=factset&amp;display_string=Audit"}</definedName>
    <definedName name="_4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9"}</definedName>
    <definedName name="_41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definedName>
    <definedName name="_41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definedName>
    <definedName name="_41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definedName>
    <definedName name="_41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definedName>
    <definedName name="_41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definedName>
    <definedName name="_41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definedName>
    <definedName name="_41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definedName>
    <definedName name="_41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definedName>
    <definedName name="_41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0"}</definedName>
    <definedName name="_41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6"}</definedName>
    <definedName name="_4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8"}</definedName>
    <definedName name="_41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5"}</definedName>
    <definedName name="_41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4"}</definedName>
    <definedName name="_41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3"}</definedName>
    <definedName name="_41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2"}</definedName>
    <definedName name="_41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1"}</definedName>
    <definedName name="_41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0"}</definedName>
    <definedName name="_41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9"}</definedName>
    <definedName name="_41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8"}</definedName>
    <definedName name="_41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7"}</definedName>
    <definedName name="_41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6"}</definedName>
    <definedName name="_4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7"}</definedName>
    <definedName name="_41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5"}</definedName>
    <definedName name="_41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4"}</definedName>
    <definedName name="_41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3"}</definedName>
    <definedName name="_41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2"}</definedName>
    <definedName name="_41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1"}</definedName>
    <definedName name="_41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0"}</definedName>
    <definedName name="_41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9"}</definedName>
    <definedName name="_41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8"}</definedName>
    <definedName name="_41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7"}</definedName>
    <definedName name="_41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6"}</definedName>
    <definedName name="_4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6"}</definedName>
    <definedName name="_41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5"}</definedName>
    <definedName name="_41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4"}</definedName>
    <definedName name="_41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3"}</definedName>
    <definedName name="_41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2"}</definedName>
    <definedName name="_41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1"}</definedName>
    <definedName name="_41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0"}</definedName>
    <definedName name="_41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9"}</definedName>
    <definedName name="_41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8"}</definedName>
    <definedName name="_41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7"}</definedName>
    <definedName name="_41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6"}</definedName>
    <definedName name="_4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5"}</definedName>
    <definedName name="_41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5"}</definedName>
    <definedName name="_41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4"}</definedName>
    <definedName name="_41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3"}</definedName>
    <definedName name="_41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2"}</definedName>
    <definedName name="_41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1"}</definedName>
    <definedName name="_41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0"}</definedName>
    <definedName name="_41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9"}</definedName>
    <definedName name="_41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8"}</definedName>
    <definedName name="_41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7"}</definedName>
    <definedName name="_41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6"}</definedName>
    <definedName name="_4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4"}</definedName>
    <definedName name="_41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5"}</definedName>
    <definedName name="_41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4"}</definedName>
    <definedName name="_41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3"}</definedName>
    <definedName name="_41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2"}</definedName>
    <definedName name="_41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1"}</definedName>
    <definedName name="_41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0"}</definedName>
    <definedName name="_41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9"}</definedName>
    <definedName name="_41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8"}</definedName>
    <definedName name="_41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7"}</definedName>
    <definedName name="_41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6"}</definedName>
    <definedName name="_4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3"}</definedName>
    <definedName name="_41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5"}</definedName>
    <definedName name="_41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4"}</definedName>
    <definedName name="_41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3"}</definedName>
    <definedName name="_41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2"}</definedName>
    <definedName name="_41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1"}</definedName>
    <definedName name="_41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0"}</definedName>
    <definedName name="_41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9"}</definedName>
    <definedName name="_41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8"}</definedName>
    <definedName name="_41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7"}</definedName>
    <definedName name="_41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6"}</definedName>
    <definedName name="_4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2"}</definedName>
    <definedName name="_41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5"}</definedName>
    <definedName name="_41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4"}</definedName>
    <definedName name="_41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3"}</definedName>
    <definedName name="_41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2"}</definedName>
    <definedName name="_41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1"}</definedName>
    <definedName name="_41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0"}</definedName>
    <definedName name="_41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9"}</definedName>
    <definedName name="_41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8"}</definedName>
    <definedName name="_41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7"}</definedName>
    <definedName name="_41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6"}</definedName>
    <definedName name="_4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1"}</definedName>
    <definedName name="_41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5"}</definedName>
    <definedName name="_41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4"}</definedName>
    <definedName name="_41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3"}</definedName>
    <definedName name="_41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2"}</definedName>
    <definedName name="_41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1"}</definedName>
    <definedName name="_41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0"}</definedName>
    <definedName name="_41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9"}</definedName>
    <definedName name="_41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8"}</definedName>
    <definedName name="_41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7"}</definedName>
    <definedName name="_41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6"}</definedName>
    <definedName name="_4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0"}</definedName>
    <definedName name="_41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5"}</definedName>
    <definedName name="_41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4"}</definedName>
    <definedName name="_41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3"}</definedName>
    <definedName name="_41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2"}</definedName>
    <definedName name="_41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1"}</definedName>
    <definedName name="_41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0"}</definedName>
    <definedName name="_41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9"}</definedName>
    <definedName name="_41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8"}</definedName>
    <definedName name="_41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7"}</definedName>
    <definedName name="_41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6"}</definedName>
    <definedName name="_42__FDSAUDITLINK__" hidden="1">{"fdsup://Directions/FactSet Auditing Viewer?action=AUDIT_VALUE&amp;DB=129&amp;ID1=B23GH5&amp;VALUEID=01001&amp;SDATE=2011&amp;PERIODTYPE=ANN_STD&amp;SCFT=3&amp;window=popup_no_bar&amp;width=385&amp;height=120&amp;START_MAXIMIZED=FALSE&amp;creator=factset&amp;display_string=Audit"}</definedName>
    <definedName name="_4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9"}</definedName>
    <definedName name="_42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5"}</definedName>
    <definedName name="_42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4"}</definedName>
    <definedName name="_42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3"}</definedName>
    <definedName name="_42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2"}</definedName>
    <definedName name="_42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1"}</definedName>
    <definedName name="_42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0"}</definedName>
    <definedName name="_42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9"}</definedName>
    <definedName name="_42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8"}</definedName>
    <definedName name="_42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7"}</definedName>
    <definedName name="_42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6"}</definedName>
    <definedName name="_4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8"}</definedName>
    <definedName name="_42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5"}</definedName>
    <definedName name="_42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4"}</definedName>
    <definedName name="_42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3"}</definedName>
    <definedName name="_42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2"}</definedName>
    <definedName name="_42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1"}</definedName>
    <definedName name="_42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0"}</definedName>
    <definedName name="_42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9"}</definedName>
    <definedName name="_42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8"}</definedName>
    <definedName name="_42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7"}</definedName>
    <definedName name="_42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6"}</definedName>
    <definedName name="_4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7"}</definedName>
    <definedName name="_42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5"}</definedName>
    <definedName name="_42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4"}</definedName>
    <definedName name="_42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3"}</definedName>
    <definedName name="_42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2"}</definedName>
    <definedName name="_42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1"}</definedName>
    <definedName name="_42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0"}</definedName>
    <definedName name="_42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9"}</definedName>
    <definedName name="_42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8"}</definedName>
    <definedName name="_42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7"}</definedName>
    <definedName name="_42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6"}</definedName>
    <definedName name="_4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6"}</definedName>
    <definedName name="_42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5"}</definedName>
    <definedName name="_42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4"}</definedName>
    <definedName name="_42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3"}</definedName>
    <definedName name="_42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2"}</definedName>
    <definedName name="_42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1"}</definedName>
    <definedName name="_42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0"}</definedName>
    <definedName name="_42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9"}</definedName>
    <definedName name="_42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8"}</definedName>
    <definedName name="_42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7"}</definedName>
    <definedName name="_42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6"}</definedName>
    <definedName name="_4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5"}</definedName>
    <definedName name="_42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5"}</definedName>
    <definedName name="_42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4"}</definedName>
    <definedName name="_42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3"}</definedName>
    <definedName name="_42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2"}</definedName>
    <definedName name="_42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1"}</definedName>
    <definedName name="_42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0"}</definedName>
    <definedName name="_42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9"}</definedName>
    <definedName name="_42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8"}</definedName>
    <definedName name="_42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7"}</definedName>
    <definedName name="_42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6"}</definedName>
    <definedName name="_4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4"}</definedName>
    <definedName name="_42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5"}</definedName>
    <definedName name="_42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4"}</definedName>
    <definedName name="_42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3"}</definedName>
    <definedName name="_42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2"}</definedName>
    <definedName name="_42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1"}</definedName>
    <definedName name="_42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0"}</definedName>
    <definedName name="_42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9"}</definedName>
    <definedName name="_42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8"}</definedName>
    <definedName name="_42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7"}</definedName>
    <definedName name="_42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6"}</definedName>
    <definedName name="_4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3"}</definedName>
    <definedName name="_42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5"}</definedName>
    <definedName name="_42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4"}</definedName>
    <definedName name="_42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3"}</definedName>
    <definedName name="_42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2"}</definedName>
    <definedName name="_42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1"}</definedName>
    <definedName name="_42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0"}</definedName>
    <definedName name="_42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9"}</definedName>
    <definedName name="_42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8"}</definedName>
    <definedName name="_42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7"}</definedName>
    <definedName name="_42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6"}</definedName>
    <definedName name="_4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2"}</definedName>
    <definedName name="_42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5"}</definedName>
    <definedName name="_42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4"}</definedName>
    <definedName name="_42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3"}</definedName>
    <definedName name="_42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2"}</definedName>
    <definedName name="_42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1"}</definedName>
    <definedName name="_42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0"}</definedName>
    <definedName name="_42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9"}</definedName>
    <definedName name="_42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8"}</definedName>
    <definedName name="_42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7"}</definedName>
    <definedName name="_42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6"}</definedName>
    <definedName name="_4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1"}</definedName>
    <definedName name="_42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5"}</definedName>
    <definedName name="_42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4"}</definedName>
    <definedName name="_42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3"}</definedName>
    <definedName name="_42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2"}</definedName>
    <definedName name="_42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1"}</definedName>
    <definedName name="_42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0"}</definedName>
    <definedName name="_42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9"}</definedName>
    <definedName name="_42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8"}</definedName>
    <definedName name="_42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7"}</definedName>
    <definedName name="_42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6"}</definedName>
    <definedName name="_4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0"}</definedName>
    <definedName name="_42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5"}</definedName>
    <definedName name="_42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4"}</definedName>
    <definedName name="_42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3"}</definedName>
    <definedName name="_42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2"}</definedName>
    <definedName name="_42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1"}</definedName>
    <definedName name="_42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0"}</definedName>
    <definedName name="_42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9"}</definedName>
    <definedName name="_42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8"}</definedName>
    <definedName name="_42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7"}</definedName>
    <definedName name="_42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6"}</definedName>
    <definedName name="_43__FDSAUDITLINK__" hidden="1">{"fdsup://Directions/FactSet Auditing Viewer?action=AUDIT_VALUE&amp;DB=129&amp;ID1=B1FRH8&amp;VALUEID=01001&amp;SDATE=2010&amp;PERIODTYPE=ANN_STD&amp;SCFT=3&amp;window=popup_no_bar&amp;width=385&amp;height=120&amp;START_MAXIMIZED=FALSE&amp;creator=factset&amp;display_string=Audit"}</definedName>
    <definedName name="_4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9"}</definedName>
    <definedName name="_43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5"}</definedName>
    <definedName name="_43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4"}</definedName>
    <definedName name="_43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3"}</definedName>
    <definedName name="_43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2"}</definedName>
    <definedName name="_43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1"}</definedName>
    <definedName name="_43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0"}</definedName>
    <definedName name="_43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9"}</definedName>
    <definedName name="_43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8"}</definedName>
    <definedName name="_43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7"}</definedName>
    <definedName name="_43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6"}</definedName>
    <definedName name="_4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8"}</definedName>
    <definedName name="_43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5"}</definedName>
    <definedName name="_43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4"}</definedName>
    <definedName name="_43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3"}</definedName>
    <definedName name="_43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2"}</definedName>
    <definedName name="_43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1"}</definedName>
    <definedName name="_43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0"}</definedName>
    <definedName name="_43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9"}</definedName>
    <definedName name="_43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8"}</definedName>
    <definedName name="_43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7"}</definedName>
    <definedName name="_43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6"}</definedName>
    <definedName name="_4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7"}</definedName>
    <definedName name="_43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5"}</definedName>
    <definedName name="_43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4"}</definedName>
    <definedName name="_43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3"}</definedName>
    <definedName name="_43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2"}</definedName>
    <definedName name="_43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1"}</definedName>
    <definedName name="_43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0"}</definedName>
    <definedName name="_43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9"}</definedName>
    <definedName name="_43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8"}</definedName>
    <definedName name="_43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7"}</definedName>
    <definedName name="_43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6"}</definedName>
    <definedName name="_4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6"}</definedName>
    <definedName name="_43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5"}</definedName>
    <definedName name="_43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4"}</definedName>
    <definedName name="_43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3"}</definedName>
    <definedName name="_43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2"}</definedName>
    <definedName name="_43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1"}</definedName>
    <definedName name="_43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0"}</definedName>
    <definedName name="_43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9"}</definedName>
    <definedName name="_43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8"}</definedName>
    <definedName name="_43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7"}</definedName>
    <definedName name="_43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6"}</definedName>
    <definedName name="_4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5"}</definedName>
    <definedName name="_43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5"}</definedName>
    <definedName name="_43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4"}</definedName>
    <definedName name="_43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3"}</definedName>
    <definedName name="_43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2"}</definedName>
    <definedName name="_43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1"}</definedName>
    <definedName name="_43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0"}</definedName>
    <definedName name="_43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9"}</definedName>
    <definedName name="_43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8"}</definedName>
    <definedName name="_43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7"}</definedName>
    <definedName name="_43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6"}</definedName>
    <definedName name="_4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4"}</definedName>
    <definedName name="_43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5"}</definedName>
    <definedName name="_43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4"}</definedName>
    <definedName name="_43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3"}</definedName>
    <definedName name="_43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2"}</definedName>
    <definedName name="_43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1"}</definedName>
    <definedName name="_43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0"}</definedName>
    <definedName name="_43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9"}</definedName>
    <definedName name="_43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8"}</definedName>
    <definedName name="_43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7"}</definedName>
    <definedName name="_43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6"}</definedName>
    <definedName name="_4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3"}</definedName>
    <definedName name="_43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5"}</definedName>
    <definedName name="_43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4"}</definedName>
    <definedName name="_43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3"}</definedName>
    <definedName name="_43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2"}</definedName>
    <definedName name="_43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1"}</definedName>
    <definedName name="_43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0"}</definedName>
    <definedName name="_43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9"}</definedName>
    <definedName name="_43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8"}</definedName>
    <definedName name="_43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7"}</definedName>
    <definedName name="_43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6"}</definedName>
    <definedName name="_4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2"}</definedName>
    <definedName name="_43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5"}</definedName>
    <definedName name="_43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4"}</definedName>
    <definedName name="_43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3"}</definedName>
    <definedName name="_43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2"}</definedName>
    <definedName name="_43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1"}</definedName>
    <definedName name="_43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0"}</definedName>
    <definedName name="_43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9"}</definedName>
    <definedName name="_43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8"}</definedName>
    <definedName name="_43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7"}</definedName>
    <definedName name="_43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6"}</definedName>
    <definedName name="_4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1"}</definedName>
    <definedName name="_43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5"}</definedName>
    <definedName name="_43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4"}</definedName>
    <definedName name="_43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3"}</definedName>
    <definedName name="_43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2"}</definedName>
    <definedName name="_43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1"}</definedName>
    <definedName name="_43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0"}</definedName>
    <definedName name="_43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9"}</definedName>
    <definedName name="_43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8"}</definedName>
    <definedName name="_43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7"}</definedName>
    <definedName name="_43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6"}</definedName>
    <definedName name="_4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0"}</definedName>
    <definedName name="_43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5"}</definedName>
    <definedName name="_43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4"}</definedName>
    <definedName name="_43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3"}</definedName>
    <definedName name="_43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2"}</definedName>
    <definedName name="_43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1"}</definedName>
    <definedName name="_43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0"}</definedName>
    <definedName name="_43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9"}</definedName>
    <definedName name="_43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8"}</definedName>
    <definedName name="_43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7"}</definedName>
    <definedName name="_43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6"}</definedName>
    <definedName name="_44__FDSAUDITLINK__" hidden="1">{"fdsup://Directions/FactSet Auditing Viewer?action=AUDIT_VALUE&amp;DB=129&amp;ID1=B1YWHR&amp;VALUEID=01001&amp;SDATE=2011&amp;PERIODTYPE=ANN_STD&amp;SCFT=3&amp;window=popup_no_bar&amp;width=385&amp;height=120&amp;START_MAXIMIZED=FALSE&amp;creator=factset&amp;display_string=Audit"}</definedName>
    <definedName name="_4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9"}</definedName>
    <definedName name="_44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5"}</definedName>
    <definedName name="_44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4"}</definedName>
    <definedName name="_44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3"}</definedName>
    <definedName name="_44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2"}</definedName>
    <definedName name="_44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1"}</definedName>
    <definedName name="_44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0"}</definedName>
    <definedName name="_44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9"}</definedName>
    <definedName name="_44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8"}</definedName>
    <definedName name="_44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7"}</definedName>
    <definedName name="_44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6"}</definedName>
    <definedName name="_4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8"}</definedName>
    <definedName name="_44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5"}</definedName>
    <definedName name="_44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4"}</definedName>
    <definedName name="_44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3"}</definedName>
    <definedName name="_44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2"}</definedName>
    <definedName name="_44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1"}</definedName>
    <definedName name="_44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0"}</definedName>
    <definedName name="_44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9"}</definedName>
    <definedName name="_44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8"}</definedName>
    <definedName name="_44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7"}</definedName>
    <definedName name="_44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6"}</definedName>
    <definedName name="_4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7"}</definedName>
    <definedName name="_44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5"}</definedName>
    <definedName name="_44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4"}</definedName>
    <definedName name="_44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3"}</definedName>
    <definedName name="_44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2"}</definedName>
    <definedName name="_44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1"}</definedName>
    <definedName name="_44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0"}</definedName>
    <definedName name="_44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9"}</definedName>
    <definedName name="_44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8"}</definedName>
    <definedName name="_44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7"}</definedName>
    <definedName name="_44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6"}</definedName>
    <definedName name="_4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6"}</definedName>
    <definedName name="_44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5"}</definedName>
    <definedName name="_44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4"}</definedName>
    <definedName name="_44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3"}</definedName>
    <definedName name="_44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2"}</definedName>
    <definedName name="_44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1"}</definedName>
    <definedName name="_44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0"}</definedName>
    <definedName name="_44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9"}</definedName>
    <definedName name="_44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8"}</definedName>
    <definedName name="_44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7"}</definedName>
    <definedName name="_44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6"}</definedName>
    <definedName name="_4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5"}</definedName>
    <definedName name="_44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5"}</definedName>
    <definedName name="_44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4"}</definedName>
    <definedName name="_44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3"}</definedName>
    <definedName name="_44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2"}</definedName>
    <definedName name="_44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1"}</definedName>
    <definedName name="_44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0"}</definedName>
    <definedName name="_44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9"}</definedName>
    <definedName name="_44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8"}</definedName>
    <definedName name="_44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7"}</definedName>
    <definedName name="_44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6"}</definedName>
    <definedName name="_4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4"}</definedName>
    <definedName name="_44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5"}</definedName>
    <definedName name="_44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4"}</definedName>
    <definedName name="_44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3"}</definedName>
    <definedName name="_44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2"}</definedName>
    <definedName name="_44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1"}</definedName>
    <definedName name="_44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0"}</definedName>
    <definedName name="_44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9"}</definedName>
    <definedName name="_44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8"}</definedName>
    <definedName name="_44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7"}</definedName>
    <definedName name="_44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6"}</definedName>
    <definedName name="_4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3"}</definedName>
    <definedName name="_44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5"}</definedName>
    <definedName name="_44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4"}</definedName>
    <definedName name="_44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3"}</definedName>
    <definedName name="_44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2"}</definedName>
    <definedName name="_44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1"}</definedName>
    <definedName name="_44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0"}</definedName>
    <definedName name="_44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9"}</definedName>
    <definedName name="_44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8"}</definedName>
    <definedName name="_44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7"}</definedName>
    <definedName name="_44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6"}</definedName>
    <definedName name="_4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2"}</definedName>
    <definedName name="_44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5"}</definedName>
    <definedName name="_44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4"}</definedName>
    <definedName name="_44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3"}</definedName>
    <definedName name="_44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2"}</definedName>
    <definedName name="_44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1"}</definedName>
    <definedName name="_44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0"}</definedName>
    <definedName name="_44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9"}</definedName>
    <definedName name="_44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8"}</definedName>
    <definedName name="_44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7"}</definedName>
    <definedName name="_44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6"}</definedName>
    <definedName name="_4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1"}</definedName>
    <definedName name="_44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5"}</definedName>
    <definedName name="_44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4"}</definedName>
    <definedName name="_44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3"}</definedName>
    <definedName name="_44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2"}</definedName>
    <definedName name="_44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1"}</definedName>
    <definedName name="_44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0"}</definedName>
    <definedName name="_44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9"}</definedName>
    <definedName name="_44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8"}</definedName>
    <definedName name="_44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7"}</definedName>
    <definedName name="_44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6"}</definedName>
    <definedName name="_4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0"}</definedName>
    <definedName name="_44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5"}</definedName>
    <definedName name="_44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4"}</definedName>
    <definedName name="_44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3"}</definedName>
    <definedName name="_44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2"}</definedName>
    <definedName name="_44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1"}</definedName>
    <definedName name="_44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0"}</definedName>
    <definedName name="_44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9"}</definedName>
    <definedName name="_44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8"}</definedName>
    <definedName name="_44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7"}</definedName>
    <definedName name="_44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6"}</definedName>
    <definedName name="_45__FDSAUDITLINK__" hidden="1">{"fdsup://Directions/FactSet Auditing Viewer?action=AUDIT_VALUE&amp;DB=129&amp;ID1=B03L0B&amp;VALUEID=01001&amp;SDATE=2009&amp;PERIODTYPE=ANN_STD&amp;SCFT=3&amp;window=popup_no_bar&amp;width=385&amp;height=120&amp;START_MAXIMIZED=FALSE&amp;creator=factset&amp;display_string=Audit"}</definedName>
    <definedName name="_4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9"}</definedName>
    <definedName name="_45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5"}</definedName>
    <definedName name="_45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4"}</definedName>
    <definedName name="_45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3"}</definedName>
    <definedName name="_45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2"}</definedName>
    <definedName name="_45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1"}</definedName>
    <definedName name="_45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0"}</definedName>
    <definedName name="_45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9"}</definedName>
    <definedName name="_45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8"}</definedName>
    <definedName name="_45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7"}</definedName>
    <definedName name="_45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6"}</definedName>
    <definedName name="_4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8"}</definedName>
    <definedName name="_45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5"}</definedName>
    <definedName name="_45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4"}</definedName>
    <definedName name="_45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3"}</definedName>
    <definedName name="_45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2"}</definedName>
    <definedName name="_45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1"}</definedName>
    <definedName name="_45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0"}</definedName>
    <definedName name="_451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9"}</definedName>
    <definedName name="_451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8"}</definedName>
    <definedName name="_451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7"}</definedName>
    <definedName name="_451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6"}</definedName>
    <definedName name="_4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7"}</definedName>
    <definedName name="_452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5"}</definedName>
    <definedName name="_452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4"}</definedName>
    <definedName name="_452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3"}</definedName>
    <definedName name="_452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2"}</definedName>
    <definedName name="_452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1"}</definedName>
    <definedName name="_452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0"}</definedName>
    <definedName name="_452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9"}</definedName>
    <definedName name="_452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8"}</definedName>
    <definedName name="_452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7"}</definedName>
    <definedName name="_452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6"}</definedName>
    <definedName name="_4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6"}</definedName>
    <definedName name="_453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5"}</definedName>
    <definedName name="_453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4"}</definedName>
    <definedName name="_453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3"}</definedName>
    <definedName name="_453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2"}</definedName>
    <definedName name="_453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1"}</definedName>
    <definedName name="_453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0"}</definedName>
    <definedName name="_453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9"}</definedName>
    <definedName name="_453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8"}</definedName>
    <definedName name="_453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7"}</definedName>
    <definedName name="_453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6"}</definedName>
    <definedName name="_4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5"}</definedName>
    <definedName name="_454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5"}</definedName>
    <definedName name="_454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4"}</definedName>
    <definedName name="_454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3"}</definedName>
    <definedName name="_454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2"}</definedName>
    <definedName name="_454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1"}</definedName>
    <definedName name="_454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0"}</definedName>
    <definedName name="_454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9"}</definedName>
    <definedName name="_454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8"}</definedName>
    <definedName name="_454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7"}</definedName>
    <definedName name="_454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6"}</definedName>
    <definedName name="_4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4"}</definedName>
    <definedName name="_455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5"}</definedName>
    <definedName name="_455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4"}</definedName>
    <definedName name="_455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3"}</definedName>
    <definedName name="_455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2"}</definedName>
    <definedName name="_455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1"}</definedName>
    <definedName name="_455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0"}</definedName>
    <definedName name="_455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9"}</definedName>
    <definedName name="_455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8"}</definedName>
    <definedName name="_455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7"}</definedName>
    <definedName name="_455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6"}</definedName>
    <definedName name="_4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3"}</definedName>
    <definedName name="_456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5"}</definedName>
    <definedName name="_456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4"}</definedName>
    <definedName name="_456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3"}</definedName>
    <definedName name="_456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2"}</definedName>
    <definedName name="_456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1"}</definedName>
    <definedName name="_456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0"}</definedName>
    <definedName name="_456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9"}</definedName>
    <definedName name="_456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8"}</definedName>
    <definedName name="_456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7"}</definedName>
    <definedName name="_456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6"}</definedName>
    <definedName name="_4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2"}</definedName>
    <definedName name="_457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5"}</definedName>
    <definedName name="_457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4"}</definedName>
    <definedName name="_457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3"}</definedName>
    <definedName name="_457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2"}</definedName>
    <definedName name="_457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1"}</definedName>
    <definedName name="_457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0"}</definedName>
    <definedName name="_457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9"}</definedName>
    <definedName name="_457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8"}</definedName>
    <definedName name="_457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7"}</definedName>
    <definedName name="_457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6"}</definedName>
    <definedName name="_4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1"}</definedName>
    <definedName name="_458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5"}</definedName>
    <definedName name="_458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4"}</definedName>
    <definedName name="_458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3"}</definedName>
    <definedName name="_458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2"}</definedName>
    <definedName name="_458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1"}</definedName>
    <definedName name="_458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0"}</definedName>
    <definedName name="_458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9"}</definedName>
    <definedName name="_458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8"}</definedName>
    <definedName name="_458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7"}</definedName>
    <definedName name="_458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6"}</definedName>
    <definedName name="_4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0"}</definedName>
    <definedName name="_459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5"}</definedName>
    <definedName name="_459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4"}</definedName>
    <definedName name="_459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3"}</definedName>
    <definedName name="_459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2"}</definedName>
    <definedName name="_459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1"}</definedName>
    <definedName name="_459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0"}</definedName>
    <definedName name="_459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9"}</definedName>
    <definedName name="_459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8"}</definedName>
    <definedName name="_459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7"}</definedName>
    <definedName name="_459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6"}</definedName>
    <definedName name="_46__FDSAUDITLINK__" hidden="1">{"fdsup://Directions/FactSet Auditing Viewer?action=AUDIT_VALUE&amp;DB=129&amp;ID1=236197&amp;VALUEID=01001&amp;SDATE=2010&amp;PERIODTYPE=ANN_STD&amp;SCFT=3&amp;window=popup_no_bar&amp;width=385&amp;height=120&amp;START_MAXIMIZED=FALSE&amp;creator=factset&amp;display_string=Audit"}</definedName>
    <definedName name="_4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9"}</definedName>
    <definedName name="_460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5"}</definedName>
    <definedName name="_460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4"}</definedName>
    <definedName name="_460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3"}</definedName>
    <definedName name="_460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2"}</definedName>
    <definedName name="_460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1"}</definedName>
    <definedName name="_460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0"}</definedName>
    <definedName name="_4606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9"}</definedName>
    <definedName name="_4607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8"}</definedName>
    <definedName name="_4608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7"}</definedName>
    <definedName name="_4609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6"}</definedName>
    <definedName name="_4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8"}</definedName>
    <definedName name="_4610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5"}</definedName>
    <definedName name="_4611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4"}</definedName>
    <definedName name="_4612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3"}</definedName>
    <definedName name="_4613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2"}</definedName>
    <definedName name="_4614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1"}</definedName>
    <definedName name="_4615__FDSAUDITLINK__" hidden="1">{"fdsup://directions/FAT Viewer?action=UPDATE&amp;creator=factset&amp;DYN_ARGS=TRUE&amp;DOC_NAME=FAT:FQL_AUDITING_CLIENT_TEMPLATE.FAT&amp;display_string=Audit&amp;VAR:KEY=NOLOBWBIJE&amp;VAR:QUERY=RkZfRU5UUlBSX1ZBTF9EQUlMWSgtMkFZLDQxMTEzLEQsLCwnRElMJyk=&amp;WINDOW=FIRST_POPUP&amp;HEIGHT=45","0&amp;WIDTH=450&amp;START_MAXIMIZED=FALSE&amp;VAR:CALENDAR=US&amp;VAR:SYMBOL=B1V74X&amp;VAR:INDEX=0"}</definedName>
    <definedName name="_46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6"}</definedName>
    <definedName name="_46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5"}</definedName>
    <definedName name="_46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4"}</definedName>
    <definedName name="_46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3"}</definedName>
    <definedName name="_4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7"}</definedName>
    <definedName name="_46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2"}</definedName>
    <definedName name="_46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1"}</definedName>
    <definedName name="_46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0"}</definedName>
    <definedName name="_46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9"}</definedName>
    <definedName name="_46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8"}</definedName>
    <definedName name="_46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7"}</definedName>
    <definedName name="_46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6"}</definedName>
    <definedName name="_46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5"}</definedName>
    <definedName name="_46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4"}</definedName>
    <definedName name="_46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3"}</definedName>
    <definedName name="_4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6"}</definedName>
    <definedName name="_46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2"}</definedName>
    <definedName name="_46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1"}</definedName>
    <definedName name="_46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0"}</definedName>
    <definedName name="_46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9"}</definedName>
    <definedName name="_46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8"}</definedName>
    <definedName name="_46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7"}</definedName>
    <definedName name="_46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6"}</definedName>
    <definedName name="_46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5"}</definedName>
    <definedName name="_46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4"}</definedName>
    <definedName name="_46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3"}</definedName>
    <definedName name="_4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5"}</definedName>
    <definedName name="_46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2"}</definedName>
    <definedName name="_46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1"}</definedName>
    <definedName name="_46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0"}</definedName>
    <definedName name="_46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9"}</definedName>
    <definedName name="_46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8"}</definedName>
    <definedName name="_46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7"}</definedName>
    <definedName name="_46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6"}</definedName>
    <definedName name="_46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5"}</definedName>
    <definedName name="_46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4"}</definedName>
    <definedName name="_46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3"}</definedName>
    <definedName name="_4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4"}</definedName>
    <definedName name="_46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2"}</definedName>
    <definedName name="_46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1"}</definedName>
    <definedName name="_46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0"}</definedName>
    <definedName name="_46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9"}</definedName>
    <definedName name="_46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8"}</definedName>
    <definedName name="_46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7"}</definedName>
    <definedName name="_46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6"}</definedName>
    <definedName name="_46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5"}</definedName>
    <definedName name="_46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4"}</definedName>
    <definedName name="_46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3"}</definedName>
    <definedName name="_4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3"}</definedName>
    <definedName name="_46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2"}</definedName>
    <definedName name="_46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1"}</definedName>
    <definedName name="_46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0"}</definedName>
    <definedName name="_46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9"}</definedName>
    <definedName name="_46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8"}</definedName>
    <definedName name="_46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7"}</definedName>
    <definedName name="_46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6"}</definedName>
    <definedName name="_46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5"}</definedName>
    <definedName name="_46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4"}</definedName>
    <definedName name="_46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3"}</definedName>
    <definedName name="_4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2"}</definedName>
    <definedName name="_46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2"}</definedName>
    <definedName name="_46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1"}</definedName>
    <definedName name="_46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0"}</definedName>
    <definedName name="_46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9"}</definedName>
    <definedName name="_46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8"}</definedName>
    <definedName name="_46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7"}</definedName>
    <definedName name="_46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6"}</definedName>
    <definedName name="_46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5"}</definedName>
    <definedName name="_46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4"}</definedName>
    <definedName name="_46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3"}</definedName>
    <definedName name="_4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1"}</definedName>
    <definedName name="_46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2"}</definedName>
    <definedName name="_46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1"}</definedName>
    <definedName name="_46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0"}</definedName>
    <definedName name="_46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9"}</definedName>
    <definedName name="_46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8"}</definedName>
    <definedName name="_46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7"}</definedName>
    <definedName name="_46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6"}</definedName>
    <definedName name="_46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5"}</definedName>
    <definedName name="_46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4"}</definedName>
    <definedName name="_46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3"}</definedName>
    <definedName name="_4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0"}</definedName>
    <definedName name="_46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2"}</definedName>
    <definedName name="_46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1"}</definedName>
    <definedName name="_46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0"}</definedName>
    <definedName name="_46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9"}</definedName>
    <definedName name="_46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8"}</definedName>
    <definedName name="_46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7"}</definedName>
    <definedName name="_46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6"}</definedName>
    <definedName name="_46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5"}</definedName>
    <definedName name="_46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4"}</definedName>
    <definedName name="_46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3"}</definedName>
    <definedName name="_47__FDSAUDITLINK__" hidden="1">{"fdsup://Directions/FactSet Auditing Viewer?action=AUDIT_VALUE&amp;DB=129&amp;ID1=B1V74X&amp;VALUEID=01001&amp;SDATE=2011&amp;PERIODTYPE=ANN_STD&amp;SCFT=3&amp;window=popup_no_bar&amp;width=385&amp;height=120&amp;START_MAXIMIZED=FALSE&amp;creator=factset&amp;display_string=Audit"}</definedName>
    <definedName name="_4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9"}</definedName>
    <definedName name="_47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2"}</definedName>
    <definedName name="_47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1"}</definedName>
    <definedName name="_47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0"}</definedName>
    <definedName name="_47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9"}</definedName>
    <definedName name="_47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8"}</definedName>
    <definedName name="_47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7"}</definedName>
    <definedName name="_47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6"}</definedName>
    <definedName name="_47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5"}</definedName>
    <definedName name="_47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4"}</definedName>
    <definedName name="_47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3"}</definedName>
    <definedName name="_4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8"}</definedName>
    <definedName name="_47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2"}</definedName>
    <definedName name="_47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1"}</definedName>
    <definedName name="_47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0"}</definedName>
    <definedName name="_47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9"}</definedName>
    <definedName name="_47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8"}</definedName>
    <definedName name="_47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7"}</definedName>
    <definedName name="_47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6"}</definedName>
    <definedName name="_47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5"}</definedName>
    <definedName name="_47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4"}</definedName>
    <definedName name="_47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3"}</definedName>
    <definedName name="_4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7"}</definedName>
    <definedName name="_47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2"}</definedName>
    <definedName name="_47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1"}</definedName>
    <definedName name="_47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0"}</definedName>
    <definedName name="_47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9"}</definedName>
    <definedName name="_47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8"}</definedName>
    <definedName name="_47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7"}</definedName>
    <definedName name="_47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6"}</definedName>
    <definedName name="_47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5"}</definedName>
    <definedName name="_47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4"}</definedName>
    <definedName name="_47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3"}</definedName>
    <definedName name="_4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6"}</definedName>
    <definedName name="_47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2"}</definedName>
    <definedName name="_47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1"}</definedName>
    <definedName name="_47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0"}</definedName>
    <definedName name="_47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9"}</definedName>
    <definedName name="_47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8"}</definedName>
    <definedName name="_47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7"}</definedName>
    <definedName name="_47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6"}</definedName>
    <definedName name="_47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5"}</definedName>
    <definedName name="_47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4"}</definedName>
    <definedName name="_47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3"}</definedName>
    <definedName name="_4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5"}</definedName>
    <definedName name="_47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2"}</definedName>
    <definedName name="_47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1"}</definedName>
    <definedName name="_47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0"}</definedName>
    <definedName name="_47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9"}</definedName>
    <definedName name="_47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8"}</definedName>
    <definedName name="_47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7"}</definedName>
    <definedName name="_47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6"}</definedName>
    <definedName name="_47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5"}</definedName>
    <definedName name="_47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4"}</definedName>
    <definedName name="_47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3"}</definedName>
    <definedName name="_4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4"}</definedName>
    <definedName name="_47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2"}</definedName>
    <definedName name="_47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1"}</definedName>
    <definedName name="_47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0"}</definedName>
    <definedName name="_47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9"}</definedName>
    <definedName name="_47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8"}</definedName>
    <definedName name="_47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7"}</definedName>
    <definedName name="_47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6"}</definedName>
    <definedName name="_47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5"}</definedName>
    <definedName name="_47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4"}</definedName>
    <definedName name="_47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3"}</definedName>
    <definedName name="_4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3"}</definedName>
    <definedName name="_47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2"}</definedName>
    <definedName name="_47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1"}</definedName>
    <definedName name="_47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0"}</definedName>
    <definedName name="_47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9"}</definedName>
    <definedName name="_47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8"}</definedName>
    <definedName name="_47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7"}</definedName>
    <definedName name="_47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6"}</definedName>
    <definedName name="_47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5"}</definedName>
    <definedName name="_47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4"}</definedName>
    <definedName name="_47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3"}</definedName>
    <definedName name="_4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2"}</definedName>
    <definedName name="_47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2"}</definedName>
    <definedName name="_47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1"}</definedName>
    <definedName name="_47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0"}</definedName>
    <definedName name="_47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9"}</definedName>
    <definedName name="_47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8"}</definedName>
    <definedName name="_47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7"}</definedName>
    <definedName name="_47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6"}</definedName>
    <definedName name="_47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5"}</definedName>
    <definedName name="_47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4"}</definedName>
    <definedName name="_47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3"}</definedName>
    <definedName name="_4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1"}</definedName>
    <definedName name="_47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2"}</definedName>
    <definedName name="_47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1"}</definedName>
    <definedName name="_47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0"}</definedName>
    <definedName name="_47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9"}</definedName>
    <definedName name="_47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8"}</definedName>
    <definedName name="_47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7"}</definedName>
    <definedName name="_47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6"}</definedName>
    <definedName name="_47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5"}</definedName>
    <definedName name="_47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4"}</definedName>
    <definedName name="_47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3"}</definedName>
    <definedName name="_4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0"}</definedName>
    <definedName name="_47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2"}</definedName>
    <definedName name="_47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1"}</definedName>
    <definedName name="_47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0"}</definedName>
    <definedName name="_47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9"}</definedName>
    <definedName name="_47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8"}</definedName>
    <definedName name="_47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7"}</definedName>
    <definedName name="_47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6"}</definedName>
    <definedName name="_47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5"}</definedName>
    <definedName name="_47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4"}</definedName>
    <definedName name="_47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3"}</definedName>
    <definedName name="_48__FDSAUDITLINK__" hidden="1">{"fdsup://Directions/FactSet Auditing Viewer?action=AUDIT_VALUE&amp;DB=129&amp;ID1=B07C79&amp;VALUEID=01001&amp;SDATE=2009&amp;PERIODTYPE=ANN_STD&amp;SCFT=3&amp;window=popup_no_bar&amp;width=385&amp;height=120&amp;START_MAXIMIZED=FALSE&amp;creator=factset&amp;display_string=Audit"}</definedName>
    <definedName name="_4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9"}</definedName>
    <definedName name="_48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2"}</definedName>
    <definedName name="_48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1"}</definedName>
    <definedName name="_48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0"}</definedName>
    <definedName name="_48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9"}</definedName>
    <definedName name="_48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8"}</definedName>
    <definedName name="_48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7"}</definedName>
    <definedName name="_48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6"}</definedName>
    <definedName name="_48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5"}</definedName>
    <definedName name="_48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4"}</definedName>
    <definedName name="_48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3"}</definedName>
    <definedName name="_4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8"}</definedName>
    <definedName name="_48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2"}</definedName>
    <definedName name="_48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1"}</definedName>
    <definedName name="_48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0"}</definedName>
    <definedName name="_48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9"}</definedName>
    <definedName name="_48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8"}</definedName>
    <definedName name="_48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7"}</definedName>
    <definedName name="_48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6"}</definedName>
    <definedName name="_48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5"}</definedName>
    <definedName name="_48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4"}</definedName>
    <definedName name="_48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3"}</definedName>
    <definedName name="_4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7"}</definedName>
    <definedName name="_48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2"}</definedName>
    <definedName name="_48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1"}</definedName>
    <definedName name="_48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0"}</definedName>
    <definedName name="_48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9"}</definedName>
    <definedName name="_48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8"}</definedName>
    <definedName name="_48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7"}</definedName>
    <definedName name="_48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6"}</definedName>
    <definedName name="_48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5"}</definedName>
    <definedName name="_48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4"}</definedName>
    <definedName name="_48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3"}</definedName>
    <definedName name="_4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6"}</definedName>
    <definedName name="_48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2"}</definedName>
    <definedName name="_48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1"}</definedName>
    <definedName name="_48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0"}</definedName>
    <definedName name="_48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9"}</definedName>
    <definedName name="_48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8"}</definedName>
    <definedName name="_48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7"}</definedName>
    <definedName name="_48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6"}</definedName>
    <definedName name="_48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5"}</definedName>
    <definedName name="_48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4"}</definedName>
    <definedName name="_48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3"}</definedName>
    <definedName name="_4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5"}</definedName>
    <definedName name="_48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2"}</definedName>
    <definedName name="_48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1"}</definedName>
    <definedName name="_48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0"}</definedName>
    <definedName name="_48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9"}</definedName>
    <definedName name="_48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8"}</definedName>
    <definedName name="_48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7"}</definedName>
    <definedName name="_48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6"}</definedName>
    <definedName name="_48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5"}</definedName>
    <definedName name="_48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4"}</definedName>
    <definedName name="_48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3"}</definedName>
    <definedName name="_4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4"}</definedName>
    <definedName name="_48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2"}</definedName>
    <definedName name="_48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1"}</definedName>
    <definedName name="_48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0"}</definedName>
    <definedName name="_48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9"}</definedName>
    <definedName name="_48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8"}</definedName>
    <definedName name="_48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7"}</definedName>
    <definedName name="_48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6"}</definedName>
    <definedName name="_48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5"}</definedName>
    <definedName name="_48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4"}</definedName>
    <definedName name="_48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3"}</definedName>
    <definedName name="_4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3"}</definedName>
    <definedName name="_48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2"}</definedName>
    <definedName name="_48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1"}</definedName>
    <definedName name="_48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0"}</definedName>
    <definedName name="_48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9"}</definedName>
    <definedName name="_48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8"}</definedName>
    <definedName name="_48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7"}</definedName>
    <definedName name="_48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6"}</definedName>
    <definedName name="_48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5"}</definedName>
    <definedName name="_48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4"}</definedName>
    <definedName name="_48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3"}</definedName>
    <definedName name="_4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2"}</definedName>
    <definedName name="_48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2"}</definedName>
    <definedName name="_48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1"}</definedName>
    <definedName name="_48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0"}</definedName>
    <definedName name="_48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9"}</definedName>
    <definedName name="_48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8"}</definedName>
    <definedName name="_48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7"}</definedName>
    <definedName name="_48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6"}</definedName>
    <definedName name="_48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5"}</definedName>
    <definedName name="_48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4"}</definedName>
    <definedName name="_48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3"}</definedName>
    <definedName name="_4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1"}</definedName>
    <definedName name="_48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2"}</definedName>
    <definedName name="_48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1"}</definedName>
    <definedName name="_48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0"}</definedName>
    <definedName name="_48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9"}</definedName>
    <definedName name="_48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8"}</definedName>
    <definedName name="_48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7"}</definedName>
    <definedName name="_48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6"}</definedName>
    <definedName name="_48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5"}</definedName>
    <definedName name="_48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4"}</definedName>
    <definedName name="_48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3"}</definedName>
    <definedName name="_4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0"}</definedName>
    <definedName name="_48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2"}</definedName>
    <definedName name="_48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1"}</definedName>
    <definedName name="_48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0"}</definedName>
    <definedName name="_48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9"}</definedName>
    <definedName name="_48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8"}</definedName>
    <definedName name="_48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7"}</definedName>
    <definedName name="_48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6"}</definedName>
    <definedName name="_48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5"}</definedName>
    <definedName name="_48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4"}</definedName>
    <definedName name="_48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3"}</definedName>
    <definedName name="_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6"}</definedName>
    <definedName name="_4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9"}</definedName>
    <definedName name="_49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2"}</definedName>
    <definedName name="_49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1"}</definedName>
    <definedName name="_49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0"}</definedName>
    <definedName name="_49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9"}</definedName>
    <definedName name="_49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8"}</definedName>
    <definedName name="_49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7"}</definedName>
    <definedName name="_49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6"}</definedName>
    <definedName name="_49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5"}</definedName>
    <definedName name="_49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4"}</definedName>
    <definedName name="_49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3"}</definedName>
    <definedName name="_4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8"}</definedName>
    <definedName name="_49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2"}</definedName>
    <definedName name="_49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1"}</definedName>
    <definedName name="_49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0"}</definedName>
    <definedName name="_49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9"}</definedName>
    <definedName name="_49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8"}</definedName>
    <definedName name="_49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7"}</definedName>
    <definedName name="_49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6"}</definedName>
    <definedName name="_49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5"}</definedName>
    <definedName name="_49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4"}</definedName>
    <definedName name="_49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3"}</definedName>
    <definedName name="_4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7"}</definedName>
    <definedName name="_49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2"}</definedName>
    <definedName name="_49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1"}</definedName>
    <definedName name="_49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0"}</definedName>
    <definedName name="_49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9"}</definedName>
    <definedName name="_49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8"}</definedName>
    <definedName name="_49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7"}</definedName>
    <definedName name="_49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6"}</definedName>
    <definedName name="_49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5"}</definedName>
    <definedName name="_49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4"}</definedName>
    <definedName name="_49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3"}</definedName>
    <definedName name="_4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6"}</definedName>
    <definedName name="_49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2"}</definedName>
    <definedName name="_49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1"}</definedName>
    <definedName name="_49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0"}</definedName>
    <definedName name="_49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9"}</definedName>
    <definedName name="_49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8"}</definedName>
    <definedName name="_49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7"}</definedName>
    <definedName name="_49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6"}</definedName>
    <definedName name="_49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5"}</definedName>
    <definedName name="_49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4"}</definedName>
    <definedName name="_49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3"}</definedName>
    <definedName name="_4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5"}</definedName>
    <definedName name="_49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2"}</definedName>
    <definedName name="_49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1"}</definedName>
    <definedName name="_49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0"}</definedName>
    <definedName name="_49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9"}</definedName>
    <definedName name="_49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8"}</definedName>
    <definedName name="_49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7"}</definedName>
    <definedName name="_49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6"}</definedName>
    <definedName name="_49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5"}</definedName>
    <definedName name="_49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4"}</definedName>
    <definedName name="_49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3"}</definedName>
    <definedName name="_4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4"}</definedName>
    <definedName name="_49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2"}</definedName>
    <definedName name="_49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1"}</definedName>
    <definedName name="_49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0"}</definedName>
    <definedName name="_49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9"}</definedName>
    <definedName name="_49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8"}</definedName>
    <definedName name="_49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7"}</definedName>
    <definedName name="_49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6"}</definedName>
    <definedName name="_49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5"}</definedName>
    <definedName name="_49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4"}</definedName>
    <definedName name="_49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3"}</definedName>
    <definedName name="_4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3"}</definedName>
    <definedName name="_49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2"}</definedName>
    <definedName name="_49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1"}</definedName>
    <definedName name="_49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0"}</definedName>
    <definedName name="_49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9"}</definedName>
    <definedName name="_49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8"}</definedName>
    <definedName name="_49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7"}</definedName>
    <definedName name="_49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6"}</definedName>
    <definedName name="_49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5"}</definedName>
    <definedName name="_49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4"}</definedName>
    <definedName name="_49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3"}</definedName>
    <definedName name="_4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2"}</definedName>
    <definedName name="_49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2"}</definedName>
    <definedName name="_49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1"}</definedName>
    <definedName name="_49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0"}</definedName>
    <definedName name="_49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9"}</definedName>
    <definedName name="_49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8"}</definedName>
    <definedName name="_49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7"}</definedName>
    <definedName name="_49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6"}</definedName>
    <definedName name="_49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5"}</definedName>
    <definedName name="_49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4"}</definedName>
    <definedName name="_49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3"}</definedName>
    <definedName name="_4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1"}</definedName>
    <definedName name="_49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2"}</definedName>
    <definedName name="_49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1"}</definedName>
    <definedName name="_49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0"}</definedName>
    <definedName name="_49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9"}</definedName>
    <definedName name="_49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8"}</definedName>
    <definedName name="_49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7"}</definedName>
    <definedName name="_49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6"}</definedName>
    <definedName name="_49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5"}</definedName>
    <definedName name="_49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4"}</definedName>
    <definedName name="_49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3"}</definedName>
    <definedName name="_4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0"}</definedName>
    <definedName name="_49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2"}</definedName>
    <definedName name="_49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1"}</definedName>
    <definedName name="_49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0"}</definedName>
    <definedName name="_49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9"}</definedName>
    <definedName name="_49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8"}</definedName>
    <definedName name="_49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7"}</definedName>
    <definedName name="_49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6"}</definedName>
    <definedName name="_49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5"}</definedName>
    <definedName name="_49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4"}</definedName>
    <definedName name="_49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3"}</definedName>
    <definedName name="_5__123Graph_LBL_ACHART_1" hidden="1">[7]DUCOCO!$D$114:$N$114</definedName>
    <definedName name="_5__123Graph_XCDIUS" hidden="1">[3]TESTE!$C$132:$C$151</definedName>
    <definedName name="_5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0"}</definedName>
    <definedName name="_50__FDSAUDITLINK__" hidden="1">{"fdsup://Directions/FactSet Auditing Viewer?action=AUDIT_VALUE&amp;DB=129&amp;ID1=203699&amp;VALUEID=01001&amp;SDATE=2011&amp;PERIODTYPE=ANN_STD&amp;SCFT=3&amp;window=popup_no_bar&amp;width=385&amp;height=120&amp;START_MAXIMIZED=FALSE&amp;creator=factset&amp;display_string=Audit"}</definedName>
    <definedName name="_50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9"}</definedName>
    <definedName name="_50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2"}</definedName>
    <definedName name="_50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1"}</definedName>
    <definedName name="_50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0"}</definedName>
    <definedName name="_50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9"}</definedName>
    <definedName name="_50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8"}</definedName>
    <definedName name="_50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7"}</definedName>
    <definedName name="_50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6"}</definedName>
    <definedName name="_50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5"}</definedName>
    <definedName name="_50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4"}</definedName>
    <definedName name="_50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3"}</definedName>
    <definedName name="_50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8"}</definedName>
    <definedName name="_50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2"}</definedName>
    <definedName name="_50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1"}</definedName>
    <definedName name="_50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0"}</definedName>
    <definedName name="_50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9"}</definedName>
    <definedName name="_50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8"}</definedName>
    <definedName name="_50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7"}</definedName>
    <definedName name="_50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6"}</definedName>
    <definedName name="_50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5"}</definedName>
    <definedName name="_50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4"}</definedName>
    <definedName name="_50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3"}</definedName>
    <definedName name="_50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7"}</definedName>
    <definedName name="_50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2"}</definedName>
    <definedName name="_50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1"}</definedName>
    <definedName name="_50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0"}</definedName>
    <definedName name="_502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9"}</definedName>
    <definedName name="_502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8"}</definedName>
    <definedName name="_502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7"}</definedName>
    <definedName name="_502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6"}</definedName>
    <definedName name="_502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5"}</definedName>
    <definedName name="_502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4"}</definedName>
    <definedName name="_502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3"}</definedName>
    <definedName name="_50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6"}</definedName>
    <definedName name="_503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2"}</definedName>
    <definedName name="_503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1"}</definedName>
    <definedName name="_503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0"}</definedName>
    <definedName name="_503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9"}</definedName>
    <definedName name="_503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8"}</definedName>
    <definedName name="_503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7"}</definedName>
    <definedName name="_503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6"}</definedName>
    <definedName name="_503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5"}</definedName>
    <definedName name="_503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4"}</definedName>
    <definedName name="_503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3"}</definedName>
    <definedName name="_50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5"}</definedName>
    <definedName name="_504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2"}</definedName>
    <definedName name="_504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1"}</definedName>
    <definedName name="_504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0"}</definedName>
    <definedName name="_504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9"}</definedName>
    <definedName name="_504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8"}</definedName>
    <definedName name="_504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7"}</definedName>
    <definedName name="_504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6"}</definedName>
    <definedName name="_504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5"}</definedName>
    <definedName name="_504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4"}</definedName>
    <definedName name="_504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3"}</definedName>
    <definedName name="_50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4"}</definedName>
    <definedName name="_505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2"}</definedName>
    <definedName name="_505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1"}</definedName>
    <definedName name="_505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0"}</definedName>
    <definedName name="_505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9"}</definedName>
    <definedName name="_505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8"}</definedName>
    <definedName name="_505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7"}</definedName>
    <definedName name="_505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6"}</definedName>
    <definedName name="_505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5"}</definedName>
    <definedName name="_505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4"}</definedName>
    <definedName name="_505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3"}</definedName>
    <definedName name="_50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3"}</definedName>
    <definedName name="_506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2"}</definedName>
    <definedName name="_506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1"}</definedName>
    <definedName name="_506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0"}</definedName>
    <definedName name="_506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9"}</definedName>
    <definedName name="_506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8"}</definedName>
    <definedName name="_506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7"}</definedName>
    <definedName name="_506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6"}</definedName>
    <definedName name="_506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5"}</definedName>
    <definedName name="_506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4"}</definedName>
    <definedName name="_506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3"}</definedName>
    <definedName name="_50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2"}</definedName>
    <definedName name="_507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2"}</definedName>
    <definedName name="_507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1"}</definedName>
    <definedName name="_507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0"}</definedName>
    <definedName name="_507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9"}</definedName>
    <definedName name="_507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8"}</definedName>
    <definedName name="_507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7"}</definedName>
    <definedName name="_507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6"}</definedName>
    <definedName name="_507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5"}</definedName>
    <definedName name="_507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4"}</definedName>
    <definedName name="_507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3"}</definedName>
    <definedName name="_50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1"}</definedName>
    <definedName name="_508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2"}</definedName>
    <definedName name="_508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1"}</definedName>
    <definedName name="_508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0"}</definedName>
    <definedName name="_508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9"}</definedName>
    <definedName name="_508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8"}</definedName>
    <definedName name="_508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7"}</definedName>
    <definedName name="_508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6"}</definedName>
    <definedName name="_508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5"}</definedName>
    <definedName name="_508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4"}</definedName>
    <definedName name="_508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3"}</definedName>
    <definedName name="_50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definedName>
    <definedName name="_509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2"}</definedName>
    <definedName name="_509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1"}</definedName>
    <definedName name="_509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0"}</definedName>
    <definedName name="_509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9"}</definedName>
    <definedName name="_509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8"}</definedName>
    <definedName name="_509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7"}</definedName>
    <definedName name="_509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6"}</definedName>
    <definedName name="_509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5"}</definedName>
    <definedName name="_509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4"}</definedName>
    <definedName name="_509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3"}</definedName>
    <definedName name="_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5"}</definedName>
    <definedName name="_51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definedName>
    <definedName name="_510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2"}</definedName>
    <definedName name="_510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1"}</definedName>
    <definedName name="_510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0"}</definedName>
    <definedName name="_510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9"}</definedName>
    <definedName name="_510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8"}</definedName>
    <definedName name="_510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7"}</definedName>
    <definedName name="_510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6"}</definedName>
    <definedName name="_510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5"}</definedName>
    <definedName name="_510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4"}</definedName>
    <definedName name="_510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3"}</definedName>
    <definedName name="_51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definedName>
    <definedName name="_511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2"}</definedName>
    <definedName name="_511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1"}</definedName>
    <definedName name="_511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0"}</definedName>
    <definedName name="_5113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9"}</definedName>
    <definedName name="_5114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8"}</definedName>
    <definedName name="_5115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7"}</definedName>
    <definedName name="_5116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6"}</definedName>
    <definedName name="_5117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5"}</definedName>
    <definedName name="_5118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4"}</definedName>
    <definedName name="_5119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3"}</definedName>
    <definedName name="_51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definedName>
    <definedName name="_5120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2"}</definedName>
    <definedName name="_5121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1"}</definedName>
    <definedName name="_5122__FDSAUDITLINK__" hidden="1">{"fdsup://directions/FAT Viewer?action=UPDATE&amp;creator=factset&amp;DYN_ARGS=TRUE&amp;DOC_NAME=FAT:FQL_AUDITING_CLIENT_TEMPLATE.FAT&amp;display_string=Audit&amp;VAR:KEY=JGLAHOVAVY&amp;VAR:QUERY=RkZfRU5UUlBSX1ZBTF9EQUlMWSgtMkFZLDQxMTEzLEQsLCwnRElMJyk=&amp;WINDOW=FIRST_POPUP&amp;HEIGHT=45","0&amp;WIDTH=450&amp;START_MAXIMIZED=FALSE&amp;VAR:CALENDAR=US&amp;VAR:SYMBOL=203699&amp;VAR:INDEX=0"}</definedName>
    <definedName name="_51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6"}</definedName>
    <definedName name="_51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5"}</definedName>
    <definedName name="_51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4"}</definedName>
    <definedName name="_51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3"}</definedName>
    <definedName name="_51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2"}</definedName>
    <definedName name="_51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1"}</definedName>
    <definedName name="_51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0"}</definedName>
    <definedName name="_51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definedName>
    <definedName name="_51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9"}</definedName>
    <definedName name="_51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8"}</definedName>
    <definedName name="_51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7"}</definedName>
    <definedName name="_51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6"}</definedName>
    <definedName name="_51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5"}</definedName>
    <definedName name="_51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4"}</definedName>
    <definedName name="_51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3"}</definedName>
    <definedName name="_51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2"}</definedName>
    <definedName name="_51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1"}</definedName>
    <definedName name="_51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0"}</definedName>
    <definedName name="_51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5"}</definedName>
    <definedName name="_51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9"}</definedName>
    <definedName name="_51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8"}</definedName>
    <definedName name="_51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7"}</definedName>
    <definedName name="_51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6"}</definedName>
    <definedName name="_51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5"}</definedName>
    <definedName name="_51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4"}</definedName>
    <definedName name="_51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3"}</definedName>
    <definedName name="_51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2"}</definedName>
    <definedName name="_51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1"}</definedName>
    <definedName name="_51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0"}</definedName>
    <definedName name="_51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4"}</definedName>
    <definedName name="_51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9"}</definedName>
    <definedName name="_51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8"}</definedName>
    <definedName name="_51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7"}</definedName>
    <definedName name="_51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6"}</definedName>
    <definedName name="_51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5"}</definedName>
    <definedName name="_51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4"}</definedName>
    <definedName name="_51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3"}</definedName>
    <definedName name="_51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2"}</definedName>
    <definedName name="_51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1"}</definedName>
    <definedName name="_51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0"}</definedName>
    <definedName name="_51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3"}</definedName>
    <definedName name="_51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9"}</definedName>
    <definedName name="_51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8"}</definedName>
    <definedName name="_51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7"}</definedName>
    <definedName name="_51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6"}</definedName>
    <definedName name="_51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5"}</definedName>
    <definedName name="_51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4"}</definedName>
    <definedName name="_51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3"}</definedName>
    <definedName name="_51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2"}</definedName>
    <definedName name="_51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1"}</definedName>
    <definedName name="_51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0"}</definedName>
    <definedName name="_51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2"}</definedName>
    <definedName name="_51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9"}</definedName>
    <definedName name="_51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8"}</definedName>
    <definedName name="_51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7"}</definedName>
    <definedName name="_51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6"}</definedName>
    <definedName name="_51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5"}</definedName>
    <definedName name="_51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4"}</definedName>
    <definedName name="_51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3"}</definedName>
    <definedName name="_51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2"}</definedName>
    <definedName name="_51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1"}</definedName>
    <definedName name="_51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0"}</definedName>
    <definedName name="_51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1"}</definedName>
    <definedName name="_51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9"}</definedName>
    <definedName name="_51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8"}</definedName>
    <definedName name="_51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7"}</definedName>
    <definedName name="_51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6"}</definedName>
    <definedName name="_51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5"}</definedName>
    <definedName name="_51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4"}</definedName>
    <definedName name="_51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3"}</definedName>
    <definedName name="_51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2"}</definedName>
    <definedName name="_51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1"}</definedName>
    <definedName name="_51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0"}</definedName>
    <definedName name="_51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0"}</definedName>
    <definedName name="_51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9"}</definedName>
    <definedName name="_51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8"}</definedName>
    <definedName name="_51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7"}</definedName>
    <definedName name="_51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6"}</definedName>
    <definedName name="_51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5"}</definedName>
    <definedName name="_51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4"}</definedName>
    <definedName name="_51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3"}</definedName>
    <definedName name="_51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2"}</definedName>
    <definedName name="_51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1"}</definedName>
    <definedName name="_51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0"}</definedName>
    <definedName name="_52__FDSAUDITLINK__" hidden="1">{"fdsup://Directions/FactSet Auditing Viewer?action=AUDIT_VALUE&amp;DB=129&amp;ID1=B1FRH8&amp;VALUEID=01001&amp;SDATE=2011&amp;PERIODTYPE=ANN_STD&amp;SCFT=3&amp;window=popup_no_bar&amp;width=385&amp;height=120&amp;START_MAXIMIZED=FALSE&amp;creator=factset&amp;display_string=Audit"}</definedName>
    <definedName name="_52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9"}</definedName>
    <definedName name="_52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9"}</definedName>
    <definedName name="_52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8"}</definedName>
    <definedName name="_52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7"}</definedName>
    <definedName name="_52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6"}</definedName>
    <definedName name="_52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5"}</definedName>
    <definedName name="_52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4"}</definedName>
    <definedName name="_52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3"}</definedName>
    <definedName name="_52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2"}</definedName>
    <definedName name="_52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1"}</definedName>
    <definedName name="_52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0"}</definedName>
    <definedName name="_52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8"}</definedName>
    <definedName name="_52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9"}</definedName>
    <definedName name="_52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8"}</definedName>
    <definedName name="_52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7"}</definedName>
    <definedName name="_52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6"}</definedName>
    <definedName name="_52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5"}</definedName>
    <definedName name="_52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4"}</definedName>
    <definedName name="_52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3"}</definedName>
    <definedName name="_52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2"}</definedName>
    <definedName name="_52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1"}</definedName>
    <definedName name="_52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0"}</definedName>
    <definedName name="_52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7"}</definedName>
    <definedName name="_52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9"}</definedName>
    <definedName name="_52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8"}</definedName>
    <definedName name="_52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7"}</definedName>
    <definedName name="_52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6"}</definedName>
    <definedName name="_52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5"}</definedName>
    <definedName name="_52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4"}</definedName>
    <definedName name="_52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3"}</definedName>
    <definedName name="_52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2"}</definedName>
    <definedName name="_52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1"}</definedName>
    <definedName name="_52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0"}</definedName>
    <definedName name="_52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6"}</definedName>
    <definedName name="_52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9"}</definedName>
    <definedName name="_52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8"}</definedName>
    <definedName name="_52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7"}</definedName>
    <definedName name="_52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6"}</definedName>
    <definedName name="_52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5"}</definedName>
    <definedName name="_52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4"}</definedName>
    <definedName name="_52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3"}</definedName>
    <definedName name="_52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2"}</definedName>
    <definedName name="_52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1"}</definedName>
    <definedName name="_52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0"}</definedName>
    <definedName name="_52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5"}</definedName>
    <definedName name="_52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9"}</definedName>
    <definedName name="_52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8"}</definedName>
    <definedName name="_52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7"}</definedName>
    <definedName name="_52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6"}</definedName>
    <definedName name="_52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5"}</definedName>
    <definedName name="_52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4"}</definedName>
    <definedName name="_52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3"}</definedName>
    <definedName name="_52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2"}</definedName>
    <definedName name="_52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1"}</definedName>
    <definedName name="_52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0"}</definedName>
    <definedName name="_52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4"}</definedName>
    <definedName name="_52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9"}</definedName>
    <definedName name="_52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8"}</definedName>
    <definedName name="_52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7"}</definedName>
    <definedName name="_52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6"}</definedName>
    <definedName name="_52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5"}</definedName>
    <definedName name="_52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4"}</definedName>
    <definedName name="_52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3"}</definedName>
    <definedName name="_52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2"}</definedName>
    <definedName name="_52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1"}</definedName>
    <definedName name="_52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0"}</definedName>
    <definedName name="_52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3"}</definedName>
    <definedName name="_52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9"}</definedName>
    <definedName name="_52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8"}</definedName>
    <definedName name="_52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7"}</definedName>
    <definedName name="_52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6"}</definedName>
    <definedName name="_52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5"}</definedName>
    <definedName name="_52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4"}</definedName>
    <definedName name="_52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3"}</definedName>
    <definedName name="_52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2"}</definedName>
    <definedName name="_52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1"}</definedName>
    <definedName name="_52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0"}</definedName>
    <definedName name="_52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2"}</definedName>
    <definedName name="_52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9"}</definedName>
    <definedName name="_52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8"}</definedName>
    <definedName name="_52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7"}</definedName>
    <definedName name="_52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6"}</definedName>
    <definedName name="_52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5"}</definedName>
    <definedName name="_52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4"}</definedName>
    <definedName name="_52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3"}</definedName>
    <definedName name="_52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2"}</definedName>
    <definedName name="_52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1"}</definedName>
    <definedName name="_52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0"}</definedName>
    <definedName name="_52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1"}</definedName>
    <definedName name="_52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9"}</definedName>
    <definedName name="_52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8"}</definedName>
    <definedName name="_52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7"}</definedName>
    <definedName name="_52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6"}</definedName>
    <definedName name="_52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5"}</definedName>
    <definedName name="_52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4"}</definedName>
    <definedName name="_52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3"}</definedName>
    <definedName name="_52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2"}</definedName>
    <definedName name="_52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1"}</definedName>
    <definedName name="_52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0"}</definedName>
    <definedName name="_52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0"}</definedName>
    <definedName name="_52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9"}</definedName>
    <definedName name="_52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8"}</definedName>
    <definedName name="_52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7"}</definedName>
    <definedName name="_52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6"}</definedName>
    <definedName name="_52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5"}</definedName>
    <definedName name="_52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4"}</definedName>
    <definedName name="_52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3"}</definedName>
    <definedName name="_52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2"}</definedName>
    <definedName name="_52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1"}</definedName>
    <definedName name="_52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0"}</definedName>
    <definedName name="_53__FDSAUDITLINK__" hidden="1">{"fdsup://Directions/FactSet Auditing Viewer?action=AUDIT_VALUE&amp;DB=129&amp;ID1=B014K5&amp;VALUEID=01001&amp;SDATE=2009&amp;PERIODTYPE=ANN_STD&amp;SCFT=3&amp;window=popup_no_bar&amp;width=385&amp;height=120&amp;START_MAXIMIZED=FALSE&amp;creator=factset&amp;display_string=Audit"}</definedName>
    <definedName name="_53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9"}</definedName>
    <definedName name="_53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9"}</definedName>
    <definedName name="_53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8"}</definedName>
    <definedName name="_53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7"}</definedName>
    <definedName name="_53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6"}</definedName>
    <definedName name="_53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5"}</definedName>
    <definedName name="_53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4"}</definedName>
    <definedName name="_53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3"}</definedName>
    <definedName name="_53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2"}</definedName>
    <definedName name="_53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1"}</definedName>
    <definedName name="_53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0"}</definedName>
    <definedName name="_53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8"}</definedName>
    <definedName name="_53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9"}</definedName>
    <definedName name="_53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8"}</definedName>
    <definedName name="_53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7"}</definedName>
    <definedName name="_53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6"}</definedName>
    <definedName name="_53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5"}</definedName>
    <definedName name="_53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4"}</definedName>
    <definedName name="_53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3"}</definedName>
    <definedName name="_53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2"}</definedName>
    <definedName name="_53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1"}</definedName>
    <definedName name="_53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0"}</definedName>
    <definedName name="_53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7"}</definedName>
    <definedName name="_53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9"}</definedName>
    <definedName name="_53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8"}</definedName>
    <definedName name="_53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7"}</definedName>
    <definedName name="_53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6"}</definedName>
    <definedName name="_53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5"}</definedName>
    <definedName name="_53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4"}</definedName>
    <definedName name="_53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3"}</definedName>
    <definedName name="_53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2"}</definedName>
    <definedName name="_53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1"}</definedName>
    <definedName name="_53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0"}</definedName>
    <definedName name="_53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6"}</definedName>
    <definedName name="_53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9"}</definedName>
    <definedName name="_53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8"}</definedName>
    <definedName name="_53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7"}</definedName>
    <definedName name="_53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6"}</definedName>
    <definedName name="_53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5"}</definedName>
    <definedName name="_53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4"}</definedName>
    <definedName name="_53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3"}</definedName>
    <definedName name="_53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2"}</definedName>
    <definedName name="_53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1"}</definedName>
    <definedName name="_53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0"}</definedName>
    <definedName name="_53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5"}</definedName>
    <definedName name="_53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9"}</definedName>
    <definedName name="_53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8"}</definedName>
    <definedName name="_53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7"}</definedName>
    <definedName name="_53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6"}</definedName>
    <definedName name="_53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5"}</definedName>
    <definedName name="_53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4"}</definedName>
    <definedName name="_53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3"}</definedName>
    <definedName name="_53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2"}</definedName>
    <definedName name="_53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1"}</definedName>
    <definedName name="_53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0"}</definedName>
    <definedName name="_53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4"}</definedName>
    <definedName name="_53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9"}</definedName>
    <definedName name="_53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8"}</definedName>
    <definedName name="_53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7"}</definedName>
    <definedName name="_53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6"}</definedName>
    <definedName name="_53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5"}</definedName>
    <definedName name="_53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4"}</definedName>
    <definedName name="_53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3"}</definedName>
    <definedName name="_53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2"}</definedName>
    <definedName name="_53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1"}</definedName>
    <definedName name="_53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0"}</definedName>
    <definedName name="_53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3"}</definedName>
    <definedName name="_53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9"}</definedName>
    <definedName name="_53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8"}</definedName>
    <definedName name="_53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7"}</definedName>
    <definedName name="_53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6"}</definedName>
    <definedName name="_53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5"}</definedName>
    <definedName name="_53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4"}</definedName>
    <definedName name="_53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3"}</definedName>
    <definedName name="_53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2"}</definedName>
    <definedName name="_53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1"}</definedName>
    <definedName name="_53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0"}</definedName>
    <definedName name="_53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2"}</definedName>
    <definedName name="_53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9"}</definedName>
    <definedName name="_53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8"}</definedName>
    <definedName name="_53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7"}</definedName>
    <definedName name="_53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6"}</definedName>
    <definedName name="_53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5"}</definedName>
    <definedName name="_53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4"}</definedName>
    <definedName name="_53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3"}</definedName>
    <definedName name="_53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2"}</definedName>
    <definedName name="_53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1"}</definedName>
    <definedName name="_53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0"}</definedName>
    <definedName name="_53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1"}</definedName>
    <definedName name="_53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9"}</definedName>
    <definedName name="_53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8"}</definedName>
    <definedName name="_53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7"}</definedName>
    <definedName name="_53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6"}</definedName>
    <definedName name="_53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5"}</definedName>
    <definedName name="_53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4"}</definedName>
    <definedName name="_53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3"}</definedName>
    <definedName name="_53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2"}</definedName>
    <definedName name="_53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1"}</definedName>
    <definedName name="_53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0"}</definedName>
    <definedName name="_53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0"}</definedName>
    <definedName name="_53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9"}</definedName>
    <definedName name="_53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8"}</definedName>
    <definedName name="_53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7"}</definedName>
    <definedName name="_53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6"}</definedName>
    <definedName name="_53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5"}</definedName>
    <definedName name="_53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4"}</definedName>
    <definedName name="_53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3"}</definedName>
    <definedName name="_53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2"}</definedName>
    <definedName name="_53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1"}</definedName>
    <definedName name="_53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0"}</definedName>
    <definedName name="_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4"}</definedName>
    <definedName name="_54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9"}</definedName>
    <definedName name="_54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9"}</definedName>
    <definedName name="_54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8"}</definedName>
    <definedName name="_54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7"}</definedName>
    <definedName name="_54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6"}</definedName>
    <definedName name="_54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5"}</definedName>
    <definedName name="_54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4"}</definedName>
    <definedName name="_54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3"}</definedName>
    <definedName name="_54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2"}</definedName>
    <definedName name="_54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1"}</definedName>
    <definedName name="_54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0"}</definedName>
    <definedName name="_54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8"}</definedName>
    <definedName name="_54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9"}</definedName>
    <definedName name="_54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8"}</definedName>
    <definedName name="_54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7"}</definedName>
    <definedName name="_54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6"}</definedName>
    <definedName name="_54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5"}</definedName>
    <definedName name="_54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4"}</definedName>
    <definedName name="_54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3"}</definedName>
    <definedName name="_54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2"}</definedName>
    <definedName name="_54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1"}</definedName>
    <definedName name="_54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0"}</definedName>
    <definedName name="_54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7"}</definedName>
    <definedName name="_54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9"}</definedName>
    <definedName name="_54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8"}</definedName>
    <definedName name="_54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7"}</definedName>
    <definedName name="_54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6"}</definedName>
    <definedName name="_54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5"}</definedName>
    <definedName name="_54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4"}</definedName>
    <definedName name="_54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3"}</definedName>
    <definedName name="_54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2"}</definedName>
    <definedName name="_54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1"}</definedName>
    <definedName name="_54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0"}</definedName>
    <definedName name="_54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6"}</definedName>
    <definedName name="_54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9"}</definedName>
    <definedName name="_54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8"}</definedName>
    <definedName name="_54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7"}</definedName>
    <definedName name="_54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6"}</definedName>
    <definedName name="_54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5"}</definedName>
    <definedName name="_54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4"}</definedName>
    <definedName name="_54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3"}</definedName>
    <definedName name="_54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2"}</definedName>
    <definedName name="_54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1"}</definedName>
    <definedName name="_54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0"}</definedName>
    <definedName name="_54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5"}</definedName>
    <definedName name="_54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9"}</definedName>
    <definedName name="_54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8"}</definedName>
    <definedName name="_54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7"}</definedName>
    <definedName name="_54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6"}</definedName>
    <definedName name="_54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5"}</definedName>
    <definedName name="_54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4"}</definedName>
    <definedName name="_54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3"}</definedName>
    <definedName name="_54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2"}</definedName>
    <definedName name="_54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1"}</definedName>
    <definedName name="_54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0"}</definedName>
    <definedName name="_54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4"}</definedName>
    <definedName name="_54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9"}</definedName>
    <definedName name="_54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8"}</definedName>
    <definedName name="_54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7"}</definedName>
    <definedName name="_54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6"}</definedName>
    <definedName name="_54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5"}</definedName>
    <definedName name="_54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4"}</definedName>
    <definedName name="_54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3"}</definedName>
    <definedName name="_54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2"}</definedName>
    <definedName name="_54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1"}</definedName>
    <definedName name="_54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0"}</definedName>
    <definedName name="_54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3"}</definedName>
    <definedName name="_54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9"}</definedName>
    <definedName name="_54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8"}</definedName>
    <definedName name="_54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7"}</definedName>
    <definedName name="_54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6"}</definedName>
    <definedName name="_54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5"}</definedName>
    <definedName name="_54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4"}</definedName>
    <definedName name="_54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3"}</definedName>
    <definedName name="_54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2"}</definedName>
    <definedName name="_54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1"}</definedName>
    <definedName name="_54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0"}</definedName>
    <definedName name="_54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2"}</definedName>
    <definedName name="_54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9"}</definedName>
    <definedName name="_54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8"}</definedName>
    <definedName name="_54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7"}</definedName>
    <definedName name="_54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6"}</definedName>
    <definedName name="_54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5"}</definedName>
    <definedName name="_54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4"}</definedName>
    <definedName name="_54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3"}</definedName>
    <definedName name="_54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2"}</definedName>
    <definedName name="_54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1"}</definedName>
    <definedName name="_54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0"}</definedName>
    <definedName name="_54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1"}</definedName>
    <definedName name="_54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9"}</definedName>
    <definedName name="_54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8"}</definedName>
    <definedName name="_54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7"}</definedName>
    <definedName name="_54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6"}</definedName>
    <definedName name="_54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5"}</definedName>
    <definedName name="_54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4"}</definedName>
    <definedName name="_54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3"}</definedName>
    <definedName name="_54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2"}</definedName>
    <definedName name="_54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1"}</definedName>
    <definedName name="_54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0"}</definedName>
    <definedName name="_54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0"}</definedName>
    <definedName name="_54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9"}</definedName>
    <definedName name="_54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8"}</definedName>
    <definedName name="_54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7"}</definedName>
    <definedName name="_54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6"}</definedName>
    <definedName name="_54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5"}</definedName>
    <definedName name="_54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4"}</definedName>
    <definedName name="_54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3"}</definedName>
    <definedName name="_54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2"}</definedName>
    <definedName name="_54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1"}</definedName>
    <definedName name="_54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0"}</definedName>
    <definedName name="_55__FDSAUDITLINK__" hidden="1">{"fdsup://Directions/FactSet Auditing Viewer?action=AUDIT_VALUE&amp;DB=129&amp;ID1=236197&amp;VALUEID=01001&amp;SDATE=2011&amp;PERIODTYPE=ANN_STD&amp;SCFT=3&amp;window=popup_no_bar&amp;width=385&amp;height=120&amp;START_MAXIMIZED=FALSE&amp;creator=factset&amp;display_string=Audit"}</definedName>
    <definedName name="_55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9"}</definedName>
    <definedName name="_55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9"}</definedName>
    <definedName name="_55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8"}</definedName>
    <definedName name="_55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7"}</definedName>
    <definedName name="_55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6"}</definedName>
    <definedName name="_55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5"}</definedName>
    <definedName name="_55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4"}</definedName>
    <definedName name="_55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3"}</definedName>
    <definedName name="_55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2"}</definedName>
    <definedName name="_55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1"}</definedName>
    <definedName name="_55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0"}</definedName>
    <definedName name="_55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8"}</definedName>
    <definedName name="_55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9"}</definedName>
    <definedName name="_55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8"}</definedName>
    <definedName name="_55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7"}</definedName>
    <definedName name="_55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6"}</definedName>
    <definedName name="_55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5"}</definedName>
    <definedName name="_55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4"}</definedName>
    <definedName name="_55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3"}</definedName>
    <definedName name="_55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2"}</definedName>
    <definedName name="_55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1"}</definedName>
    <definedName name="_55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0"}</definedName>
    <definedName name="_55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7"}</definedName>
    <definedName name="_55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9"}</definedName>
    <definedName name="_55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8"}</definedName>
    <definedName name="_55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7"}</definedName>
    <definedName name="_55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6"}</definedName>
    <definedName name="_55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5"}</definedName>
    <definedName name="_55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4"}</definedName>
    <definedName name="_55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3"}</definedName>
    <definedName name="_55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2"}</definedName>
    <definedName name="_55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1"}</definedName>
    <definedName name="_55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0"}</definedName>
    <definedName name="_55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6"}</definedName>
    <definedName name="_553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9"}</definedName>
    <definedName name="_553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8"}</definedName>
    <definedName name="_553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7"}</definedName>
    <definedName name="_553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6"}</definedName>
    <definedName name="_553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5"}</definedName>
    <definedName name="_553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4"}</definedName>
    <definedName name="_553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3"}</definedName>
    <definedName name="_553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2"}</definedName>
    <definedName name="_553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1"}</definedName>
    <definedName name="_553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0"}</definedName>
    <definedName name="_55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definedName>
    <definedName name="_554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9"}</definedName>
    <definedName name="_554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8"}</definedName>
    <definedName name="_554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7"}</definedName>
    <definedName name="_554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6"}</definedName>
    <definedName name="_554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5"}</definedName>
    <definedName name="_554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4"}</definedName>
    <definedName name="_554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3"}</definedName>
    <definedName name="_554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2"}</definedName>
    <definedName name="_554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1"}</definedName>
    <definedName name="_554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0"}</definedName>
    <definedName name="_55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definedName>
    <definedName name="_555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9"}</definedName>
    <definedName name="_555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8"}</definedName>
    <definedName name="_555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7"}</definedName>
    <definedName name="_555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6"}</definedName>
    <definedName name="_555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5"}</definedName>
    <definedName name="_555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4"}</definedName>
    <definedName name="_555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3"}</definedName>
    <definedName name="_555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2"}</definedName>
    <definedName name="_555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1"}</definedName>
    <definedName name="_555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0"}</definedName>
    <definedName name="_5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3"}</definedName>
    <definedName name="_556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9"}</definedName>
    <definedName name="_556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8"}</definedName>
    <definedName name="_556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7"}</definedName>
    <definedName name="_556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6"}</definedName>
    <definedName name="_556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5"}</definedName>
    <definedName name="_556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4"}</definedName>
    <definedName name="_556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3"}</definedName>
    <definedName name="_556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2"}</definedName>
    <definedName name="_556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1"}</definedName>
    <definedName name="_556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0"}</definedName>
    <definedName name="_5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2"}</definedName>
    <definedName name="_557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9"}</definedName>
    <definedName name="_557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8"}</definedName>
    <definedName name="_557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7"}</definedName>
    <definedName name="_557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6"}</definedName>
    <definedName name="_557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5"}</definedName>
    <definedName name="_557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4"}</definedName>
    <definedName name="_557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3"}</definedName>
    <definedName name="_557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2"}</definedName>
    <definedName name="_557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1"}</definedName>
    <definedName name="_557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0"}</definedName>
    <definedName name="_5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1"}</definedName>
    <definedName name="_558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9"}</definedName>
    <definedName name="_558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8"}</definedName>
    <definedName name="_558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7"}</definedName>
    <definedName name="_558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6"}</definedName>
    <definedName name="_558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5"}</definedName>
    <definedName name="_558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4"}</definedName>
    <definedName name="_558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3"}</definedName>
    <definedName name="_558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2"}</definedName>
    <definedName name="_558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1"}</definedName>
    <definedName name="_558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0"}</definedName>
    <definedName name="_5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0"}</definedName>
    <definedName name="_559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9"}</definedName>
    <definedName name="_559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8"}</definedName>
    <definedName name="_559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7"}</definedName>
    <definedName name="_559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6"}</definedName>
    <definedName name="_559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5"}</definedName>
    <definedName name="_559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4"}</definedName>
    <definedName name="_559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3"}</definedName>
    <definedName name="_559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2"}</definedName>
    <definedName name="_559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1"}</definedName>
    <definedName name="_559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0"}</definedName>
    <definedName name="_5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3"}</definedName>
    <definedName name="_5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6"}</definedName>
    <definedName name="_560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9"}</definedName>
    <definedName name="_560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8"}</definedName>
    <definedName name="_560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7"}</definedName>
    <definedName name="_560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6"}</definedName>
    <definedName name="_560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5"}</definedName>
    <definedName name="_560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4"}</definedName>
    <definedName name="_560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3"}</definedName>
    <definedName name="_560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2"}</definedName>
    <definedName name="_560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1"}</definedName>
    <definedName name="_560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0"}</definedName>
    <definedName name="_5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5"}</definedName>
    <definedName name="_561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9"}</definedName>
    <definedName name="_561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8"}</definedName>
    <definedName name="_561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7"}</definedName>
    <definedName name="_561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6"}</definedName>
    <definedName name="_561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5"}</definedName>
    <definedName name="_561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4"}</definedName>
    <definedName name="_561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3"}</definedName>
    <definedName name="_561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2"}</definedName>
    <definedName name="_561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1"}</definedName>
    <definedName name="_561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0"}</definedName>
    <definedName name="_5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4"}</definedName>
    <definedName name="_5620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9"}</definedName>
    <definedName name="_5621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8"}</definedName>
    <definedName name="_5622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7"}</definedName>
    <definedName name="_5623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6"}</definedName>
    <definedName name="_5624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5"}</definedName>
    <definedName name="_5625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4"}</definedName>
    <definedName name="_5626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3"}</definedName>
    <definedName name="_5627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2"}</definedName>
    <definedName name="_5628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1"}</definedName>
    <definedName name="_5629__FDSAUDITLINK__" hidden="1">{"fdsup://directions/FAT Viewer?action=UPDATE&amp;creator=factset&amp;DYN_ARGS=TRUE&amp;DOC_NAME=FAT:FQL_AUDITING_CLIENT_TEMPLATE.FAT&amp;display_string=Audit&amp;VAR:KEY=NITGXAPSBG&amp;VAR:QUERY=RkZfRU5UUlBSX1ZBTF9EQUlMWSgtMkFZLDQxMTEzLEQsLCwnRElMJyk=&amp;WINDOW=FIRST_POPUP&amp;HEIGHT=45","0&amp;WIDTH=450&amp;START_MAXIMIZED=FALSE&amp;VAR:CALENDAR=US&amp;VAR:SYMBOL=B1FRH8&amp;VAR:INDEX=0"}</definedName>
    <definedName name="_5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3"}</definedName>
    <definedName name="_56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6"}</definedName>
    <definedName name="_56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5"}</definedName>
    <definedName name="_56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4"}</definedName>
    <definedName name="_56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3"}</definedName>
    <definedName name="_56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1"}</definedName>
    <definedName name="_5636__FDSAUDITLINK__" hidden="1">{"fdsup://directions/FAT Viewer?action=UPDATE&amp;creator=factset&amp;DYN_ARGS=TRUE&amp;DOC_NAME=FAT:FQL_AUDITING_CLIENT_TEMPLATE.FAT&amp;display_string=Audit&amp;VAR:KEY=UTWFEHOPCF&amp;VAR:QUERY=RkZfRU5UUlBSX1ZBTF9EQUlMWSgtMkFZLDQxMDc5LEQsLCwnRElMJyk=&amp;WINDOW=FIRST_POPUP&amp;HEIGHT=45","0&amp;WIDTH=450&amp;START_MAXIMIZED=FALSE&amp;VAR:CALENDAR=US&amp;VAR:SYMBOL=236197&amp;VAR:INDEX=503"}</definedName>
    <definedName name="_56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9"}</definedName>
    <definedName name="_56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8"}</definedName>
    <definedName name="_56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7"}</definedName>
    <definedName name="_5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2"}</definedName>
    <definedName name="_56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6"}</definedName>
    <definedName name="_56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5"}</definedName>
    <definedName name="_56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4"}</definedName>
    <definedName name="_56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3"}</definedName>
    <definedName name="_56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2"}</definedName>
    <definedName name="_56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1"}</definedName>
    <definedName name="_56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0"}</definedName>
    <definedName name="_56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9"}</definedName>
    <definedName name="_56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8"}</definedName>
    <definedName name="_56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7"}</definedName>
    <definedName name="_5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1"}</definedName>
    <definedName name="_56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6"}</definedName>
    <definedName name="_56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5"}</definedName>
    <definedName name="_56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4"}</definedName>
    <definedName name="_56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3"}</definedName>
    <definedName name="_56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2"}</definedName>
    <definedName name="_56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1"}</definedName>
    <definedName name="_56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0"}</definedName>
    <definedName name="_56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9"}</definedName>
    <definedName name="_56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8"}</definedName>
    <definedName name="_56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7"}</definedName>
    <definedName name="_5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500"}</definedName>
    <definedName name="_56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6"}</definedName>
    <definedName name="_56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5"}</definedName>
    <definedName name="_56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4"}</definedName>
    <definedName name="_56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3"}</definedName>
    <definedName name="_56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2"}</definedName>
    <definedName name="_56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1"}</definedName>
    <definedName name="_56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0"}</definedName>
    <definedName name="_56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9"}</definedName>
    <definedName name="_56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8"}</definedName>
    <definedName name="_56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7"}</definedName>
    <definedName name="_5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9"}</definedName>
    <definedName name="_56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6"}</definedName>
    <definedName name="_56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5"}</definedName>
    <definedName name="_56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4"}</definedName>
    <definedName name="_56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3"}</definedName>
    <definedName name="_56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2"}</definedName>
    <definedName name="_56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1"}</definedName>
    <definedName name="_56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0"}</definedName>
    <definedName name="_56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9"}</definedName>
    <definedName name="_56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8"}</definedName>
    <definedName name="_56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7"}</definedName>
    <definedName name="_5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8"}</definedName>
    <definedName name="_56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6"}</definedName>
    <definedName name="_56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5"}</definedName>
    <definedName name="_56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4"}</definedName>
    <definedName name="_56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3"}</definedName>
    <definedName name="_56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2"}</definedName>
    <definedName name="_56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1"}</definedName>
    <definedName name="_56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0"}</definedName>
    <definedName name="_56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9"}</definedName>
    <definedName name="_56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8"}</definedName>
    <definedName name="_56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7"}</definedName>
    <definedName name="_5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7"}</definedName>
    <definedName name="_56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6"}</definedName>
    <definedName name="_56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5"}</definedName>
    <definedName name="_56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4"}</definedName>
    <definedName name="_56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3"}</definedName>
    <definedName name="_56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2"}</definedName>
    <definedName name="_56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1"}</definedName>
    <definedName name="_56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0"}</definedName>
    <definedName name="_56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9"}</definedName>
    <definedName name="_56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8"}</definedName>
    <definedName name="_56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7"}</definedName>
    <definedName name="_5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2"}</definedName>
    <definedName name="_5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6"}</definedName>
    <definedName name="_57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6"}</definedName>
    <definedName name="_57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5"}</definedName>
    <definedName name="_57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4"}</definedName>
    <definedName name="_57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3"}</definedName>
    <definedName name="_57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2"}</definedName>
    <definedName name="_57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1"}</definedName>
    <definedName name="_57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0"}</definedName>
    <definedName name="_57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9"}</definedName>
    <definedName name="_57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8"}</definedName>
    <definedName name="_57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7"}</definedName>
    <definedName name="_5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5"}</definedName>
    <definedName name="_57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6"}</definedName>
    <definedName name="_57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5"}</definedName>
    <definedName name="_57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4"}</definedName>
    <definedName name="_57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3"}</definedName>
    <definedName name="_57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2"}</definedName>
    <definedName name="_57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1"}</definedName>
    <definedName name="_57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0"}</definedName>
    <definedName name="_57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9"}</definedName>
    <definedName name="_57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8"}</definedName>
    <definedName name="_57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7"}</definedName>
    <definedName name="_5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4"}</definedName>
    <definedName name="_57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6"}</definedName>
    <definedName name="_57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5"}</definedName>
    <definedName name="_57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4"}</definedName>
    <definedName name="_57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3"}</definedName>
    <definedName name="_57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2"}</definedName>
    <definedName name="_57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1"}</definedName>
    <definedName name="_57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0"}</definedName>
    <definedName name="_57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9"}</definedName>
    <definedName name="_57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8"}</definedName>
    <definedName name="_57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7"}</definedName>
    <definedName name="_5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3"}</definedName>
    <definedName name="_57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6"}</definedName>
    <definedName name="_57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5"}</definedName>
    <definedName name="_57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4"}</definedName>
    <definedName name="_57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3"}</definedName>
    <definedName name="_57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2"}</definedName>
    <definedName name="_57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1"}</definedName>
    <definedName name="_57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0"}</definedName>
    <definedName name="_57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9"}</definedName>
    <definedName name="_57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8"}</definedName>
    <definedName name="_57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7"}</definedName>
    <definedName name="_5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2"}</definedName>
    <definedName name="_57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6"}</definedName>
    <definedName name="_57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5"}</definedName>
    <definedName name="_57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4"}</definedName>
    <definedName name="_57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3"}</definedName>
    <definedName name="_57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2"}</definedName>
    <definedName name="_57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1"}</definedName>
    <definedName name="_57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0"}</definedName>
    <definedName name="_57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9"}</definedName>
    <definedName name="_57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8"}</definedName>
    <definedName name="_57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7"}</definedName>
    <definedName name="_5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1"}</definedName>
    <definedName name="_57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6"}</definedName>
    <definedName name="_57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5"}</definedName>
    <definedName name="_57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4"}</definedName>
    <definedName name="_57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3"}</definedName>
    <definedName name="_57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2"}</definedName>
    <definedName name="_57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1"}</definedName>
    <definedName name="_57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0"}</definedName>
    <definedName name="_57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9"}</definedName>
    <definedName name="_57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8"}</definedName>
    <definedName name="_57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7"}</definedName>
    <definedName name="_5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90"}</definedName>
    <definedName name="_57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6"}</definedName>
    <definedName name="_57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5"}</definedName>
    <definedName name="_57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4"}</definedName>
    <definedName name="_57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3"}</definedName>
    <definedName name="_57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2"}</definedName>
    <definedName name="_57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1"}</definedName>
    <definedName name="_57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0"}</definedName>
    <definedName name="_57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9"}</definedName>
    <definedName name="_57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8"}</definedName>
    <definedName name="_57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7"}</definedName>
    <definedName name="_5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9"}</definedName>
    <definedName name="_57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6"}</definedName>
    <definedName name="_57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5"}</definedName>
    <definedName name="_57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4"}</definedName>
    <definedName name="_57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3"}</definedName>
    <definedName name="_57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2"}</definedName>
    <definedName name="_57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1"}</definedName>
    <definedName name="_57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0"}</definedName>
    <definedName name="_57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9"}</definedName>
    <definedName name="_57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8"}</definedName>
    <definedName name="_57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7"}</definedName>
    <definedName name="_5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8"}</definedName>
    <definedName name="_57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6"}</definedName>
    <definedName name="_57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5"}</definedName>
    <definedName name="_57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4"}</definedName>
    <definedName name="_57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3"}</definedName>
    <definedName name="_57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2"}</definedName>
    <definedName name="_57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1"}</definedName>
    <definedName name="_57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0"}</definedName>
    <definedName name="_57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9"}</definedName>
    <definedName name="_57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8"}</definedName>
    <definedName name="_57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7"}</definedName>
    <definedName name="_5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7"}</definedName>
    <definedName name="_57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6"}</definedName>
    <definedName name="_57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5"}</definedName>
    <definedName name="_57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4"}</definedName>
    <definedName name="_57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3"}</definedName>
    <definedName name="_57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2"}</definedName>
    <definedName name="_57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1"}</definedName>
    <definedName name="_57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0"}</definedName>
    <definedName name="_57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9"}</definedName>
    <definedName name="_57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8"}</definedName>
    <definedName name="_57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7"}</definedName>
    <definedName name="_5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1"}</definedName>
    <definedName name="_5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6"}</definedName>
    <definedName name="_58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6"}</definedName>
    <definedName name="_58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5"}</definedName>
    <definedName name="_58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4"}</definedName>
    <definedName name="_58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3"}</definedName>
    <definedName name="_58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2"}</definedName>
    <definedName name="_58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1"}</definedName>
    <definedName name="_58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0"}</definedName>
    <definedName name="_58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9"}</definedName>
    <definedName name="_58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8"}</definedName>
    <definedName name="_58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7"}</definedName>
    <definedName name="_5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5"}</definedName>
    <definedName name="_58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6"}</definedName>
    <definedName name="_58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5"}</definedName>
    <definedName name="_58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4"}</definedName>
    <definedName name="_58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3"}</definedName>
    <definedName name="_58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2"}</definedName>
    <definedName name="_58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1"}</definedName>
    <definedName name="_58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0"}</definedName>
    <definedName name="_58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9"}</definedName>
    <definedName name="_58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8"}</definedName>
    <definedName name="_58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7"}</definedName>
    <definedName name="_5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4"}</definedName>
    <definedName name="_58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6"}</definedName>
    <definedName name="_58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5"}</definedName>
    <definedName name="_58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4"}</definedName>
    <definedName name="_58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3"}</definedName>
    <definedName name="_58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2"}</definedName>
    <definedName name="_58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1"}</definedName>
    <definedName name="_58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0"}</definedName>
    <definedName name="_58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9"}</definedName>
    <definedName name="_58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8"}</definedName>
    <definedName name="_58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7"}</definedName>
    <definedName name="_5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3"}</definedName>
    <definedName name="_58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6"}</definedName>
    <definedName name="_58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5"}</definedName>
    <definedName name="_58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4"}</definedName>
    <definedName name="_58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3"}</definedName>
    <definedName name="_58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2"}</definedName>
    <definedName name="_58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1"}</definedName>
    <definedName name="_58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0"}</definedName>
    <definedName name="_58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9"}</definedName>
    <definedName name="_58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8"}</definedName>
    <definedName name="_58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7"}</definedName>
    <definedName name="_5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2"}</definedName>
    <definedName name="_58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6"}</definedName>
    <definedName name="_58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5"}</definedName>
    <definedName name="_58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4"}</definedName>
    <definedName name="_58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3"}</definedName>
    <definedName name="_58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2"}</definedName>
    <definedName name="_58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1"}</definedName>
    <definedName name="_58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0"}</definedName>
    <definedName name="_58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9"}</definedName>
    <definedName name="_58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8"}</definedName>
    <definedName name="_58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7"}</definedName>
    <definedName name="_5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1"}</definedName>
    <definedName name="_58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6"}</definedName>
    <definedName name="_58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5"}</definedName>
    <definedName name="_58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4"}</definedName>
    <definedName name="_58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3"}</definedName>
    <definedName name="_58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2"}</definedName>
    <definedName name="_58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1"}</definedName>
    <definedName name="_58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0"}</definedName>
    <definedName name="_58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9"}</definedName>
    <definedName name="_58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8"}</definedName>
    <definedName name="_58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7"}</definedName>
    <definedName name="_5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80"}</definedName>
    <definedName name="_58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6"}</definedName>
    <definedName name="_58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5"}</definedName>
    <definedName name="_58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4"}</definedName>
    <definedName name="_58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3"}</definedName>
    <definedName name="_58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2"}</definedName>
    <definedName name="_58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1"}</definedName>
    <definedName name="_58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0"}</definedName>
    <definedName name="_58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9"}</definedName>
    <definedName name="_58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8"}</definedName>
    <definedName name="_58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7"}</definedName>
    <definedName name="_5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9"}</definedName>
    <definedName name="_58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6"}</definedName>
    <definedName name="_58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5"}</definedName>
    <definedName name="_58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4"}</definedName>
    <definedName name="_58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3"}</definedName>
    <definedName name="_58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2"}</definedName>
    <definedName name="_58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1"}</definedName>
    <definedName name="_58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0"}</definedName>
    <definedName name="_58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9"}</definedName>
    <definedName name="_58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8"}</definedName>
    <definedName name="_58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7"}</definedName>
    <definedName name="_5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8"}</definedName>
    <definedName name="_58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6"}</definedName>
    <definedName name="_58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5"}</definedName>
    <definedName name="_58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4"}</definedName>
    <definedName name="_58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3"}</definedName>
    <definedName name="_58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2"}</definedName>
    <definedName name="_58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1"}</definedName>
    <definedName name="_58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0"}</definedName>
    <definedName name="_58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9"}</definedName>
    <definedName name="_58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8"}</definedName>
    <definedName name="_58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7"}</definedName>
    <definedName name="_5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7"}</definedName>
    <definedName name="_58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6"}</definedName>
    <definedName name="_58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5"}</definedName>
    <definedName name="_58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4"}</definedName>
    <definedName name="_58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3"}</definedName>
    <definedName name="_58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2"}</definedName>
    <definedName name="_58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1"}</definedName>
    <definedName name="_58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0"}</definedName>
    <definedName name="_58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9"}</definedName>
    <definedName name="_58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8"}</definedName>
    <definedName name="_58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7"}</definedName>
    <definedName name="_5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500"}</definedName>
    <definedName name="_5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6"}</definedName>
    <definedName name="_59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6"}</definedName>
    <definedName name="_59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5"}</definedName>
    <definedName name="_59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4"}</definedName>
    <definedName name="_59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3"}</definedName>
    <definedName name="_59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2"}</definedName>
    <definedName name="_59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1"}</definedName>
    <definedName name="_59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0"}</definedName>
    <definedName name="_59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9"}</definedName>
    <definedName name="_59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8"}</definedName>
    <definedName name="_59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7"}</definedName>
    <definedName name="_5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5"}</definedName>
    <definedName name="_59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6"}</definedName>
    <definedName name="_59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5"}</definedName>
    <definedName name="_59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4"}</definedName>
    <definedName name="_59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3"}</definedName>
    <definedName name="_59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2"}</definedName>
    <definedName name="_59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1"}</definedName>
    <definedName name="_59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0"}</definedName>
    <definedName name="_59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9"}</definedName>
    <definedName name="_59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8"}</definedName>
    <definedName name="_59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7"}</definedName>
    <definedName name="_5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4"}</definedName>
    <definedName name="_59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6"}</definedName>
    <definedName name="_59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5"}</definedName>
    <definedName name="_59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4"}</definedName>
    <definedName name="_59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3"}</definedName>
    <definedName name="_59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2"}</definedName>
    <definedName name="_59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1"}</definedName>
    <definedName name="_59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0"}</definedName>
    <definedName name="_59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9"}</definedName>
    <definedName name="_59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8"}</definedName>
    <definedName name="_59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7"}</definedName>
    <definedName name="_5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3"}</definedName>
    <definedName name="_59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6"}</definedName>
    <definedName name="_59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5"}</definedName>
    <definedName name="_59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4"}</definedName>
    <definedName name="_59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3"}</definedName>
    <definedName name="_59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2"}</definedName>
    <definedName name="_59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1"}</definedName>
    <definedName name="_59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0"}</definedName>
    <definedName name="_59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9"}</definedName>
    <definedName name="_59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8"}</definedName>
    <definedName name="_59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7"}</definedName>
    <definedName name="_5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2"}</definedName>
    <definedName name="_59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6"}</definedName>
    <definedName name="_59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5"}</definedName>
    <definedName name="_59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4"}</definedName>
    <definedName name="_59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3"}</definedName>
    <definedName name="_59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2"}</definedName>
    <definedName name="_59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1"}</definedName>
    <definedName name="_59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0"}</definedName>
    <definedName name="_59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9"}</definedName>
    <definedName name="_59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8"}</definedName>
    <definedName name="_59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7"}</definedName>
    <definedName name="_5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1"}</definedName>
    <definedName name="_59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6"}</definedName>
    <definedName name="_59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5"}</definedName>
    <definedName name="_59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4"}</definedName>
    <definedName name="_59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3"}</definedName>
    <definedName name="_59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2"}</definedName>
    <definedName name="_59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1"}</definedName>
    <definedName name="_59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0"}</definedName>
    <definedName name="_59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9"}</definedName>
    <definedName name="_59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8"}</definedName>
    <definedName name="_59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7"}</definedName>
    <definedName name="_5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70"}</definedName>
    <definedName name="_59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6"}</definedName>
    <definedName name="_59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5"}</definedName>
    <definedName name="_59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4"}</definedName>
    <definedName name="_59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3"}</definedName>
    <definedName name="_59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2"}</definedName>
    <definedName name="_59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1"}</definedName>
    <definedName name="_59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0"}</definedName>
    <definedName name="_59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9"}</definedName>
    <definedName name="_59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8"}</definedName>
    <definedName name="_59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7"}</definedName>
    <definedName name="_5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9"}</definedName>
    <definedName name="_59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6"}</definedName>
    <definedName name="_59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5"}</definedName>
    <definedName name="_59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4"}</definedName>
    <definedName name="_59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3"}</definedName>
    <definedName name="_59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2"}</definedName>
    <definedName name="_59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1"}</definedName>
    <definedName name="_59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0"}</definedName>
    <definedName name="_59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9"}</definedName>
    <definedName name="_59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8"}</definedName>
    <definedName name="_59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7"}</definedName>
    <definedName name="_5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8"}</definedName>
    <definedName name="_59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6"}</definedName>
    <definedName name="_59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5"}</definedName>
    <definedName name="_59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4"}</definedName>
    <definedName name="_59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3"}</definedName>
    <definedName name="_59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2"}</definedName>
    <definedName name="_59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1"}</definedName>
    <definedName name="_59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0"}</definedName>
    <definedName name="_59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9"}</definedName>
    <definedName name="_59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8"}</definedName>
    <definedName name="_59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7"}</definedName>
    <definedName name="_5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7"}</definedName>
    <definedName name="_59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6"}</definedName>
    <definedName name="_59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5"}</definedName>
    <definedName name="_59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4"}</definedName>
    <definedName name="_59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3"}</definedName>
    <definedName name="_59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2"}</definedName>
    <definedName name="_59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1"}</definedName>
    <definedName name="_59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0"}</definedName>
    <definedName name="_59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9"}</definedName>
    <definedName name="_59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8"}</definedName>
    <definedName name="_59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7"}</definedName>
    <definedName name="_6__123Graph_LBL_ACHART_2" hidden="1">[7]DUCOCO!$B$34:$F$34</definedName>
    <definedName name="_6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5"}</definedName>
    <definedName name="_6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9"}</definedName>
    <definedName name="_6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6"}</definedName>
    <definedName name="_60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6"}</definedName>
    <definedName name="_60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5"}</definedName>
    <definedName name="_60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4"}</definedName>
    <definedName name="_60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3"}</definedName>
    <definedName name="_60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2"}</definedName>
    <definedName name="_60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1"}</definedName>
    <definedName name="_60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0"}</definedName>
    <definedName name="_60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9"}</definedName>
    <definedName name="_60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8"}</definedName>
    <definedName name="_60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7"}</definedName>
    <definedName name="_6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5"}</definedName>
    <definedName name="_60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6"}</definedName>
    <definedName name="_60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5"}</definedName>
    <definedName name="_60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4"}</definedName>
    <definedName name="_60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3"}</definedName>
    <definedName name="_60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2"}</definedName>
    <definedName name="_60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1"}</definedName>
    <definedName name="_60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0"}</definedName>
    <definedName name="_60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9"}</definedName>
    <definedName name="_60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8"}</definedName>
    <definedName name="_60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7"}</definedName>
    <definedName name="_6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4"}</definedName>
    <definedName name="_60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6"}</definedName>
    <definedName name="_60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5"}</definedName>
    <definedName name="_60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4"}</definedName>
    <definedName name="_60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3"}</definedName>
    <definedName name="_60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2"}</definedName>
    <definedName name="_60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1"}</definedName>
    <definedName name="_60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0"}</definedName>
    <definedName name="_60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9"}</definedName>
    <definedName name="_60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8"}</definedName>
    <definedName name="_60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7"}</definedName>
    <definedName name="_6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3"}</definedName>
    <definedName name="_60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6"}</definedName>
    <definedName name="_60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5"}</definedName>
    <definedName name="_60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4"}</definedName>
    <definedName name="_60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3"}</definedName>
    <definedName name="_60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2"}</definedName>
    <definedName name="_60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1"}</definedName>
    <definedName name="_60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0"}</definedName>
    <definedName name="_603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9"}</definedName>
    <definedName name="_603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8"}</definedName>
    <definedName name="_603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7"}</definedName>
    <definedName name="_6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2"}</definedName>
    <definedName name="_604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6"}</definedName>
    <definedName name="_604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5"}</definedName>
    <definedName name="_604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4"}</definedName>
    <definedName name="_604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3"}</definedName>
    <definedName name="_604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2"}</definedName>
    <definedName name="_604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1"}</definedName>
    <definedName name="_604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0"}</definedName>
    <definedName name="_604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9"}</definedName>
    <definedName name="_604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8"}</definedName>
    <definedName name="_604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7"}</definedName>
    <definedName name="_6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1"}</definedName>
    <definedName name="_605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6"}</definedName>
    <definedName name="_605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5"}</definedName>
    <definedName name="_605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4"}</definedName>
    <definedName name="_605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3"}</definedName>
    <definedName name="_605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2"}</definedName>
    <definedName name="_605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1"}</definedName>
    <definedName name="_605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0"}</definedName>
    <definedName name="_605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9"}</definedName>
    <definedName name="_605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8"}</definedName>
    <definedName name="_605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7"}</definedName>
    <definedName name="_6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60"}</definedName>
    <definedName name="_606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6"}</definedName>
    <definedName name="_606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5"}</definedName>
    <definedName name="_606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4"}</definedName>
    <definedName name="_606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3"}</definedName>
    <definedName name="_606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2"}</definedName>
    <definedName name="_606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1"}</definedName>
    <definedName name="_606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0"}</definedName>
    <definedName name="_606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9"}</definedName>
    <definedName name="_606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8"}</definedName>
    <definedName name="_606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7"}</definedName>
    <definedName name="_6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9"}</definedName>
    <definedName name="_607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6"}</definedName>
    <definedName name="_607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5"}</definedName>
    <definedName name="_607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4"}</definedName>
    <definedName name="_607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3"}</definedName>
    <definedName name="_607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2"}</definedName>
    <definedName name="_607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1"}</definedName>
    <definedName name="_607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0"}</definedName>
    <definedName name="_607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9"}</definedName>
    <definedName name="_607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8"}</definedName>
    <definedName name="_607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7"}</definedName>
    <definedName name="_6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8"}</definedName>
    <definedName name="_608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6"}</definedName>
    <definedName name="_608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5"}</definedName>
    <definedName name="_608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4"}</definedName>
    <definedName name="_608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3"}</definedName>
    <definedName name="_608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2"}</definedName>
    <definedName name="_608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1"}</definedName>
    <definedName name="_608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definedName>
    <definedName name="_608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9"}</definedName>
    <definedName name="_608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8"}</definedName>
    <definedName name="_608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7"}</definedName>
    <definedName name="_6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7"}</definedName>
    <definedName name="_609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6"}</definedName>
    <definedName name="_609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5"}</definedName>
    <definedName name="_609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4"}</definedName>
    <definedName name="_609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3"}</definedName>
    <definedName name="_609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2"}</definedName>
    <definedName name="_609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1"}</definedName>
    <definedName name="_609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0"}</definedName>
    <definedName name="_609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9"}</definedName>
    <definedName name="_609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8"}</definedName>
    <definedName name="_609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7"}</definedName>
    <definedName name="_6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8"}</definedName>
    <definedName name="_6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6"}</definedName>
    <definedName name="_610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6"}</definedName>
    <definedName name="_610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5"}</definedName>
    <definedName name="_610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4"}</definedName>
    <definedName name="_610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3"}</definedName>
    <definedName name="_610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2"}</definedName>
    <definedName name="_610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1"}</definedName>
    <definedName name="_610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0"}</definedName>
    <definedName name="_610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9"}</definedName>
    <definedName name="_610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8"}</definedName>
    <definedName name="_610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7"}</definedName>
    <definedName name="_6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5"}</definedName>
    <definedName name="_611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6"}</definedName>
    <definedName name="_611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5"}</definedName>
    <definedName name="_611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4"}</definedName>
    <definedName name="_611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3"}</definedName>
    <definedName name="_611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2"}</definedName>
    <definedName name="_611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1"}</definedName>
    <definedName name="_611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0"}</definedName>
    <definedName name="_61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9"}</definedName>
    <definedName name="_611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8"}</definedName>
    <definedName name="_611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7"}</definedName>
    <definedName name="_6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4"}</definedName>
    <definedName name="_612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6"}</definedName>
    <definedName name="_612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5"}</definedName>
    <definedName name="_612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4"}</definedName>
    <definedName name="_61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3"}</definedName>
    <definedName name="_612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2"}</definedName>
    <definedName name="_612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1"}</definedName>
    <definedName name="_612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0"}</definedName>
    <definedName name="_612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9"}</definedName>
    <definedName name="_6128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8"}</definedName>
    <definedName name="_6129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7"}</definedName>
    <definedName name="_6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3"}</definedName>
    <definedName name="_6130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6"}</definedName>
    <definedName name="_6131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definedName>
    <definedName name="_6132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4"}</definedName>
    <definedName name="_613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3"}</definedName>
    <definedName name="_6134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2"}</definedName>
    <definedName name="_6135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1"}</definedName>
    <definedName name="_6136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0"}</definedName>
    <definedName name="_6137__FDSAUDITLINK__" hidden="1">{"fdsup://directions/FAT Viewer?action=UPDATE&amp;creator=factset&amp;DYN_ARGS=TRUE&amp;DOC_NAME=FAT:FQL_AUDITING_CLIENT_TEMPLATE.FAT&amp;display_string=Audit&amp;VAR:KEY=VMVCPEZILW&amp;VAR:QUERY=RkZfRU5UUlBSX1ZBTF9EQUlMWSgwLCwsLExPQ0FMLCdCQVNJQyBTSEFSRVMnKQ==&amp;WINDOW=FIRST_POPUP&amp;H","EIGHT=450&amp;WIDTH=450&amp;START_MAXIMIZED=FALSE&amp;VAR:CALENDAR=US&amp;VAR:SYMBOL=17134010&amp;VAR:INDEX=0"}</definedName>
    <definedName name="_6138__FDSAUDITLINK__" hidden="1">{"fdsup://directions/FAT Viewer?action=UPDATE&amp;creator=factset&amp;DYN_ARGS=TRUE&amp;DOC_NAME=FAT:FQL_AUDITING_CLIENT_TEMPLATE.FAT&amp;display_string=Audit&amp;VAR:KEY=MFAVQHKJWT&amp;VAR:QUERY=RkZfRU5UUlBSX1ZBTF9EQUlMWSgwLCwsLExPQ0FMLCdCQVNJQyBTSEFSRVMnKQ==&amp;WINDOW=FIRST_POPUP&amp;H","EIGHT=450&amp;WIDTH=450&amp;START_MAXIMIZED=FALSE&amp;VAR:CALENDAR=US&amp;VAR:SYMBOL=05430310&amp;VAR:INDEX=0"}</definedName>
    <definedName name="_6139__FDSAUDITLINK__" hidden="1">{"fdsup://directions/FAT Viewer?action=UPDATE&amp;creator=factset&amp;DYN_ARGS=TRUE&amp;DOC_NAME=FAT:FQL_AUDITING_CLIENT_TEMPLATE.FAT&amp;display_string=Audit&amp;VAR:KEY=PWPMDSRUPK&amp;VAR:QUERY=RkZfRU5UUlBSX1ZBTF9EQUlMWSgwLCwsLExPQ0FMLCdCQVNJQyBTSEFSRVMnKQ==&amp;WINDOW=FIRST_POPUP&amp;H","EIGHT=450&amp;WIDTH=450&amp;START_MAXIMIZED=FALSE&amp;VAR:CALENDAR=US&amp;VAR:SYMBOL=18905410&amp;VAR:INDEX=0"}</definedName>
    <definedName name="_6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2"}</definedName>
    <definedName name="_6140__FDSAUDITLINK__" hidden="1">{"fdsup://directions/FAT Viewer?action=UPDATE&amp;creator=factset&amp;DYN_ARGS=TRUE&amp;DOC_NAME=FAT:FQL_AUDITING_CLIENT_TEMPLATE.FAT&amp;display_string=Audit&amp;VAR:KEY=GNCBWHKDKF&amp;VAR:QUERY=RkZfRU5UUlBSX1ZBTF9EQUlMWSgwLCwsLExPQ0FMLCdCQVNJQyBTSEFSRVMnKQ==&amp;WINDOW=FIRST_POPUP&amp;H","EIGHT=450&amp;WIDTH=450&amp;START_MAXIMIZED=FALSE&amp;VAR:CALENDAR=US&amp;VAR:SYMBOL=510740&amp;VAR:INDEX=0"}</definedName>
    <definedName name="_6141__FDSAUDITLINK__" hidden="1">{"fdsup://directions/FAT Viewer?action=UPDATE&amp;creator=factset&amp;DYN_ARGS=TRUE&amp;DOC_NAME=FAT:FQL_AUDITING_CLIENT_TEMPLATE.FAT&amp;display_string=Audit&amp;VAR:KEY=VSTATMFSXY&amp;VAR:QUERY=RkZfRU5UUlBSX1ZBTF9EQUlMWSgwLCwsLExPQ0FMLCdCQVNJQyBTSEFSRVMnKQ==&amp;WINDOW=FIRST_POPUP&amp;H","EIGHT=450&amp;WIDTH=450&amp;START_MAXIMIZED=FALSE&amp;VAR:CALENDAR=US&amp;VAR:SYMBOL=51843910&amp;VAR:INDEX=0"}</definedName>
    <definedName name="_6142__FDSAUDITLINK__" hidden="1">{"fdsup://directions/FAT Viewer?action=UPDATE&amp;creator=factset&amp;DYN_ARGS=TRUE&amp;DOC_NAME=FAT:FQL_AUDITING_CLIENT_TEMPLATE.FAT&amp;display_string=Audit&amp;VAR:KEY=CZGPQBQDQP&amp;VAR:QUERY=RkZfRU5UUlBSX1ZBTF9EQUlMWSgwLCwsLExPQ0FMLCdCQVNJQyBTSEFSRVMnKQ==&amp;WINDOW=FIRST_POPUP&amp;H","EIGHT=450&amp;WIDTH=450&amp;START_MAXIMIZED=FALSE&amp;VAR:CALENDAR=US&amp;VAR:SYMBOL=507670&amp;VAR:INDEX=0"}</definedName>
    <definedName name="_6143__FDSAUDITLINK__" hidden="1">{"fdsup://directions/FAT Viewer?action=UPDATE&amp;creator=factset&amp;DYN_ARGS=TRUE&amp;DOC_NAME=FAT:FQL_AUDITING_CLIENT_TEMPLATE.FAT&amp;display_string=Audit&amp;VAR:KEY=TYJEVQJETG&amp;VAR:QUERY=RkZfRU5UUlBSX1ZBTF9EQUlMWSgwLCwsLExPQ0FMLCdCQVNJQyBTSEFSRVMnKQ==&amp;WINDOW=FIRST_POPUP&amp;H","EIGHT=450&amp;WIDTH=450&amp;START_MAXIMIZED=FALSE&amp;VAR:CALENDAR=US&amp;VAR:SYMBOL=B24CGK&amp;VAR:INDEX=0"}</definedName>
    <definedName name="_6144__FDSAUDITLINK__" hidden="1">{"fdsup://directions/FAT Viewer?action=UPDATE&amp;creator=factset&amp;DYN_ARGS=TRUE&amp;DOC_NAME=FAT:FQL_AUDITING_CLIENT_TEMPLATE.FAT&amp;display_string=Audit&amp;VAR:KEY=EVQJINEBUV&amp;VAR:QUERY=RkZfRU5UUlBSX1ZBTF9EQUlMWSgwLCwsLExPQ0FMLCdCQVNJQyBTSEFSRVMnKQ==&amp;WINDOW=FIRST_POPUP&amp;H","EIGHT=450&amp;WIDTH=450&amp;START_MAXIMIZED=FALSE&amp;VAR:CALENDAR=US&amp;VAR:SYMBOL=19416210&amp;VAR:INDEX=0"}</definedName>
    <definedName name="_6145__FDSAUDITLINK__" hidden="1">{"fdsup://directions/FAT Viewer?action=UPDATE&amp;creator=factset&amp;DYN_ARGS=TRUE&amp;DOC_NAME=FAT:FQL_AUDITING_CLIENT_TEMPLATE.FAT&amp;display_string=Audit&amp;VAR:KEY=HYVABKDQTS&amp;VAR:QUERY=RkZfRU5UUlBSX1ZBTF9EQUlMWSgwLCwsLExPQ0FMLCdCQVNJQyBTSEFSRVMnKQ==&amp;WINDOW=FIRST_POPUP&amp;H","EIGHT=450&amp;WIDTH=450&amp;START_MAXIMIZED=FALSE&amp;VAR:CALENDAR=US&amp;VAR:SYMBOL=405780&amp;VAR:INDEX=0"}</definedName>
    <definedName name="_6146__FDSAUDITLINK__" hidden="1">{"fdsup://directions/FAT Viewer?action=UPDATE&amp;creator=factset&amp;DYN_ARGS=TRUE&amp;DOC_NAME=FAT:FQL_AUDITING_CLIENT_TEMPLATE.FAT&amp;display_string=Audit&amp;VAR:KEY=OZARWZULGF&amp;VAR:QUERY=RkZfRU5UUlBSX1ZBTF9EQUlMWSgwLCwsLExPQ0FMLCdCQVNJQyBTSEFSRVMnKQ==&amp;WINDOW=FIRST_POPUP&amp;H","EIGHT=450&amp;WIDTH=450&amp;START_MAXIMIZED=FALSE&amp;VAR:CALENDAR=US&amp;VAR:SYMBOL=B12T3J&amp;VAR:INDEX=0"}</definedName>
    <definedName name="_6147__FDSAUDITLINK__" hidden="1">{"fdsup://directions/FAT Viewer?action=UPDATE&amp;creator=factset&amp;DYN_ARGS=TRUE&amp;DOC_NAME=FAT:FQL_AUDITING_CLIENT_TEMPLATE.FAT&amp;display_string=Audit&amp;VAR:KEY=FSBYHSHONI&amp;VAR:QUERY=RkZfRU5UUlBSX1ZBTF9EQUlMWSgwLCwsLExPQ0FMLCdCQVNJQyBTSEFSRVMnKQ==&amp;WINDOW=FIRST_POPUP&amp;H","EIGHT=450&amp;WIDTH=450&amp;START_MAXIMIZED=FALSE&amp;VAR:CALENDAR=US&amp;VAR:SYMBOL=47816010&amp;VAR:INDEX=0"}</definedName>
    <definedName name="_6148__FDSAUDITLINK__" hidden="1">{"fdsup://directions/FAT Viewer?action=UPDATE&amp;creator=factset&amp;DYN_ARGS=TRUE&amp;DOC_NAME=FAT:FQL_AUDITING_CLIENT_TEMPLATE.FAT&amp;display_string=Audit&amp;VAR:KEY=YLMNUFKTMX&amp;VAR:QUERY=RkZfRU5UUlBSX1ZBTF9EQUlMWSgwLCwsLExPQ0FMLCdCQVNJQyBTSEFSRVMnKQ==&amp;WINDOW=FIRST_POPUP&amp;H","EIGHT=450&amp;WIDTH=450&amp;START_MAXIMIZED=FALSE&amp;VAR:CALENDAR=US&amp;VAR:SYMBOL=74271810&amp;VAR:INDEX=0"}</definedName>
    <definedName name="_6149__FDSAUDITLINK__" hidden="1">{"fdsup://directions/FAT Viewer?action=UPDATE&amp;creator=factset&amp;DYN_ARGS=TRUE&amp;DOC_NAME=FAT:FQL_AUDITING_CLIENT_TEMPLATE.FAT&amp;display_string=Audit&amp;VAR:KEY=HEDSTKLQZO&amp;VAR:QUERY=RkZfTkVUX0lOQyhBTk4sMCwsLCxMT0NBTCk=&amp;WINDOW=FIRST_POPUP&amp;HEIGHT=450&amp;WIDTH=450&amp;START_MA","XIMIZED=FALSE&amp;VAR:CALENDAR=US&amp;VAR:SYMBOL=17134010&amp;VAR:INDEX=0"}</definedName>
    <definedName name="_6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1"}</definedName>
    <definedName name="_6150__FDSAUDITLINK__" hidden="1">{"fdsup://directions/FAT Viewer?action=UPDATE&amp;creator=factset&amp;DYN_ARGS=TRUE&amp;DOC_NAME=FAT:FQL_AUDITING_CLIENT_TEMPLATE.FAT&amp;display_string=Audit&amp;VAR:KEY=UDIRIBYBSJ&amp;VAR:QUERY=RkZfTkVUX0lOQyhBTk4sLTEsLCwsTE9DQUwp&amp;WINDOW=FIRST_POPUP&amp;HEIGHT=450&amp;WIDTH=450&amp;START_MA","XIMIZED=FALSE&amp;VAR:CALENDAR=US&amp;VAR:SYMBOL=17134010&amp;VAR:INDEX=0"}</definedName>
    <definedName name="_6151__FDSAUDITLINK__" hidden="1">{"fdsup://directions/FAT Viewer?action=UPDATE&amp;creator=factset&amp;DYN_ARGS=TRUE&amp;DOC_NAME=FAT:FQL_AUDITING_CLIENT_TEMPLATE.FAT&amp;display_string=Audit&amp;VAR:KEY=XQXAVQRELO&amp;VAR:QUERY=RkZfRUJJVERBKEFOTiwwLCwsLExPQ0FMKQ==&amp;WINDOW=FIRST_POPUP&amp;HEIGHT=450&amp;WIDTH=450&amp;START_MA","XIMIZED=FALSE&amp;VAR:CALENDAR=US&amp;VAR:SYMBOL=17134010&amp;VAR:INDEX=0"}</definedName>
    <definedName name="_6152__FDSAUDITLINK__" hidden="1">{"fdsup://directions/FAT Viewer?action=UPDATE&amp;creator=factset&amp;DYN_ARGS=TRUE&amp;DOC_NAME=FAT:FQL_AUDITING_CLIENT_TEMPLATE.FAT&amp;display_string=Audit&amp;VAR:KEY=GJWHEPEJOX&amp;VAR:QUERY=RkZfRUJJVERBKEFOTiwtMSwsLCxMT0NBTCk=&amp;WINDOW=FIRST_POPUP&amp;HEIGHT=450&amp;WIDTH=450&amp;START_MA","XIMIZED=FALSE&amp;VAR:CALENDAR=US&amp;VAR:SYMBOL=17134010&amp;VAR:INDEX=0"}</definedName>
    <definedName name="_6153__FDSAUDITLINK__" hidden="1">{"fdsup://directions/FAT Viewer?action=UPDATE&amp;creator=factset&amp;DYN_ARGS=TRUE&amp;DOC_NAME=FAT:FQL_AUDITING_CLIENT_TEMPLATE.FAT&amp;display_string=Audit&amp;VAR:KEY=XMVKXKLEHC&amp;VAR:QUERY=RkZfRU5UUlBSX1ZBTF9EQUlMWSgwLCwsLFVTRCwnQkFTSUMgU0hBUkVTJyk=&amp;WINDOW=FIRST_POPUP&amp;HEIGH","T=450&amp;WIDTH=450&amp;START_MAXIMIZED=FALSE&amp;VAR:CALENDAR=US&amp;VAR:SYMBOL=17134010&amp;VAR:INDEX=0"}</definedName>
    <definedName name="_6154__FDSAUDITLINK__" hidden="1">{"fdsup://directions/FAT Viewer?action=UPDATE&amp;creator=factset&amp;DYN_ARGS=TRUE&amp;DOC_NAME=FAT:FQL_AUDITING_CLIENT_TEMPLATE.FAT&amp;display_string=Audit&amp;VAR:KEY=GXOBCJSRGZ&amp;VAR:QUERY=RkZfTkVUX0lOQyhBTk4sMCwsLCxMT0NBTCk=&amp;WINDOW=FIRST_POPUP&amp;HEIGHT=450&amp;WIDTH=450&amp;START_MA","XIMIZED=FALSE&amp;VAR:CALENDAR=US&amp;VAR:SYMBOL=05430310&amp;VAR:INDEX=0"}</definedName>
    <definedName name="_6155__FDSAUDITLINK__" hidden="1">{"fdsup://directions/FAT Viewer?action=UPDATE&amp;creator=factset&amp;DYN_ARGS=TRUE&amp;DOC_NAME=FAT:FQL_AUDITING_CLIENT_TEMPLATE.FAT&amp;display_string=Audit&amp;VAR:KEY=TEDQFQLKBG&amp;VAR:QUERY=RkZfTkVUX0lOQyhBTk4sLTEsLCwsTE9DQUwp&amp;WINDOW=FIRST_POPUP&amp;HEIGHT=450&amp;WIDTH=450&amp;START_MA","XIMIZED=FALSE&amp;VAR:CALENDAR=US&amp;VAR:SYMBOL=05430310&amp;VAR:INDEX=0"}</definedName>
    <definedName name="_6156__FDSAUDITLINK__" hidden="1">{"fdsup://Directions/FactSet Auditing Viewer?action=AUDIT_VALUE&amp;DB=129&amp;ID1=17134010&amp;VALUEID=01001&amp;SDATE=2011&amp;PERIODTYPE=ANN_STD&amp;SCFT=3&amp;window=popup_no_bar&amp;width=385&amp;height=120&amp;START_MAXIMIZED=FALSE&amp;creator=factset&amp;display_string=Audit"}</definedName>
    <definedName name="_6157__FDSAUDITLINK__" hidden="1">{"fdsup://Directions/FactSet Auditing Viewer?action=AUDIT_VALUE&amp;DB=129&amp;ID1=17134010&amp;VALUEID=01001&amp;SDATE=2010&amp;PERIODTYPE=ANN_STD&amp;SCFT=3&amp;window=popup_no_bar&amp;width=385&amp;height=120&amp;START_MAXIMIZED=FALSE&amp;creator=factset&amp;display_string=Audit"}</definedName>
    <definedName name="_6158__FDSAUDITLINK__" hidden="1">{"fdsup://directions/FAT Viewer?action=UPDATE&amp;creator=factset&amp;DYN_ARGS=TRUE&amp;DOC_NAME=FAT:FQL_AUDITING_CLIENT_TEMPLATE.FAT&amp;display_string=Audit&amp;VAR:KEY=CLMJIRUNWB&amp;VAR:QUERY=RkZfRUJJVERBKEFOTiwwLCwsLExPQ0FMKQ==&amp;WINDOW=FIRST_POPUP&amp;HEIGHT=450&amp;WIDTH=450&amp;START_MA","XIMIZED=FALSE&amp;VAR:CALENDAR=US&amp;VAR:SYMBOL=05430310&amp;VAR:INDEX=0"}</definedName>
    <definedName name="_6159__FDSAUDITLINK__" hidden="1">{"fdsup://directions/FAT Viewer?action=UPDATE&amp;creator=factset&amp;DYN_ARGS=TRUE&amp;DOC_NAME=FAT:FQL_AUDITING_CLIENT_TEMPLATE.FAT&amp;display_string=Audit&amp;VAR:KEY=DYZMTSRETS&amp;VAR:QUERY=RkZfRUJJVERBKEFOTiwtMSwsLCxMT0NBTCk=&amp;WINDOW=FIRST_POPUP&amp;HEIGHT=450&amp;WIDTH=450&amp;START_MA","XIMIZED=FALSE&amp;VAR:CALENDAR=US&amp;VAR:SYMBOL=05430310&amp;VAR:INDEX=0"}</definedName>
    <definedName name="_6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50"}</definedName>
    <definedName name="_6160__FDSAUDITLINK__" hidden="1">{"fdsup://directions/FAT Viewer?action=UPDATE&amp;creator=factset&amp;DYN_ARGS=TRUE&amp;DOC_NAME=FAT:FQL_AUDITING_CLIENT_TEMPLATE.FAT&amp;display_string=Audit&amp;VAR:KEY=MBSPMHQJUN&amp;VAR:QUERY=RkZfRU5UUlBSX1ZBTF9EQUlMWSgwLCwsLFVTRCwnQkFTSUMgU0hBUkVTJyk=&amp;WINDOW=FIRST_POPUP&amp;HEIGH","T=450&amp;WIDTH=450&amp;START_MAXIMIZED=FALSE&amp;VAR:CALENDAR=US&amp;VAR:SYMBOL=05430310&amp;VAR:INDEX=0"}</definedName>
    <definedName name="_6161__FDSAUDITLINK__" hidden="1">{"fdsup://directions/FAT Viewer?action=UPDATE&amp;creator=factset&amp;DYN_ARGS=TRUE&amp;DOC_NAME=FAT:FQL_AUDITING_CLIENT_TEMPLATE.FAT&amp;display_string=Audit&amp;VAR:KEY=BQJCPINMVO&amp;VAR:QUERY=RkZfTkVUX0lOQyhBTk4sMCwsLCxMT0NBTCk=&amp;WINDOW=FIRST_POPUP&amp;HEIGHT=450&amp;WIDTH=450&amp;START_MA","XIMIZED=FALSE&amp;VAR:CALENDAR=US&amp;VAR:SYMBOL=18905410&amp;VAR:INDEX=0"}</definedName>
    <definedName name="_6162__FDSAUDITLINK__" hidden="1">{"fdsup://directions/FAT Viewer?action=UPDATE&amp;creator=factset&amp;DYN_ARGS=TRUE&amp;DOC_NAME=FAT:FQL_AUDITING_CLIENT_TEMPLATE.FAT&amp;display_string=Audit&amp;VAR:KEY=IVIDYJQZEL&amp;VAR:QUERY=RkZfTkVUX0lOQyhBTk4sLTEsLCwsTE9DQUwp&amp;WINDOW=FIRST_POPUP&amp;HEIGHT=450&amp;WIDTH=450&amp;START_MA","XIMIZED=FALSE&amp;VAR:CALENDAR=US&amp;VAR:SYMBOL=18905410&amp;VAR:INDEX=0"}</definedName>
    <definedName name="_6163__FDSAUDITLINK__" hidden="1">{"fdsup://Directions/FactSet Auditing Viewer?action=AUDIT_VALUE&amp;DB=129&amp;ID1=05430310&amp;VALUEID=01001&amp;SDATE=2011&amp;PERIODTYPE=ANN_STD&amp;SCFT=3&amp;window=popup_no_bar&amp;width=385&amp;height=120&amp;START_MAXIMIZED=FALSE&amp;creator=factset&amp;display_string=Audit"}</definedName>
    <definedName name="_6164__FDSAUDITLINK__" hidden="1">{"fdsup://Directions/FactSet Auditing Viewer?action=AUDIT_VALUE&amp;DB=129&amp;ID1=05430310&amp;VALUEID=01001&amp;SDATE=2010&amp;PERIODTYPE=ANN_STD&amp;SCFT=3&amp;window=popup_no_bar&amp;width=385&amp;height=120&amp;START_MAXIMIZED=FALSE&amp;creator=factset&amp;display_string=Audit"}</definedName>
    <definedName name="_6165__FDSAUDITLINK__" hidden="1">{"fdsup://directions/FAT Viewer?action=UPDATE&amp;creator=factset&amp;DYN_ARGS=TRUE&amp;DOC_NAME=FAT:FQL_AUDITING_CLIENT_TEMPLATE.FAT&amp;display_string=Audit&amp;VAR:KEY=JSTAXQPIJU&amp;VAR:QUERY=RkZfRUJJVERBKEFOTiwwLCwsLExPQ0FMKQ==&amp;WINDOW=FIRST_POPUP&amp;HEIGHT=450&amp;WIDTH=450&amp;START_MA","XIMIZED=FALSE&amp;VAR:CALENDAR=US&amp;VAR:SYMBOL=18905410&amp;VAR:INDEX=0"}</definedName>
    <definedName name="_6166__FDSAUDITLINK__" hidden="1">{"fdsup://directions/FAT Viewer?action=UPDATE&amp;creator=factset&amp;DYN_ARGS=TRUE&amp;DOC_NAME=FAT:FQL_AUDITING_CLIENT_TEMPLATE.FAT&amp;display_string=Audit&amp;VAR:KEY=ALSVAFGXUF&amp;VAR:QUERY=RkZfRUJJVERBKEFOTiwtMSwsLCxMT0NBTCk=&amp;WINDOW=FIRST_POPUP&amp;HEIGHT=450&amp;WIDTH=450&amp;START_MA","XIMIZED=FALSE&amp;VAR:CALENDAR=US&amp;VAR:SYMBOL=18905410&amp;VAR:INDEX=0"}</definedName>
    <definedName name="_6167__FDSAUDITLINK__" hidden="1">{"fdsup://directions/FAT Viewer?action=UPDATE&amp;creator=factset&amp;DYN_ARGS=TRUE&amp;DOC_NAME=FAT:FQL_AUDITING_CLIENT_TEMPLATE.FAT&amp;display_string=Audit&amp;VAR:KEY=RAHMDGJSLS&amp;VAR:QUERY=RkZfRU5UUlBSX1ZBTF9EQUlMWSgwLCwsLFVTRCwnQkFTSUMgU0hBUkVTJyk=&amp;WINDOW=FIRST_POPUP&amp;HEIGH","T=450&amp;WIDTH=450&amp;START_MAXIMIZED=FALSE&amp;VAR:CALENDAR=US&amp;VAR:SYMBOL=18905410&amp;VAR:INDEX=0"}</definedName>
    <definedName name="_6168__FDSAUDITLINK__" hidden="1">{"fdsup://directions/FAT Viewer?action=UPDATE&amp;creator=factset&amp;DYN_ARGS=TRUE&amp;DOC_NAME=FAT:FQL_AUDITING_CLIENT_TEMPLATE.FAT&amp;display_string=Audit&amp;VAR:KEY=GVOBEZSZGP&amp;VAR:QUERY=RkZfTkVUX0lOQyhBTk4sMCwsLCxMT0NBTCk=&amp;WINDOW=FIRST_POPUP&amp;HEIGHT=450&amp;WIDTH=450&amp;START_MA","XIMIZED=FALSE&amp;VAR:CALENDAR=US&amp;VAR:SYMBOL=510740&amp;VAR:INDEX=0"}</definedName>
    <definedName name="_6169__FDSAUDITLINK__" hidden="1">{"fdsup://directions/FAT Viewer?action=UPDATE&amp;creator=factset&amp;DYN_ARGS=TRUE&amp;DOC_NAME=FAT:FQL_AUDITING_CLIENT_TEMPLATE.FAT&amp;display_string=Audit&amp;VAR:KEY=FGHQVKXIFA&amp;VAR:QUERY=RkZfTkVUX0lOQyhBTk4sLTEsLCwsTE9DQUwp&amp;WINDOW=FIRST_POPUP&amp;HEIGHT=450&amp;WIDTH=450&amp;START_MA","XIMIZED=FALSE&amp;VAR:CALENDAR=US&amp;VAR:SYMBOL=510740&amp;VAR:INDEX=0"}</definedName>
    <definedName name="_6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9"}</definedName>
    <definedName name="_6170__FDSAUDITLINK__" hidden="1">{"fdsup://Directions/FactSet Auditing Viewer?action=AUDIT_VALUE&amp;DB=129&amp;ID1=18905410&amp;VALUEID=01001&amp;SDATE=2012&amp;PERIODTYPE=ANN_STD&amp;SCFT=3&amp;window=popup_no_bar&amp;width=385&amp;height=120&amp;START_MAXIMIZED=FALSE&amp;creator=factset&amp;display_string=Audit"}</definedName>
    <definedName name="_6171__FDSAUDITLINK__" hidden="1">{"fdsup://Directions/FactSet Auditing Viewer?action=AUDIT_VALUE&amp;DB=129&amp;ID1=18905410&amp;VALUEID=01001&amp;SDATE=2011&amp;PERIODTYPE=ANN_STD&amp;SCFT=3&amp;window=popup_no_bar&amp;width=385&amp;height=120&amp;START_MAXIMIZED=FALSE&amp;creator=factset&amp;display_string=Audit"}</definedName>
    <definedName name="_6172__FDSAUDITLINK__" hidden="1">{"fdsup://directions/FAT Viewer?action=UPDATE&amp;creator=factset&amp;DYN_ARGS=TRUE&amp;DOC_NAME=FAT:FQL_AUDITING_CLIENT_TEMPLATE.FAT&amp;display_string=Audit&amp;VAR:KEY=MPCFMTQRCJ&amp;VAR:QUERY=RkZfRUJJVERBKEFOTiwwLCwsLExPQ0FMKQ==&amp;WINDOW=FIRST_POPUP&amp;HEIGHT=450&amp;WIDTH=450&amp;START_MA","XIMIZED=FALSE&amp;VAR:CALENDAR=US&amp;VAR:SYMBOL=510740&amp;VAR:INDEX=0"}</definedName>
    <definedName name="_6173__FDSAUDITLINK__" hidden="1">{"fdsup://directions/FAT Viewer?action=UPDATE&amp;creator=factset&amp;DYN_ARGS=TRUE&amp;DOC_NAME=FAT:FQL_AUDITING_CLIENT_TEMPLATE.FAT&amp;display_string=Audit&amp;VAR:KEY=HEJINMVEBO&amp;VAR:QUERY=RkZfRUJJVERBKEFOTiwtMSwsLCxMT0NBTCk=&amp;WINDOW=FIRST_POPUP&amp;HEIGHT=450&amp;WIDTH=450&amp;START_MA","XIMIZED=FALSE&amp;VAR:CALENDAR=US&amp;VAR:SYMBOL=510740&amp;VAR:INDEX=0"}</definedName>
    <definedName name="_6174__FDSAUDITLINK__" hidden="1">{"fdsup://directions/FAT Viewer?action=UPDATE&amp;creator=factset&amp;DYN_ARGS=TRUE&amp;DOC_NAME=FAT:FQL_AUDITING_CLIENT_TEMPLATE.FAT&amp;display_string=Audit&amp;VAR:KEY=GPEXKJIBMX&amp;VAR:QUERY=RkZfRU5UUlBSX1ZBTF9EQUlMWSgwLCwsLFVTRCwnQkFTSUMgU0hBUkVTJyk=&amp;WINDOW=FIRST_POPUP&amp;HEIGH","T=450&amp;WIDTH=450&amp;START_MAXIMIZED=FALSE&amp;VAR:CALENDAR=US&amp;VAR:SYMBOL=510740&amp;VAR:INDEX=0"}</definedName>
    <definedName name="_6175__FDSAUDITLINK__" hidden="1">{"fdsup://directions/FAT Viewer?action=UPDATE&amp;creator=factset&amp;DYN_ARGS=TRUE&amp;DOC_NAME=FAT:FQL_AUDITING_CLIENT_TEMPLATE.FAT&amp;display_string=Audit&amp;VAR:KEY=ZUHILGVGHW&amp;VAR:QUERY=RkZfTkVUX0lOQyhBTk4sMCwsLCxMT0NBTCk=&amp;WINDOW=FIRST_POPUP&amp;HEIGHT=450&amp;WIDTH=450&amp;START_MA","XIMIZED=FALSE&amp;VAR:CALENDAR=US&amp;VAR:SYMBOL=51843910&amp;VAR:INDEX=0"}</definedName>
    <definedName name="_6176__FDSAUDITLINK__" hidden="1">{"fdsup://directions/FAT Viewer?action=UPDATE&amp;creator=factset&amp;DYN_ARGS=TRUE&amp;DOC_NAME=FAT:FQL_AUDITING_CLIENT_TEMPLATE.FAT&amp;display_string=Audit&amp;VAR:KEY=ARCPIXCPAP&amp;VAR:QUERY=RkZfTkVUX0lOQyhBTk4sLTEsLCwsTE9DQUwp&amp;WINDOW=FIRST_POPUP&amp;HEIGHT=450&amp;WIDTH=450&amp;START_MA","XIMIZED=FALSE&amp;VAR:CALENDAR=US&amp;VAR:SYMBOL=51843910&amp;VAR:INDEX=0"}</definedName>
    <definedName name="_6177__FDSAUDITLINK__" hidden="1">{"fdsup://Directions/FactSet Auditing Viewer?action=AUDIT_VALUE&amp;DB=129&amp;ID1=510740&amp;VALUEID=01001&amp;SDATE=2011&amp;PERIODTYPE=ANN_STD&amp;SCFT=3&amp;window=popup_no_bar&amp;width=385&amp;height=120&amp;START_MAXIMIZED=FALSE&amp;creator=factset&amp;display_string=Audit"}</definedName>
    <definedName name="_6178__FDSAUDITLINK__" hidden="1">{"fdsup://Directions/FactSet Auditing Viewer?action=AUDIT_VALUE&amp;DB=129&amp;ID1=510740&amp;VALUEID=01001&amp;SDATE=2010&amp;PERIODTYPE=ANN_STD&amp;SCFT=3&amp;window=popup_no_bar&amp;width=385&amp;height=120&amp;START_MAXIMIZED=FALSE&amp;creator=factset&amp;display_string=Audit"}</definedName>
    <definedName name="_6179__FDSAUDITLINK__" hidden="1">{"fdsup://directions/FAT Viewer?action=UPDATE&amp;creator=factset&amp;DYN_ARGS=TRUE&amp;DOC_NAME=FAT:FQL_AUDITING_CLIENT_TEMPLATE.FAT&amp;display_string=Audit&amp;VAR:KEY=BMZKNMRYZI&amp;VAR:QUERY=RkZfRUJJVERBKEFOTiwwLCwsLExPQ0FMKQ==&amp;WINDOW=FIRST_POPUP&amp;HEIGHT=450&amp;WIDTH=450&amp;START_MA","XIMIZED=FALSE&amp;VAR:CALENDAR=US&amp;VAR:SYMBOL=51843910&amp;VAR:INDEX=0"}</definedName>
    <definedName name="_6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8"}</definedName>
    <definedName name="_6180__FDSAUDITLINK__" hidden="1">{"fdsup://directions/FAT Viewer?action=UPDATE&amp;creator=factset&amp;DYN_ARGS=TRUE&amp;DOC_NAME=FAT:FQL_AUDITING_CLIENT_TEMPLATE.FAT&amp;display_string=Audit&amp;VAR:KEY=YPOHSFMNQR&amp;VAR:QUERY=RkZfRUJJVERBKEFOTiwtMSwsLCxMT0NBTCk=&amp;WINDOW=FIRST_POPUP&amp;HEIGHT=450&amp;WIDTH=450&amp;START_MA","XIMIZED=FALSE&amp;VAR:CALENDAR=US&amp;VAR:SYMBOL=51843910&amp;VAR:INDEX=0"}</definedName>
    <definedName name="_6181__FDSAUDITLINK__" hidden="1">{"fdsup://directions/FAT Viewer?action=UPDATE&amp;creator=factset&amp;DYN_ARGS=TRUE&amp;DOC_NAME=FAT:FQL_AUDITING_CLIENT_TEMPLATE.FAT&amp;display_string=Audit&amp;VAR:KEY=NWVKPYXCFE&amp;VAR:QUERY=RkZfRU5UUlBSX1ZBTF9EQUlMWSgwLCwsLFVTRCwnQkFTSUMgU0hBUkVTJyk=&amp;WINDOW=FIRST_POPUP&amp;HEIGH","T=450&amp;WIDTH=450&amp;START_MAXIMIZED=FALSE&amp;VAR:CALENDAR=US&amp;VAR:SYMBOL=51843910&amp;VAR:INDEX=0"}</definedName>
    <definedName name="_6182__FDSAUDITLINK__" hidden="1">{"fdsup://directions/FAT Viewer?action=UPDATE&amp;creator=factset&amp;DYN_ARGS=TRUE&amp;DOC_NAME=FAT:FQL_AUDITING_CLIENT_TEMPLATE.FAT&amp;display_string=Audit&amp;VAR:KEY=GHKJYZONGH&amp;VAR:QUERY=RkZfTkVUX0lOQyhBTk4sMCwsLCxMT0NBTCk=&amp;WINDOW=FIRST_POPUP&amp;HEIGHT=450&amp;WIDTH=450&amp;START_MA","XIMIZED=FALSE&amp;VAR:CALENDAR=US&amp;VAR:SYMBOL=507670&amp;VAR:INDEX=0"}</definedName>
    <definedName name="_6183__FDSAUDITLINK__" hidden="1">{"fdsup://directions/FAT Viewer?action=UPDATE&amp;creator=factset&amp;DYN_ARGS=TRUE&amp;DOC_NAME=FAT:FQL_AUDITING_CLIENT_TEMPLATE.FAT&amp;display_string=Audit&amp;VAR:KEY=HOFWXOVKDU&amp;VAR:QUERY=RkZfTkVUX0lOQyhBTk4sLTEsLCwsTE9DQUwp&amp;WINDOW=FIRST_POPUP&amp;HEIGHT=450&amp;WIDTH=450&amp;START_MA","XIMIZED=FALSE&amp;VAR:CALENDAR=US&amp;VAR:SYMBOL=507670&amp;VAR:INDEX=0"}</definedName>
    <definedName name="_6184__FDSAUDITLINK__" hidden="1">{"fdsup://Directions/FactSet Auditing Viewer?action=AUDIT_VALUE&amp;DB=129&amp;ID1=51843910&amp;VALUEID=01001&amp;SDATE=2012&amp;PERIODTYPE=ANN_STD&amp;SCFT=3&amp;window=popup_no_bar&amp;width=385&amp;height=120&amp;START_MAXIMIZED=FALSE&amp;creator=factset&amp;display_string=Audit"}</definedName>
    <definedName name="_6185__FDSAUDITLINK__" hidden="1">{"fdsup://Directions/FactSet Auditing Viewer?action=AUDIT_VALUE&amp;DB=129&amp;ID1=51843910&amp;VALUEID=01001&amp;SDATE=2011&amp;PERIODTYPE=ANN_STD&amp;SCFT=3&amp;window=popup_no_bar&amp;width=385&amp;height=120&amp;START_MAXIMIZED=FALSE&amp;creator=factset&amp;display_string=Audit"}</definedName>
    <definedName name="_6186__FDSAUDITLINK__" hidden="1">{"fdsup://directions/FAT Viewer?action=UPDATE&amp;creator=factset&amp;DYN_ARGS=TRUE&amp;DOC_NAME=FAT:FQL_AUDITING_CLIENT_TEMPLATE.FAT&amp;display_string=Audit&amp;VAR:KEY=KZQXGDWZKZ&amp;VAR:QUERY=RkZfRUJJVERBKEFOTiwwLCwsLExPQ0FMKQ==&amp;WINDOW=FIRST_POPUP&amp;HEIGHT=450&amp;WIDTH=450&amp;START_MA","XIMIZED=FALSE&amp;VAR:CALENDAR=US&amp;VAR:SYMBOL=507670&amp;VAR:INDEX=0"}</definedName>
    <definedName name="_6187__FDSAUDITLINK__" hidden="1">{"fdsup://directions/FAT Viewer?action=UPDATE&amp;creator=factset&amp;DYN_ARGS=TRUE&amp;DOC_NAME=FAT:FQL_AUDITING_CLIENT_TEMPLATE.FAT&amp;display_string=Audit&amp;VAR:KEY=FGFKJOVQDY&amp;VAR:QUERY=RkZfRUJJVERBKEFOTiwtMSwsLCxMT0NBTCk=&amp;WINDOW=FIRST_POPUP&amp;HEIGHT=450&amp;WIDTH=450&amp;START_MA","XIMIZED=FALSE&amp;VAR:CALENDAR=US&amp;VAR:SYMBOL=507670&amp;VAR:INDEX=0"}</definedName>
    <definedName name="_6188__FDSAUDITLINK__" hidden="1">{"fdsup://directions/FAT Viewer?action=UPDATE&amp;creator=factset&amp;DYN_ARGS=TRUE&amp;DOC_NAME=FAT:FQL_AUDITING_CLIENT_TEMPLATE.FAT&amp;display_string=Audit&amp;VAR:KEY=SXGXEDMTCZ&amp;VAR:QUERY=RkZfRU5UUlBSX1ZBTF9EQUlMWSgwLCwsLFVTRCwnQkFTSUMgU0hBUkVTJyk=&amp;WINDOW=FIRST_POPUP&amp;HEIGH","T=450&amp;WIDTH=450&amp;START_MAXIMIZED=FALSE&amp;VAR:CALENDAR=US&amp;VAR:SYMBOL=507670&amp;VAR:INDEX=0"}</definedName>
    <definedName name="_6189__FDSAUDITLINK__" hidden="1">{"fdsup://directions/FAT Viewer?action=UPDATE&amp;creator=factset&amp;DYN_ARGS=TRUE&amp;DOC_NAME=FAT:FQL_AUDITING_CLIENT_TEMPLATE.FAT&amp;display_string=Audit&amp;VAR:KEY=FEVEHARCPG&amp;VAR:QUERY=RkZfTkVUX0lOQyhBTk4sMCwsLCxMT0NBTCk=&amp;WINDOW=FIRST_POPUP&amp;HEIGHT=450&amp;WIDTH=450&amp;START_MA","XIMIZED=FALSE&amp;VAR:CALENDAR=US&amp;VAR:SYMBOL=B24CGK&amp;VAR:INDEX=0"}</definedName>
    <definedName name="_6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7"}</definedName>
    <definedName name="_6190__FDSAUDITLINK__" hidden="1">{"fdsup://directions/FAT Viewer?action=UPDATE&amp;creator=factset&amp;DYN_ARGS=TRUE&amp;DOC_NAME=FAT:FQL_AUDITING_CLIENT_TEMPLATE.FAT&amp;display_string=Audit&amp;VAR:KEY=YTWVGBSVIF&amp;VAR:QUERY=RkZfTkVUX0lOQyhBTk4sLTEsLCwsTE9DQUwp&amp;WINDOW=FIRST_POPUP&amp;HEIGHT=450&amp;WIDTH=450&amp;START_MA","XIMIZED=FALSE&amp;VAR:CALENDAR=US&amp;VAR:SYMBOL=B24CGK&amp;VAR:INDEX=0"}</definedName>
    <definedName name="_6191__FDSAUDITLINK__" hidden="1">{"fdsup://Directions/FactSet Auditing Viewer?action=AUDIT_VALUE&amp;DB=129&amp;ID1=507670&amp;VALUEID=01001&amp;SDATE=2011&amp;PERIODTYPE=ANN_STD&amp;SCFT=3&amp;window=popup_no_bar&amp;width=385&amp;height=120&amp;START_MAXIMIZED=FALSE&amp;creator=factset&amp;display_string=Audit"}</definedName>
    <definedName name="_6192__FDSAUDITLINK__" hidden="1">{"fdsup://Directions/FactSet Auditing Viewer?action=AUDIT_VALUE&amp;DB=129&amp;ID1=507670&amp;VALUEID=01001&amp;SDATE=2010&amp;PERIODTYPE=ANN_STD&amp;SCFT=3&amp;window=popup_no_bar&amp;width=385&amp;height=120&amp;START_MAXIMIZED=FALSE&amp;creator=factset&amp;display_string=Audit"}</definedName>
    <definedName name="_6193__FDSAUDITLINK__" hidden="1">{"fdsup://directions/FAT Viewer?action=UPDATE&amp;creator=factset&amp;DYN_ARGS=TRUE&amp;DOC_NAME=FAT:FQL_AUDITING_CLIENT_TEMPLATE.FAT&amp;display_string=Audit&amp;VAR:KEY=BWJQTGJMXU&amp;VAR:QUERY=RkZfRUJJVERBKEFOTiwwLCwsLExPQ0FMKQ==&amp;WINDOW=FIRST_POPUP&amp;HEIGHT=450&amp;WIDTH=450&amp;START_MA","XIMIZED=FALSE&amp;VAR:CALENDAR=US&amp;VAR:SYMBOL=B24CGK&amp;VAR:INDEX=0"}</definedName>
    <definedName name="_6194__FDSAUDITLINK__" hidden="1">{"fdsup://directions/FAT Viewer?action=UPDATE&amp;creator=factset&amp;DYN_ARGS=TRUE&amp;DOC_NAME=FAT:FQL_AUDITING_CLIENT_TEMPLATE.FAT&amp;display_string=Audit&amp;VAR:KEY=CHUFQVCJUJ&amp;VAR:QUERY=RkZfRUJJVERBKEFOTiwtMSwsLCxMT0NBTCk=&amp;WINDOW=FIRST_POPUP&amp;HEIGHT=450&amp;WIDTH=450&amp;START_MA","XIMIZED=FALSE&amp;VAR:CALENDAR=US&amp;VAR:SYMBOL=B24CGK&amp;VAR:INDEX=0"}</definedName>
    <definedName name="_6195__FDSAUDITLINK__" hidden="1">{"fdsup://directions/FAT Viewer?action=UPDATE&amp;creator=factset&amp;DYN_ARGS=TRUE&amp;DOC_NAME=FAT:FQL_AUDITING_CLIENT_TEMPLATE.FAT&amp;display_string=Audit&amp;VAR:KEY=RKJSPIRELE&amp;VAR:QUERY=RkZfRU5UUlBSX1ZBTF9EQUlMWSgwLCwsLFVTRCwnQkFTSUMgU0hBUkVTJyk=&amp;WINDOW=FIRST_POPUP&amp;HEIGH","T=450&amp;WIDTH=450&amp;START_MAXIMIZED=FALSE&amp;VAR:CALENDAR=US&amp;VAR:SYMBOL=B24CGK&amp;VAR:INDEX=0"}</definedName>
    <definedName name="_6196__FDSAUDITLINK__" hidden="1">{"fdsup://directions/FAT Viewer?action=UPDATE&amp;creator=factset&amp;DYN_ARGS=TRUE&amp;DOC_NAME=FAT:FQL_AUDITING_CLIENT_TEMPLATE.FAT&amp;display_string=Audit&amp;VAR:KEY=ITGLQPIRKR&amp;VAR:QUERY=RkZfTkVUX0lOQyhBTk4sMCwsLCxMT0NBTCk=&amp;WINDOW=FIRST_POPUP&amp;HEIGHT=450&amp;WIDTH=450&amp;START_MA","XIMIZED=FALSE&amp;VAR:CALENDAR=US&amp;VAR:SYMBOL=19416210&amp;VAR:INDEX=0"}</definedName>
    <definedName name="_6197__FDSAUDITLINK__" hidden="1">{"fdsup://directions/FAT Viewer?action=UPDATE&amp;creator=factset&amp;DYN_ARGS=TRUE&amp;DOC_NAME=FAT:FQL_AUDITING_CLIENT_TEMPLATE.FAT&amp;display_string=Audit&amp;VAR:KEY=DCPYDMHURE&amp;VAR:QUERY=RkZfTkVUX0lOQyhBTk4sLTEsLCwsTE9DQUwp&amp;WINDOW=FIRST_POPUP&amp;HEIGHT=450&amp;WIDTH=450&amp;START_MA","XIMIZED=FALSE&amp;VAR:CALENDAR=US&amp;VAR:SYMBOL=19416210&amp;VAR:INDEX=0"}</definedName>
    <definedName name="_6198__FDSAUDITLINK__" hidden="1">{"fdsup://Directions/FactSet Auditing Viewer?action=AUDIT_VALUE&amp;DB=129&amp;ID1=B24CGK&amp;VALUEID=01001&amp;SDATE=2011&amp;PERIODTYPE=ANN_STD&amp;SCFT=3&amp;window=popup_no_bar&amp;width=385&amp;height=120&amp;START_MAXIMIZED=FALSE&amp;creator=factset&amp;display_string=Audit"}</definedName>
    <definedName name="_6199__FDSAUDITLINK__" hidden="1">{"fdsup://Directions/FactSet Auditing Viewer?action=AUDIT_VALUE&amp;DB=129&amp;ID1=B24CGK&amp;VALUEID=01001&amp;SDATE=2010&amp;PERIODTYPE=ANN_STD&amp;SCFT=3&amp;window=popup_no_bar&amp;width=385&amp;height=120&amp;START_MAXIMIZED=FALSE&amp;creator=factset&amp;display_string=Audit"}</definedName>
    <definedName name="_6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7"}</definedName>
    <definedName name="_6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6"}</definedName>
    <definedName name="_6200__FDSAUDITLINK__" hidden="1">{"fdsup://directions/FAT Viewer?action=UPDATE&amp;creator=factset&amp;DYN_ARGS=TRUE&amp;DOC_NAME=FAT:FQL_AUDITING_CLIENT_TEMPLATE.FAT&amp;display_string=Audit&amp;VAR:KEY=MZANWPGNUL&amp;VAR:QUERY=RkZfRUJJVERBKEFOTiwwLCwsLExPQ0FMKQ==&amp;WINDOW=FIRST_POPUP&amp;HEIGHT=450&amp;WIDTH=450&amp;START_MA","XIMIZED=FALSE&amp;VAR:CALENDAR=US&amp;VAR:SYMBOL=19416210&amp;VAR:INDEX=0"}</definedName>
    <definedName name="_6201__FDSAUDITLINK__" hidden="1">{"fdsup://directions/FAT Viewer?action=UPDATE&amp;creator=factset&amp;DYN_ARGS=TRUE&amp;DOC_NAME=FAT:FQL_AUDITING_CLIENT_TEMPLATE.FAT&amp;display_string=Audit&amp;VAR:KEY=JELALMVAPA&amp;VAR:QUERY=RkZfRUJJVERBKEFOTiwtMSwsLCxMT0NBTCk=&amp;WINDOW=FIRST_POPUP&amp;HEIGHT=450&amp;WIDTH=450&amp;START_MA","XIMIZED=FALSE&amp;VAR:CALENDAR=US&amp;VAR:SYMBOL=19416210&amp;VAR:INDEX=0"}</definedName>
    <definedName name="_6202__FDSAUDITLINK__" hidden="1">{"fdsup://directions/FAT Viewer?action=UPDATE&amp;creator=factset&amp;DYN_ARGS=TRUE&amp;DOC_NAME=FAT:FQL_AUDITING_CLIENT_TEMPLATE.FAT&amp;display_string=Audit&amp;VAR:KEY=EHINYPULWX&amp;VAR:QUERY=RkZfRU5UUlBSX1ZBTF9EQUlMWSgwLCwsLFVTRCwnQkFTSUMgU0hBUkVTJyk=&amp;WINDOW=FIRST_POPUP&amp;HEIGH","T=450&amp;WIDTH=450&amp;START_MAXIMIZED=FALSE&amp;VAR:CALENDAR=US&amp;VAR:SYMBOL=19416210&amp;VAR:INDEX=0"}</definedName>
    <definedName name="_6203__FDSAUDITLINK__" hidden="1">{"fdsup://directions/FAT Viewer?action=UPDATE&amp;creator=factset&amp;DYN_ARGS=TRUE&amp;DOC_NAME=FAT:FQL_AUDITING_CLIENT_TEMPLATE.FAT&amp;display_string=Audit&amp;VAR:KEY=VUZIFQTWTS&amp;VAR:QUERY=RkZfTkVUX0lOQyhBTk4sMCwsLCxMT0NBTCk=&amp;WINDOW=FIRST_POPUP&amp;HEIGHT=450&amp;WIDTH=450&amp;START_MA","XIMIZED=FALSE&amp;VAR:CALENDAR=US&amp;VAR:SYMBOL=405780&amp;VAR:INDEX=0"}</definedName>
    <definedName name="_6204__FDSAUDITLINK__" hidden="1">{"fdsup://directions/FAT Viewer?action=UPDATE&amp;creator=factset&amp;DYN_ARGS=TRUE&amp;DOC_NAME=FAT:FQL_AUDITING_CLIENT_TEMPLATE.FAT&amp;display_string=Audit&amp;VAR:KEY=MJGLEPQTIP&amp;VAR:QUERY=RkZfTkVUX0lOQyhBTk4sLTEsLCwsTE9DQUwp&amp;WINDOW=FIRST_POPUP&amp;HEIGHT=450&amp;WIDTH=450&amp;START_MA","XIMIZED=FALSE&amp;VAR:CALENDAR=US&amp;VAR:SYMBOL=405780&amp;VAR:INDEX=0"}</definedName>
    <definedName name="_6205__FDSAUDITLINK__" hidden="1">{"fdsup://Directions/FactSet Auditing Viewer?action=AUDIT_VALUE&amp;DB=129&amp;ID1=19416210&amp;VALUEID=01001&amp;SDATE=2011&amp;PERIODTYPE=ANN_STD&amp;SCFT=3&amp;window=popup_no_bar&amp;width=385&amp;height=120&amp;START_MAXIMIZED=FALSE&amp;creator=factset&amp;display_string=Audit"}</definedName>
    <definedName name="_6206__FDSAUDITLINK__" hidden="1">{"fdsup://Directions/FactSet Auditing Viewer?action=AUDIT_VALUE&amp;DB=129&amp;ID1=19416210&amp;VALUEID=01001&amp;SDATE=2010&amp;PERIODTYPE=ANN_STD&amp;SCFT=3&amp;window=popup_no_bar&amp;width=385&amp;height=120&amp;START_MAXIMIZED=FALSE&amp;creator=factset&amp;display_string=Audit"}</definedName>
    <definedName name="_6207__FDSAUDITLINK__" hidden="1">{"fdsup://directions/FAT Viewer?action=UPDATE&amp;creator=factset&amp;DYN_ARGS=TRUE&amp;DOC_NAME=FAT:FQL_AUDITING_CLIENT_TEMPLATE.FAT&amp;display_string=Audit&amp;VAR:KEY=VOPCLSNGHW&amp;VAR:QUERY=RkZfRUJJVERBKEFOTiwwLCwsLExPQ0FMKQ==&amp;WINDOW=FIRST_POPUP&amp;HEIGHT=450&amp;WIDTH=450&amp;START_MA","XIMIZED=FALSE&amp;VAR:CALENDAR=US&amp;VAR:SYMBOL=405780&amp;VAR:INDEX=0"}</definedName>
    <definedName name="_6208__FDSAUDITLINK__" hidden="1">{"fdsup://directions/FAT Viewer?action=UPDATE&amp;creator=factset&amp;DYN_ARGS=TRUE&amp;DOC_NAME=FAT:FQL_AUDITING_CLIENT_TEMPLATE.FAT&amp;display_string=Audit&amp;VAR:KEY=QVCRQFARYB&amp;VAR:QUERY=RkZfRUJJVERBKEFOTiwtMSwsLCxMT0NBTCk=&amp;WINDOW=FIRST_POPUP&amp;HEIGHT=450&amp;WIDTH=450&amp;START_MA","XIMIZED=FALSE&amp;VAR:CALENDAR=US&amp;VAR:SYMBOL=405780&amp;VAR:INDEX=0"}</definedName>
    <definedName name="_6209__FDSAUDITLINK__" hidden="1">{"fdsup://directions/FAT Viewer?action=UPDATE&amp;creator=factset&amp;DYN_ARGS=TRUE&amp;DOC_NAME=FAT:FQL_AUDITING_CLIENT_TEMPLATE.FAT&amp;display_string=Audit&amp;VAR:KEY=FUFOZUDOHI&amp;VAR:QUERY=RkZfRU5UUlBSX1ZBTF9EQUlMWSgwLCwsLFVTRCwnQkFTSUMgU0hBUkVTJyk=&amp;WINDOW=FIRST_POPUP&amp;HEIGH","T=450&amp;WIDTH=450&amp;START_MAXIMIZED=FALSE&amp;VAR:CALENDAR=US&amp;VAR:SYMBOL=405780&amp;VAR:INDEX=0"}</definedName>
    <definedName name="_6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5"}</definedName>
    <definedName name="_6210__FDSAUDITLINK__" hidden="1">{"fdsup://directions/FAT Viewer?action=UPDATE&amp;creator=factset&amp;DYN_ARGS=TRUE&amp;DOC_NAME=FAT:FQL_AUDITING_CLIENT_TEMPLATE.FAT&amp;display_string=Audit&amp;VAR:KEY=IBGPURAPSD&amp;VAR:QUERY=RkZfTkVUX0lOQyhBTk4sMCwsLCxMT0NBTCk=&amp;WINDOW=FIRST_POPUP&amp;HEIGHT=450&amp;WIDTH=450&amp;START_MA","XIMIZED=FALSE&amp;VAR:CALENDAR=US&amp;VAR:SYMBOL=B12T3J&amp;VAR:INDEX=0"}</definedName>
    <definedName name="_6211__FDSAUDITLINK__" hidden="1">{"fdsup://directions/FAT Viewer?action=UPDATE&amp;creator=factset&amp;DYN_ARGS=TRUE&amp;DOC_NAME=FAT:FQL_AUDITING_CLIENT_TEMPLATE.FAT&amp;display_string=Audit&amp;VAR:KEY=HWRMLOPAHG&amp;VAR:QUERY=RkZfTkVUX0lOQyhBTk4sLTEsLCwsTE9DQUwp&amp;WINDOW=FIRST_POPUP&amp;HEIGHT=450&amp;WIDTH=450&amp;START_MA","XIMIZED=FALSE&amp;VAR:CALENDAR=US&amp;VAR:SYMBOL=B12T3J&amp;VAR:INDEX=0"}</definedName>
    <definedName name="_6212__FDSAUDITLINK__" hidden="1">{"fdsup://Directions/FactSet Auditing Viewer?action=AUDIT_VALUE&amp;DB=129&amp;ID1=405780&amp;VALUEID=01001&amp;SDATE=2011&amp;PERIODTYPE=ANN_STD&amp;SCFT=3&amp;window=popup_no_bar&amp;width=385&amp;height=120&amp;START_MAXIMIZED=FALSE&amp;creator=factset&amp;display_string=Audit"}</definedName>
    <definedName name="_6213__FDSAUDITLINK__" hidden="1">{"fdsup://Directions/FactSet Auditing Viewer?action=AUDIT_VALUE&amp;DB=129&amp;ID1=405780&amp;VALUEID=01001&amp;SDATE=2010&amp;PERIODTYPE=ANN_STD&amp;SCFT=3&amp;window=popup_no_bar&amp;width=385&amp;height=120&amp;START_MAXIMIZED=FALSE&amp;creator=factset&amp;display_string=Audit"}</definedName>
    <definedName name="_6214__FDSAUDITLINK__" hidden="1">{"fdsup://directions/FAT Viewer?action=UPDATE&amp;creator=factset&amp;DYN_ARGS=TRUE&amp;DOC_NAME=FAT:FQL_AUDITING_CLIENT_TEMPLATE.FAT&amp;display_string=Audit&amp;VAR:KEY=CVIHMPYVQP&amp;VAR:QUERY=RkZfRUJJVERBKEFOTiwwLCwsLExPQ0FMKQ==&amp;WINDOW=FIRST_POPUP&amp;HEIGHT=450&amp;WIDTH=450&amp;START_MA","XIMIZED=FALSE&amp;VAR:CALENDAR=US&amp;VAR:SYMBOL=B12T3J&amp;VAR:INDEX=0"}</definedName>
    <definedName name="_6215__FDSAUDITLINK__" hidden="1">{"fdsup://directions/FAT Viewer?action=UPDATE&amp;creator=factset&amp;DYN_ARGS=TRUE&amp;DOC_NAME=FAT:FQL_AUDITING_CLIENT_TEMPLATE.FAT&amp;display_string=Audit&amp;VAR:KEY=TUZWTSLCJA&amp;VAR:QUERY=RkZfRUJJVERBKEFOTiwtMSwsLCxMT0NBTCk=&amp;WINDOW=FIRST_POPUP&amp;HEIGHT=450&amp;WIDTH=450&amp;START_MA","XIMIZED=FALSE&amp;VAR:CALENDAR=US&amp;VAR:SYMBOL=B12T3J&amp;VAR:INDEX=0"}</definedName>
    <definedName name="_6216__FDSAUDITLINK__" hidden="1">{"fdsup://directions/FAT Viewer?action=UPDATE&amp;creator=factset&amp;DYN_ARGS=TRUE&amp;DOC_NAME=FAT:FQL_AUDITING_CLIENT_TEMPLATE.FAT&amp;display_string=Audit&amp;VAR:KEY=YZCLWTUNKH&amp;VAR:QUERY=RkZfRU5UUlBSX1ZBTF9EQUlMWSgwLCwsLFVTRCwnQkFTSUMgU0hBUkVTJyk=&amp;WINDOW=FIRST_POPUP&amp;HEIGH","T=450&amp;WIDTH=450&amp;START_MAXIMIZED=FALSE&amp;VAR:CALENDAR=US&amp;VAR:SYMBOL=B12T3J&amp;VAR:INDEX=0"}</definedName>
    <definedName name="_6217__FDSAUDITLINK__" hidden="1">{"fdsup://directions/FAT Viewer?action=UPDATE&amp;creator=factset&amp;DYN_ARGS=TRUE&amp;DOC_NAME=FAT:FQL_AUDITING_CLIENT_TEMPLATE.FAT&amp;display_string=Audit&amp;VAR:KEY=XQJONMPOLS&amp;VAR:QUERY=RkZfTkVUX0lOQyhBTk4sMCwsLCxMT0NBTCk=&amp;WINDOW=FIRST_POPUP&amp;HEIGHT=450&amp;WIDTH=450&amp;START_MA","XIMIZED=FALSE&amp;VAR:CALENDAR=US&amp;VAR:SYMBOL=47816010&amp;VAR:INDEX=0"}</definedName>
    <definedName name="_6218__FDSAUDITLINK__" hidden="1">{"fdsup://directions/FAT Viewer?action=UPDATE&amp;creator=factset&amp;DYN_ARGS=TRUE&amp;DOC_NAME=FAT:FQL_AUDITING_CLIENT_TEMPLATE.FAT&amp;display_string=Audit&amp;VAR:KEY=QHMVIHMBGV&amp;VAR:QUERY=RkZfTkVUX0lOQyhBTk4sLTEsLCwsTE9DQUwp&amp;WINDOW=FIRST_POPUP&amp;HEIGHT=450&amp;WIDTH=450&amp;START_MA","XIMIZED=FALSE&amp;VAR:CALENDAR=US&amp;VAR:SYMBOL=47816010&amp;VAR:INDEX=0"}</definedName>
    <definedName name="_6219__FDSAUDITLINK__" hidden="1">{"fdsup://Directions/FactSet Auditing Viewer?action=AUDIT_VALUE&amp;DB=129&amp;ID1=B12T3J&amp;VALUEID=01001&amp;SDATE=2011&amp;PERIODTYPE=ANN_STD&amp;SCFT=3&amp;window=popup_no_bar&amp;width=385&amp;height=120&amp;START_MAXIMIZED=FALSE&amp;creator=factset&amp;display_string=Audit"}</definedName>
    <definedName name="_6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4"}</definedName>
    <definedName name="_6220__FDSAUDITLINK__" hidden="1">{"fdsup://Directions/FactSet Auditing Viewer?action=AUDIT_VALUE&amp;DB=129&amp;ID1=B12T3J&amp;VALUEID=01001&amp;SDATE=2010&amp;PERIODTYPE=ANN_STD&amp;SCFT=3&amp;window=popup_no_bar&amp;width=385&amp;height=120&amp;START_MAXIMIZED=FALSE&amp;creator=factset&amp;display_string=Audit"}</definedName>
    <definedName name="_6221__FDSAUDITLINK__" hidden="1">{"fdsup://directions/FAT Viewer?action=UPDATE&amp;creator=factset&amp;DYN_ARGS=TRUE&amp;DOC_NAME=FAT:FQL_AUDITING_CLIENT_TEMPLATE.FAT&amp;display_string=Audit&amp;VAR:KEY=JYPWXWXOVG&amp;VAR:QUERY=RkZfRUJJVERBKEFOTiwwLCwsLExPQ0FMKQ==&amp;WINDOW=FIRST_POPUP&amp;HEIGHT=450&amp;WIDTH=450&amp;START_MA","XIMIZED=FALSE&amp;VAR:CALENDAR=US&amp;VAR:SYMBOL=47816010&amp;VAR:INDEX=0"}</definedName>
    <definedName name="_6222__FDSAUDITLINK__" hidden="1">{"fdsup://directions/FAT Viewer?action=UPDATE&amp;creator=factset&amp;DYN_ARGS=TRUE&amp;DOC_NAME=FAT:FQL_AUDITING_CLIENT_TEMPLATE.FAT&amp;display_string=Audit&amp;VAR:KEY=KPSDEHGVWH&amp;VAR:QUERY=RkZfRUJJVERBKEFOTiwtMSwsLCxMT0NBTCk=&amp;WINDOW=FIRST_POPUP&amp;HEIGHT=450&amp;WIDTH=450&amp;START_MA","XIMIZED=FALSE&amp;VAR:CALENDAR=US&amp;VAR:SYMBOL=47816010&amp;VAR:INDEX=0"}</definedName>
    <definedName name="_6223__FDSAUDITLINK__" hidden="1">{"fdsup://directions/FAT Viewer?action=UPDATE&amp;creator=factset&amp;DYN_ARGS=TRUE&amp;DOC_NAME=FAT:FQL_AUDITING_CLIENT_TEMPLATE.FAT&amp;display_string=Audit&amp;VAR:KEY=VSNIJCTWLQ&amp;VAR:QUERY=RkZfRU5UUlBSX1ZBTF9EQUlMWSgwLCwsLFVTRCwnQkFTSUMgU0hBUkVTJyk=&amp;WINDOW=FIRST_POPUP&amp;HEIGH","T=450&amp;WIDTH=450&amp;START_MAXIMIZED=FALSE&amp;VAR:CALENDAR=US&amp;VAR:SYMBOL=47816010&amp;VAR:INDEX=0"}</definedName>
    <definedName name="_6224__FDSAUDITLINK__" hidden="1">{"fdsup://directions/FAT Viewer?action=UPDATE&amp;creator=factset&amp;DYN_ARGS=TRUE&amp;DOC_NAME=FAT:FQL_AUDITING_CLIENT_TEMPLATE.FAT&amp;display_string=Audit&amp;VAR:KEY=SXQZINEBAJ&amp;VAR:QUERY=RkZfTkVUX0lOQyhBTk4sMCwsLCxMT0NBTCk=&amp;WINDOW=FIRST_POPUP&amp;HEIGHT=450&amp;WIDTH=450&amp;START_MA","XIMIZED=FALSE&amp;VAR:CALENDAR=US&amp;VAR:SYMBOL=74271810&amp;VAR:INDEX=0"}</definedName>
    <definedName name="_6225__FDSAUDITLINK__" hidden="1">{"fdsup://directions/FAT Viewer?action=UPDATE&amp;creator=factset&amp;DYN_ARGS=TRUE&amp;DOC_NAME=FAT:FQL_AUDITING_CLIENT_TEMPLATE.FAT&amp;display_string=Audit&amp;VAR:KEY=NGFWJOLMHG&amp;VAR:QUERY=RkZfTkVUX0lOQyhBTk4sLTEsLCwsTE9DQUwp&amp;WINDOW=FIRST_POPUP&amp;HEIGHT=450&amp;WIDTH=450&amp;START_MA","XIMIZED=FALSE&amp;VAR:CALENDAR=US&amp;VAR:SYMBOL=74271810&amp;VAR:INDEX=0"}</definedName>
    <definedName name="_6226__FDSAUDITLINK__" hidden="1">{"fdsup://Directions/FactSet Auditing Viewer?action=AUDIT_VALUE&amp;DB=129&amp;ID1=47816010&amp;VALUEID=01001&amp;SDATE=2011&amp;PERIODTYPE=ANN_STD&amp;SCFT=3&amp;window=popup_no_bar&amp;width=385&amp;height=120&amp;START_MAXIMIZED=FALSE&amp;creator=factset&amp;display_string=Audit"}</definedName>
    <definedName name="_6227__FDSAUDITLINK__" hidden="1">{"fdsup://Directions/FactSet Auditing Viewer?action=AUDIT_VALUE&amp;DB=129&amp;ID1=47816010&amp;VALUEID=01001&amp;SDATE=2010&amp;PERIODTYPE=ANN_STD&amp;SCFT=3&amp;window=popup_no_bar&amp;width=385&amp;height=120&amp;START_MAXIMIZED=FALSE&amp;creator=factset&amp;display_string=Audit"}</definedName>
    <definedName name="_6228__FDSAUDITLINK__" hidden="1">{"fdsup://directions/FAT Viewer?action=UPDATE&amp;creator=factset&amp;DYN_ARGS=TRUE&amp;DOC_NAME=FAT:FQL_AUDITING_CLIENT_TEMPLATE.FAT&amp;display_string=Audit&amp;VAR:KEY=EJERQLIFIH&amp;VAR:QUERY=RkZfRUJJVERBKEFOTiwwLCwsLExPQ0FMKQ==&amp;WINDOW=FIRST_POPUP&amp;HEIGHT=450&amp;WIDTH=450&amp;START_MA","XIMIZED=FALSE&amp;VAR:CALENDAR=US&amp;VAR:SYMBOL=74271810&amp;VAR:INDEX=0"}</definedName>
    <definedName name="_6229__FDSAUDITLINK__" hidden="1">{"fdsup://directions/FAT Viewer?action=UPDATE&amp;creator=factset&amp;DYN_ARGS=TRUE&amp;DOC_NAME=FAT:FQL_AUDITING_CLIENT_TEMPLATE.FAT&amp;display_string=Audit&amp;VAR:KEY=JCTYLSZMZC&amp;VAR:QUERY=RkZfRUJJVERBKEFOTiwtMSwsLCxMT0NBTCk=&amp;WINDOW=FIRST_POPUP&amp;HEIGHT=450&amp;WIDTH=450&amp;START_MA","XIMIZED=FALSE&amp;VAR:CALENDAR=US&amp;VAR:SYMBOL=74271810&amp;VAR:INDEX=0"}</definedName>
    <definedName name="_6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3"}</definedName>
    <definedName name="_6230__FDSAUDITLINK__" hidden="1">{"fdsup://directions/FAT Viewer?action=UPDATE&amp;creator=factset&amp;DYN_ARGS=TRUE&amp;DOC_NAME=FAT:FQL_AUDITING_CLIENT_TEMPLATE.FAT&amp;display_string=Audit&amp;VAR:KEY=IVWFGFAXWD&amp;VAR:QUERY=RkZfRU5UUlBSX1ZBTF9EQUlMWSgwLCwsLFVTRCwnQkFTSUMgU0hBUkVTJyk=&amp;WINDOW=FIRST_POPUP&amp;HEIGH","T=450&amp;WIDTH=450&amp;START_MAXIMIZED=FALSE&amp;VAR:CALENDAR=US&amp;VAR:SYMBOL=74271810&amp;VAR:INDEX=0"}</definedName>
    <definedName name="_6231__FDSAUDITLINK__" hidden="1">{"fdsup://directions/FAT Viewer?action=UPDATE&amp;creator=factset&amp;DYN_ARGS=TRUE&amp;DOC_NAME=FAT:FQL_AUDITING_CLIENT_TEMPLATE.FAT&amp;display_string=Audit&amp;VAR:KEY=HUVENYNCLU&amp;VAR:QUERY=RkZfRU5UUlBSX1ZBTF9EQUlMWSgwLCwsLExPQ0FMLCdCQVNJQyBTSEFSRVMnKQ==&amp;WINDOW=FIRST_POPUP&amp;H","EIGHT=450&amp;WIDTH=450&amp;START_MAXIMIZED=FALSE&amp;VAR:CALENDAR=US&amp;VAR:SYMBOL=B23GH5&amp;VAR:INDEX=0"}</definedName>
    <definedName name="_6232__FDSAUDITLINK__" hidden="1">{"fdsup://directions/FAT Viewer?action=UPDATE&amp;creator=factset&amp;DYN_ARGS=TRUE&amp;DOC_NAME=FAT:FQL_AUDITING_CLIENT_TEMPLATE.FAT&amp;display_string=Audit&amp;VAR:KEY=YFILERUXMR&amp;VAR:QUERY=RkZfRU5UUlBSX1ZBTF9EQUlMWSgwLCwsLExPQ0FMLCdCQVNJQyBTSEFSRVMnKQ==&amp;WINDOW=FIRST_POPUP&amp;H","EIGHT=450&amp;WIDTH=450&amp;START_MAXIMIZED=FALSE&amp;VAR:CALENDAR=US&amp;VAR:SYMBOL=B1YWHR&amp;VAR:INDEX=0"}</definedName>
    <definedName name="_6233__FDSAUDITLINK__" hidden="1">{"fdsup://Directions/FactSet Auditing Viewer?action=AUDIT_VALUE&amp;DB=129&amp;ID1=74271810&amp;VALUEID=01001&amp;SDATE=2012&amp;PERIODTYPE=ANN_STD&amp;SCFT=3&amp;window=popup_no_bar&amp;width=385&amp;height=120&amp;START_MAXIMIZED=FALSE&amp;creator=factset&amp;display_string=Audit"}</definedName>
    <definedName name="_6234__FDSAUDITLINK__" hidden="1">{"fdsup://Directions/FactSet Auditing Viewer?action=AUDIT_VALUE&amp;DB=129&amp;ID1=74271810&amp;VALUEID=01001&amp;SDATE=2011&amp;PERIODTYPE=ANN_STD&amp;SCFT=3&amp;window=popup_no_bar&amp;width=385&amp;height=120&amp;START_MAXIMIZED=FALSE&amp;creator=factset&amp;display_string=Audit"}</definedName>
    <definedName name="_6235__FDSAUDITLINK__" hidden="1">{"fdsup://directions/FAT Viewer?action=UPDATE&amp;creator=factset&amp;DYN_ARGS=TRUE&amp;DOC_NAME=FAT:FQL_AUDITING_CLIENT_TEMPLATE.FAT&amp;display_string=Audit&amp;VAR:KEY=LGTGRURUVO&amp;VAR:QUERY=RkZfRU5UUlBSX1ZBTF9EQUlMWSgwLCwsLExPQ0FMLCdCQVNJQyBTSEFSRVMnKQ==&amp;WINDOW=FIRST_POPUP&amp;H","EIGHT=450&amp;WIDTH=450&amp;START_MAXIMIZED=FALSE&amp;VAR:CALENDAR=US&amp;VAR:SYMBOL=B1V74X&amp;VAR:INDEX=0"}</definedName>
    <definedName name="_6236__FDSAUDITLINK__" hidden="1">{"fdsup://directions/FAT Viewer?action=UPDATE&amp;creator=factset&amp;DYN_ARGS=TRUE&amp;DOC_NAME=FAT:FQL_AUDITING_CLIENT_TEMPLATE.FAT&amp;display_string=Audit&amp;VAR:KEY=MZKLMHCBUJ&amp;VAR:QUERY=RkZfRU5UUlBSX1ZBTF9EQUlMWSgwLCwsLExPQ0FMLCdCQVNJQyBTSEFSRVMnKQ==&amp;WINDOW=FIRST_POPUP&amp;H","EIGHT=450&amp;WIDTH=450&amp;START_MAXIMIZED=FALSE&amp;VAR:CALENDAR=US&amp;VAR:SYMBOL=203699&amp;VAR:INDEX=0"}</definedName>
    <definedName name="_6237__FDSAUDITLINK__" hidden="1">{"fdsup://directions/FAT Viewer?action=UPDATE&amp;creator=factset&amp;DYN_ARGS=TRUE&amp;DOC_NAME=FAT:FQL_AUDITING_CLIENT_TEMPLATE.FAT&amp;display_string=Audit&amp;VAR:KEY=JCVGXYLURS&amp;VAR:QUERY=RkZfRU5UUlBSX1ZBTF9EQUlMWSgwLCwsLExPQ0FMLCdCQVNJQyBTSEFSRVMnKQ==&amp;WINDOW=FIRST_POPUP&amp;H","EIGHT=450&amp;WIDTH=450&amp;START_MAXIMIZED=FALSE&amp;VAR:CALENDAR=US&amp;VAR:SYMBOL=B1FRH8&amp;VAR:INDEX=0"}</definedName>
    <definedName name="_6238__FDSAUDITLINK__" hidden="1">{"fdsup://directions/FAT Viewer?action=UPDATE&amp;creator=factset&amp;DYN_ARGS=TRUE&amp;DOC_NAME=FAT:FQL_AUDITING_CLIENT_TEMPLATE.FAT&amp;display_string=Audit&amp;VAR:KEY=EPCZAXGRWD&amp;VAR:QUERY=RkZfRU5UUlBSX1ZBTF9EQUlMWSgwLCwsLExPQ0FMLCdCQVNJQyBTSEFSRVMnKQ==&amp;WINDOW=FIRST_POPUP&amp;H","EIGHT=450&amp;WIDTH=450&amp;START_MAXIMIZED=FALSE&amp;VAR:CALENDAR=US&amp;VAR:SYMBOL=236197&amp;VAR:INDEX=0"}</definedName>
    <definedName name="_6239__FDSAUDITLINK__" hidden="1">{"fdsup://directions/FAT Viewer?action=UPDATE&amp;creator=factset&amp;DYN_ARGS=TRUE&amp;DOC_NAME=FAT:FQL_AUDITING_CLIENT_TEMPLATE.FAT&amp;display_string=Audit&amp;VAR:KEY=HEBCXQBQBO&amp;VAR:QUERY=RkZfTkVUX0lOQyhBTk4sMCwsLCxMT0NBTCk=&amp;WINDOW=FIRST_POPUP&amp;HEIGHT=450&amp;WIDTH=450&amp;START_MA","XIMIZED=FALSE&amp;VAR:CALENDAR=US&amp;VAR:SYMBOL=B23GH5&amp;VAR:INDEX=0"}</definedName>
    <definedName name="_6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2"}</definedName>
    <definedName name="_6240__FDSAUDITLINK__" hidden="1">{"fdsup://directions/FAT Viewer?action=UPDATE&amp;creator=factset&amp;DYN_ARGS=TRUE&amp;DOC_NAME=FAT:FQL_AUDITING_CLIENT_TEMPLATE.FAT&amp;display_string=Audit&amp;VAR:KEY=CDYVCXALWD&amp;VAR:QUERY=RkZfTkVUX0lOQyhBTk4sLTEsLCwsTE9DQUwp&amp;WINDOW=FIRST_POPUP&amp;HEIGHT=450&amp;WIDTH=450&amp;START_MA","XIMIZED=FALSE&amp;VAR:CALENDAR=US&amp;VAR:SYMBOL=B23GH5&amp;VAR:INDEX=0"}</definedName>
    <definedName name="_6241__FDSAUDITLINK__" hidden="1">{"fdsup://directions/FAT Viewer?action=UPDATE&amp;creator=factset&amp;DYN_ARGS=TRUE&amp;DOC_NAME=FAT:FQL_AUDITING_CLIENT_TEMPLATE.FAT&amp;display_string=Audit&amp;VAR:KEY=HSRUDCXGXY&amp;VAR:QUERY=RkZfRUJJVERBKEFOTiwwLCwsLExPQ0FMKQ==&amp;WINDOW=FIRST_POPUP&amp;HEIGHT=450&amp;WIDTH=450&amp;START_MA","XIMIZED=FALSE&amp;VAR:CALENDAR=US&amp;VAR:SYMBOL=B23GH5&amp;VAR:INDEX=0"}</definedName>
    <definedName name="_6242__FDSAUDITLINK__" hidden="1">{"fdsup://directions/FAT Viewer?action=UPDATE&amp;creator=factset&amp;DYN_ARGS=TRUE&amp;DOC_NAME=FAT:FQL_AUDITING_CLIENT_TEMPLATE.FAT&amp;display_string=Audit&amp;VAR:KEY=EJYPILCRCN&amp;VAR:QUERY=RkZfRUJJVERBKEFOTiwtMSwsLCxMT0NBTCk=&amp;WINDOW=FIRST_POPUP&amp;HEIGHT=450&amp;WIDTH=450&amp;START_MA","XIMIZED=FALSE&amp;VAR:CALENDAR=US&amp;VAR:SYMBOL=B23GH5&amp;VAR:INDEX=0"}</definedName>
    <definedName name="_6243__FDSAUDITLINK__" hidden="1">{"fdsup://directions/FAT Viewer?action=UPDATE&amp;creator=factset&amp;DYN_ARGS=TRUE&amp;DOC_NAME=FAT:FQL_AUDITING_CLIENT_TEMPLATE.FAT&amp;display_string=Audit&amp;VAR:KEY=TMHKBMBWRM&amp;VAR:QUERY=RkZfRU5UUlBSX1ZBTF9EQUlMWSgwLCwsLFVTRCwnQkFTSUMgU0hBUkVTJyk=&amp;WINDOW=FIRST_POPUP&amp;HEIGH","T=450&amp;WIDTH=450&amp;START_MAXIMIZED=FALSE&amp;VAR:CALENDAR=US&amp;VAR:SYMBOL=B23GH5&amp;VAR:INDEX=0"}</definedName>
    <definedName name="_6244__FDSAUDITLINK__" hidden="1">{"fdsup://directions/FAT Viewer?action=UPDATE&amp;creator=factset&amp;DYN_ARGS=TRUE&amp;DOC_NAME=FAT:FQL_AUDITING_CLIENT_TEMPLATE.FAT&amp;display_string=Audit&amp;VAR:KEY=MDGVURCBQR&amp;VAR:QUERY=RkZfTkVUX0lOQyhBTk4sMCwsLCxMT0NBTCk=&amp;WINDOW=FIRST_POPUP&amp;HEIGHT=450&amp;WIDTH=450&amp;START_MA","XIMIZED=FALSE&amp;VAR:CALENDAR=US&amp;VAR:SYMBOL=B1YWHR&amp;VAR:INDEX=0"}</definedName>
    <definedName name="_6245__FDSAUDITLINK__" hidden="1">{"fdsup://directions/FAT Viewer?action=UPDATE&amp;creator=factset&amp;DYN_ARGS=TRUE&amp;DOC_NAME=FAT:FQL_AUDITING_CLIENT_TEMPLATE.FAT&amp;display_string=Audit&amp;VAR:KEY=RAHGBOBGJY&amp;VAR:QUERY=RkZfTkVUX0lOQyhBTk4sLTEsLCwsTE9DQUwp&amp;WINDOW=FIRST_POPUP&amp;HEIGHT=450&amp;WIDTH=450&amp;START_MA","XIMIZED=FALSE&amp;VAR:CALENDAR=US&amp;VAR:SYMBOL=B1YWHR&amp;VAR:INDEX=0"}</definedName>
    <definedName name="_6246__FDSAUDITLINK__" hidden="1">{"fdsup://Directions/FactSet Auditing Viewer?action=AUDIT_VALUE&amp;DB=129&amp;ID1=B23GH5&amp;VALUEID=01001&amp;SDATE=2011&amp;PERIODTYPE=ANN_STD&amp;SCFT=3&amp;window=popup_no_bar&amp;width=385&amp;height=120&amp;START_MAXIMIZED=FALSE&amp;creator=factset&amp;display_string=Audit"}</definedName>
    <definedName name="_6247__FDSAUDITLINK__" hidden="1">{"fdsup://Directions/FactSet Auditing Viewer?action=AUDIT_VALUE&amp;DB=129&amp;ID1=B23GH5&amp;VALUEID=01001&amp;SDATE=2010&amp;PERIODTYPE=ANN_STD&amp;SCFT=3&amp;window=popup_no_bar&amp;width=385&amp;height=120&amp;START_MAXIMIZED=FALSE&amp;creator=factset&amp;display_string=Audit"}</definedName>
    <definedName name="_6248__FDSAUDITLINK__" hidden="1">{"fdsup://directions/FAT Viewer?action=UPDATE&amp;creator=factset&amp;DYN_ARGS=TRUE&amp;DOC_NAME=FAT:FQL_AUDITING_CLIENT_TEMPLATE.FAT&amp;display_string=Audit&amp;VAR:KEY=QXOHGHAZUJ&amp;VAR:QUERY=RkZfRUJJVERBKEFOTiwwLCwsLExPQ0FMKQ==&amp;WINDOW=FIRST_POPUP&amp;HEIGHT=450&amp;WIDTH=450&amp;START_MA","XIMIZED=FALSE&amp;VAR:CALENDAR=US&amp;VAR:SYMBOL=B1YWHR&amp;VAR:INDEX=0"}</definedName>
    <definedName name="_6249__FDSAUDITLINK__" hidden="1">{"fdsup://directions/FAT Viewer?action=UPDATE&amp;creator=factset&amp;DYN_ARGS=TRUE&amp;DOC_NAME=FAT:FQL_AUDITING_CLIENT_TEMPLATE.FAT&amp;display_string=Audit&amp;VAR:KEY=FWPCBEDYXW&amp;VAR:QUERY=RkZfRUJJVERBKEFOTiwtMSwsLCxMT0NBTCk=&amp;WINDOW=FIRST_POPUP&amp;HEIGHT=450&amp;WIDTH=450&amp;START_MA","XIMIZED=FALSE&amp;VAR:CALENDAR=US&amp;VAR:SYMBOL=B1YWHR&amp;VAR:INDEX=0"}</definedName>
    <definedName name="_6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1"}</definedName>
    <definedName name="_6250__FDSAUDITLINK__" hidden="1">{"fdsup://directions/FAT Viewer?action=UPDATE&amp;creator=factset&amp;DYN_ARGS=TRUE&amp;DOC_NAME=FAT:FQL_AUDITING_CLIENT_TEMPLATE.FAT&amp;display_string=Audit&amp;VAR:KEY=CBQRUXILSD&amp;VAR:QUERY=RkZfRU5UUlBSX1ZBTF9EQUlMWSgwLCwsLFVTRCwnQkFTSUMgU0hBUkVTJyk=&amp;WINDOW=FIRST_POPUP&amp;HEIGH","T=450&amp;WIDTH=450&amp;START_MAXIMIZED=FALSE&amp;VAR:CALENDAR=US&amp;VAR:SYMBOL=B1YWHR&amp;VAR:INDEX=0"}</definedName>
    <definedName name="_6251__FDSAUDITLINK__" hidden="1">{"fdsup://directions/FAT Viewer?action=UPDATE&amp;creator=factset&amp;DYN_ARGS=TRUE&amp;DOC_NAME=FAT:FQL_AUDITING_CLIENT_TEMPLATE.FAT&amp;display_string=Audit&amp;VAR:KEY=FQPODWTSZC&amp;VAR:QUERY=RkZfTkVUX0lOQyhBTk4sMCwsLCxMT0NBTCk=&amp;WINDOW=FIRST_POPUP&amp;HEIGHT=450&amp;WIDTH=450&amp;START_MA","XIMIZED=FALSE&amp;VAR:CALENDAR=US&amp;VAR:SYMBOL=B1V74X&amp;VAR:INDEX=0"}</definedName>
    <definedName name="_6252__FDSAUDITLINK__" hidden="1">{"fdsup://directions/FAT Viewer?action=UPDATE&amp;creator=factset&amp;DYN_ARGS=TRUE&amp;DOC_NAME=FAT:FQL_AUDITING_CLIENT_TEMPLATE.FAT&amp;display_string=Audit&amp;VAR:KEY=OBARKXABSP&amp;VAR:QUERY=RkZfTkVUX0lOQyhBTk4sLTEsLCwsTE9DQUwp&amp;WINDOW=FIRST_POPUP&amp;HEIGHT=450&amp;WIDTH=450&amp;START_MA","XIMIZED=FALSE&amp;VAR:CALENDAR=US&amp;VAR:SYMBOL=B1V74X&amp;VAR:INDEX=0"}</definedName>
    <definedName name="_6253__FDSAUDITLINK__" hidden="1">{"fdsup://Directions/FactSet Auditing Viewer?action=AUDIT_VALUE&amp;DB=129&amp;ID1=B1YWHR&amp;VALUEID=01001&amp;SDATE=2011&amp;PERIODTYPE=ANN_STD&amp;SCFT=3&amp;window=popup_no_bar&amp;width=385&amp;height=120&amp;START_MAXIMIZED=FALSE&amp;creator=factset&amp;display_string=Audit"}</definedName>
    <definedName name="_6254__FDSAUDITLINK__" hidden="1">{"fdsup://Directions/FactSet Auditing Viewer?action=AUDIT_VALUE&amp;DB=129&amp;ID1=B1YWHR&amp;VALUEID=01001&amp;SDATE=2010&amp;PERIODTYPE=ANN_STD&amp;SCFT=3&amp;window=popup_no_bar&amp;width=385&amp;height=120&amp;START_MAXIMIZED=FALSE&amp;creator=factset&amp;display_string=Audit"}</definedName>
    <definedName name="_6255__FDSAUDITLINK__" hidden="1">{"fdsup://directions/FAT Viewer?action=UPDATE&amp;creator=factset&amp;DYN_ARGS=TRUE&amp;DOC_NAME=FAT:FQL_AUDITING_CLIENT_TEMPLATE.FAT&amp;display_string=Audit&amp;VAR:KEY=XOTGJMRMNK&amp;VAR:QUERY=RkZfRUJJVERBKEFOTiwwLCwsLExPQ0FMKQ==&amp;WINDOW=FIRST_POPUP&amp;HEIGHT=450&amp;WIDTH=450&amp;START_MA","XIMIZED=FALSE&amp;VAR:CALENDAR=US&amp;VAR:SYMBOL=B1V74X&amp;VAR:INDEX=0"}</definedName>
    <definedName name="_6256__FDSAUDITLINK__" hidden="1">{"fdsup://directions/FAT Viewer?action=UPDATE&amp;creator=factset&amp;DYN_ARGS=TRUE&amp;DOC_NAME=FAT:FQL_AUDITING_CLIENT_TEMPLATE.FAT&amp;display_string=Audit&amp;VAR:KEY=QRSBCPYJMB&amp;VAR:QUERY=RkZfRUJJVERBKEFOTiwtMSwsLCxMT0NBTCk=&amp;WINDOW=FIRST_POPUP&amp;HEIGHT=450&amp;WIDTH=450&amp;START_MA","XIMIZED=FALSE&amp;VAR:CALENDAR=US&amp;VAR:SYMBOL=B1V74X&amp;VAR:INDEX=0"}</definedName>
    <definedName name="_6257__FDSAUDITLINK__" hidden="1">{"fdsup://directions/FAT Viewer?action=UPDATE&amp;creator=factset&amp;DYN_ARGS=TRUE&amp;DOC_NAME=FAT:FQL_AUDITING_CLIENT_TEMPLATE.FAT&amp;display_string=Audit&amp;VAR:KEY=RUJWPOHQNO&amp;VAR:QUERY=RkZfRU5UUlBSX1ZBTF9EQUlMWSgwLCwsLFVTRCwnQkFTSUMgU0hBUkVTJyk=&amp;WINDOW=FIRST_POPUP&amp;HEIGH","T=450&amp;WIDTH=450&amp;START_MAXIMIZED=FALSE&amp;VAR:CALENDAR=US&amp;VAR:SYMBOL=B1V74X&amp;VAR:INDEX=0"}</definedName>
    <definedName name="_6258__FDSAUDITLINK__" hidden="1">{"fdsup://directions/FAT Viewer?action=UPDATE&amp;creator=factset&amp;DYN_ARGS=TRUE&amp;DOC_NAME=FAT:FQL_AUDITING_CLIENT_TEMPLATE.FAT&amp;display_string=Audit&amp;VAR:KEY=MLGJKXITUP&amp;VAR:QUERY=RkZfTkVUX0lOQyhBTk4sMCwsLCxMT0NBTCk=&amp;WINDOW=FIRST_POPUP&amp;HEIGHT=450&amp;WIDTH=450&amp;START_MA","XIMIZED=FALSE&amp;VAR:CALENDAR=US&amp;VAR:SYMBOL=203699&amp;VAR:INDEX=0"}</definedName>
    <definedName name="_6259__FDSAUDITLINK__" hidden="1">{"fdsup://directions/FAT Viewer?action=UPDATE&amp;creator=factset&amp;DYN_ARGS=TRUE&amp;DOC_NAME=FAT:FQL_AUDITING_CLIENT_TEMPLATE.FAT&amp;display_string=Audit&amp;VAR:KEY=HMPMHAVWBU&amp;VAR:QUERY=RkZfTkVUX0lOQyhBTk4sLTEsLCwsTE9DQUwp&amp;WINDOW=FIRST_POPUP&amp;HEIGHT=450&amp;WIDTH=450&amp;START_MA","XIMIZED=FALSE&amp;VAR:CALENDAR=US&amp;VAR:SYMBOL=203699&amp;VAR:INDEX=0"}</definedName>
    <definedName name="_6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40"}</definedName>
    <definedName name="_6260__FDSAUDITLINK__" hidden="1">{"fdsup://Directions/FactSet Auditing Viewer?action=AUDIT_VALUE&amp;DB=129&amp;ID1=B1V74X&amp;VALUEID=01001&amp;SDATE=2011&amp;PERIODTYPE=ANN_STD&amp;SCFT=3&amp;window=popup_no_bar&amp;width=385&amp;height=120&amp;START_MAXIMIZED=FALSE&amp;creator=factset&amp;display_string=Audit"}</definedName>
    <definedName name="_6261__FDSAUDITLINK__" hidden="1">{"fdsup://Directions/FactSet Auditing Viewer?action=AUDIT_VALUE&amp;DB=129&amp;ID1=B1V74X&amp;VALUEID=01001&amp;SDATE=2010&amp;PERIODTYPE=ANN_STD&amp;SCFT=3&amp;window=popup_no_bar&amp;width=385&amp;height=120&amp;START_MAXIMIZED=FALSE&amp;creator=factset&amp;display_string=Audit"}</definedName>
    <definedName name="_6262__FDSAUDITLINK__" hidden="1">{"fdsup://directions/FAT Viewer?action=UPDATE&amp;creator=factset&amp;DYN_ARGS=TRUE&amp;DOC_NAME=FAT:FQL_AUDITING_CLIENT_TEMPLATE.FAT&amp;display_string=Audit&amp;VAR:KEY=QVANCPULIB&amp;VAR:QUERY=RkZfRUJJVERBKEFOTiwwLCwsLExPQ0FMKQ==&amp;WINDOW=FIRST_POPUP&amp;HEIGHT=450&amp;WIDTH=450&amp;START_MA","XIMIZED=FALSE&amp;VAR:CALENDAR=US&amp;VAR:SYMBOL=203699&amp;VAR:INDEX=0"}</definedName>
    <definedName name="_6263__FDSAUDITLINK__" hidden="1">{"fdsup://directions/FAT Viewer?action=UPDATE&amp;creator=factset&amp;DYN_ARGS=TRUE&amp;DOC_NAME=FAT:FQL_AUDITING_CLIENT_TEMPLATE.FAT&amp;display_string=Audit&amp;VAR:KEY=DWLITSLCHE&amp;VAR:QUERY=RkZfRUJJVERBKEFOTiwtMSwsLCxMT0NBTCk=&amp;WINDOW=FIRST_POPUP&amp;HEIGHT=450&amp;WIDTH=450&amp;START_MA","XIMIZED=FALSE&amp;VAR:CALENDAR=US&amp;VAR:SYMBOL=203699&amp;VAR:INDEX=0"}</definedName>
    <definedName name="_6264__FDSAUDITLINK__" hidden="1">{"fdsup://directions/FAT Viewer?action=UPDATE&amp;creator=factset&amp;DYN_ARGS=TRUE&amp;DOC_NAME=FAT:FQL_AUDITING_CLIENT_TEMPLATE.FAT&amp;display_string=Audit&amp;VAR:KEY=KZCJUPQPOR&amp;VAR:QUERY=RkZfRU5UUlBSX1ZBTF9EQUlMWSgwLCwsLFVTRCwnQkFTSUMgU0hBUkVTJyk=&amp;WINDOW=FIRST_POPUP&amp;HEIGH","T=450&amp;WIDTH=450&amp;START_MAXIMIZED=FALSE&amp;VAR:CALENDAR=US&amp;VAR:SYMBOL=203699&amp;VAR:INDEX=0"}</definedName>
    <definedName name="_6265__FDSAUDITLINK__" hidden="1">{"fdsup://directions/FAT Viewer?action=UPDATE&amp;creator=factset&amp;DYN_ARGS=TRUE&amp;DOC_NAME=FAT:FQL_AUDITING_CLIENT_TEMPLATE.FAT&amp;display_string=Audit&amp;VAR:KEY=JYPIVWDWPS&amp;VAR:QUERY=RkZfTkVUX0lOQyhBTk4sMCwsLCxMT0NBTCk=&amp;WINDOW=FIRST_POPUP&amp;HEIGHT=450&amp;WIDTH=450&amp;START_MA","XIMIZED=FALSE&amp;VAR:CALENDAR=US&amp;VAR:SYMBOL=B1FRH8&amp;VAR:INDEX=0"}</definedName>
    <definedName name="_6266__FDSAUDITLINK__" hidden="1">{"fdsup://directions/FAT Viewer?action=UPDATE&amp;creator=factset&amp;DYN_ARGS=TRUE&amp;DOC_NAME=FAT:FQL_AUDITING_CLIENT_TEMPLATE.FAT&amp;display_string=Audit&amp;VAR:KEY=ORULKLWVGJ&amp;VAR:QUERY=RkZfTkVUX0lOQyhBTk4sLTEsLCwsTE9DQUwp&amp;WINDOW=FIRST_POPUP&amp;HEIGHT=450&amp;WIDTH=450&amp;START_MA","XIMIZED=FALSE&amp;VAR:CALENDAR=US&amp;VAR:SYMBOL=B1FRH8&amp;VAR:INDEX=0"}</definedName>
    <definedName name="_6267__FDSAUDITLINK__" hidden="1">{"fdsup://Directions/FactSet Auditing Viewer?action=AUDIT_VALUE&amp;DB=129&amp;ID1=203699&amp;VALUEID=01001&amp;SDATE=2011&amp;PERIODTYPE=ANN_STD&amp;SCFT=3&amp;window=popup_no_bar&amp;width=385&amp;height=120&amp;START_MAXIMIZED=FALSE&amp;creator=factset&amp;display_string=Audit"}</definedName>
    <definedName name="_6268__FDSAUDITLINK__" hidden="1">{"fdsup://Directions/FactSet Auditing Viewer?action=AUDIT_VALUE&amp;DB=129&amp;ID1=203699&amp;VALUEID=01001&amp;SDATE=2010&amp;PERIODTYPE=ANN_STD&amp;SCFT=3&amp;window=popup_no_bar&amp;width=385&amp;height=120&amp;START_MAXIMIZED=FALSE&amp;creator=factset&amp;display_string=Audit"}</definedName>
    <definedName name="_6269__FDSAUDITLINK__" hidden="1">{"fdsup://directions/FAT Viewer?action=UPDATE&amp;creator=factset&amp;DYN_ARGS=TRUE&amp;DOC_NAME=FAT:FQL_AUDITING_CLIENT_TEMPLATE.FAT&amp;display_string=Audit&amp;VAR:KEY=NSLQBAPSZM&amp;VAR:QUERY=RkZfRUJJVERBKEFOTiwwLCwsLExPQ0FMKQ==&amp;WINDOW=FIRST_POPUP&amp;HEIGHT=450&amp;WIDTH=450&amp;START_MA","XIMIZED=FALSE&amp;VAR:CALENDAR=US&amp;VAR:SYMBOL=B1FRH8&amp;VAR:INDEX=0"}</definedName>
    <definedName name="_6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9"}</definedName>
    <definedName name="_6270__FDSAUDITLINK__" hidden="1">{"fdsup://directions/FAT Viewer?action=UPDATE&amp;creator=factset&amp;DYN_ARGS=TRUE&amp;DOC_NAME=FAT:FQL_AUDITING_CLIENT_TEMPLATE.FAT&amp;display_string=Audit&amp;VAR:KEY=EXWLOFATMR&amp;VAR:QUERY=RkZfRUJJVERBKEFOTiwtMSwsLCxMT0NBTCk=&amp;WINDOW=FIRST_POPUP&amp;HEIGHT=450&amp;WIDTH=450&amp;START_MA","XIMIZED=FALSE&amp;VAR:CALENDAR=US&amp;VAR:SYMBOL=B1FRH8&amp;VAR:INDEX=0"}</definedName>
    <definedName name="_6271__FDSAUDITLINK__" hidden="1">{"fdsup://directions/FAT Viewer?action=UPDATE&amp;creator=factset&amp;DYN_ARGS=TRUE&amp;DOC_NAME=FAT:FQL_AUDITING_CLIENT_TEMPLATE.FAT&amp;display_string=Audit&amp;VAR:KEY=NUDUTIZWHU&amp;VAR:QUERY=RkZfRU5UUlBSX1ZBTF9EQUlMWSgwLCwsLFVTRCwnQkFTSUMgU0hBUkVTJyk=&amp;WINDOW=FIRST_POPUP&amp;HEIGH","T=450&amp;WIDTH=450&amp;START_MAXIMIZED=FALSE&amp;VAR:CALENDAR=US&amp;VAR:SYMBOL=B1FRH8&amp;VAR:INDEX=0"}</definedName>
    <definedName name="_6272__FDSAUDITLINK__" hidden="1">{"fdsup://directions/FAT Viewer?action=UPDATE&amp;creator=factset&amp;DYN_ARGS=TRUE&amp;DOC_NAME=FAT:FQL_AUDITING_CLIENT_TEMPLATE.FAT&amp;display_string=Audit&amp;VAR:KEY=GBETCVUVUN&amp;VAR:QUERY=RkZfTkVUX0lOQyhBTk4sMCwsLCxMT0NBTCk=&amp;WINDOW=FIRST_POPUP&amp;HEIGHT=450&amp;WIDTH=450&amp;START_MA","XIMIZED=FALSE&amp;VAR:CALENDAR=US&amp;VAR:SYMBOL=236197&amp;VAR:INDEX=0"}</definedName>
    <definedName name="_6273__FDSAUDITLINK__" hidden="1">{"fdsup://directions/FAT Viewer?action=UPDATE&amp;creator=factset&amp;DYN_ARGS=TRUE&amp;DOC_NAME=FAT:FQL_AUDITING_CLIENT_TEMPLATE.FAT&amp;display_string=Audit&amp;VAR:KEY=RKVEHOLCTW&amp;VAR:QUERY=RkZfTkVUX0lOQyhBTk4sLTEsLCwsTE9DQUwp&amp;WINDOW=FIRST_POPUP&amp;HEIGHT=450&amp;WIDTH=450&amp;START_MA","XIMIZED=FALSE&amp;VAR:CALENDAR=US&amp;VAR:SYMBOL=236197&amp;VAR:INDEX=0"}</definedName>
    <definedName name="_6274__FDSAUDITLINK__" hidden="1">{"fdsup://Directions/FactSet Auditing Viewer?action=AUDIT_VALUE&amp;DB=129&amp;ID1=B1FRH8&amp;VALUEID=01001&amp;SDATE=2011&amp;PERIODTYPE=ANN_STD&amp;SCFT=3&amp;window=popup_no_bar&amp;width=385&amp;height=120&amp;START_MAXIMIZED=FALSE&amp;creator=factset&amp;display_string=Audit"}</definedName>
    <definedName name="_6275__FDSAUDITLINK__" hidden="1">{"fdsup://Directions/FactSet Auditing Viewer?action=AUDIT_VALUE&amp;DB=129&amp;ID1=B1FRH8&amp;VALUEID=01001&amp;SDATE=2010&amp;PERIODTYPE=ANN_STD&amp;SCFT=3&amp;window=popup_no_bar&amp;width=385&amp;height=120&amp;START_MAXIMIZED=FALSE&amp;creator=factset&amp;display_string=Audit"}</definedName>
    <definedName name="_6276__FDSAUDITLINK__" hidden="1">{"fdsup://directions/FAT Viewer?action=UPDATE&amp;creator=factset&amp;DYN_ARGS=TRUE&amp;DOC_NAME=FAT:FQL_AUDITING_CLIENT_TEMPLATE.FAT&amp;display_string=Audit&amp;VAR:KEY=YRYJQBQBYR&amp;VAR:QUERY=RkZfRUJJVERBKEFOTiwwLCwsLExPQ0FMKQ==&amp;WINDOW=FIRST_POPUP&amp;HEIGHT=450&amp;WIDTH=450&amp;START_MA","XIMIZED=FALSE&amp;VAR:CALENDAR=US&amp;VAR:SYMBOL=236197&amp;VAR:INDEX=0"}</definedName>
    <definedName name="_6277__FDSAUDITLINK__" hidden="1">{"fdsup://directions/FAT Viewer?action=UPDATE&amp;creator=factset&amp;DYN_ARGS=TRUE&amp;DOC_NAME=FAT:FQL_AUDITING_CLIENT_TEMPLATE.FAT&amp;display_string=Audit&amp;VAR:KEY=RYDSPUVEDQ&amp;VAR:QUERY=RkZfRUJJVERBKEFOTiwtMSwsLCxMT0NBTCk=&amp;WINDOW=FIRST_POPUP&amp;HEIGHT=450&amp;WIDTH=450&amp;START_MA","XIMIZED=FALSE&amp;VAR:CALENDAR=US&amp;VAR:SYMBOL=236197&amp;VAR:INDEX=0"}</definedName>
    <definedName name="_6278__FDSAUDITLINK__" hidden="1">{"fdsup://directions/FAT Viewer?action=UPDATE&amp;creator=factset&amp;DYN_ARGS=TRUE&amp;DOC_NAME=FAT:FQL_AUDITING_CLIENT_TEMPLATE.FAT&amp;display_string=Audit&amp;VAR:KEY=YLIDCHWTCT&amp;VAR:QUERY=RkZfRU5UUlBSX1ZBTF9EQUlMWSgwLCwsLFVTRCwnQkFTSUMgU0hBUkVTJyk=&amp;WINDOW=FIRST_POPUP&amp;HEIGH","T=450&amp;WIDTH=450&amp;START_MAXIMIZED=FALSE&amp;VAR:CALENDAR=US&amp;VAR:SYMBOL=236197&amp;VAR:INDEX=0"}</definedName>
    <definedName name="_6279__FDSAUDITLINK__" hidden="1">{"fdsup://directions/FAT Viewer?action=UPDATE&amp;creator=factset&amp;DYN_ARGS=TRUE&amp;DOC_NAME=FAT:FQL_AUDITING_CLIENT_TEMPLATE.FAT&amp;display_string=Audit&amp;VAR:KEY=PKFEVKTGHU&amp;VAR:QUERY=RkZfRU5UUlBSX1ZBTF9EQUlMWSgwLCwsLExPQ0FMLCdCQVNJQyBTSEFSRVMnKQ==&amp;WINDOW=FIRST_POPUP&amp;H","EIGHT=450&amp;WIDTH=450&amp;START_MAXIMIZED=FALSE&amp;VAR:CALENDAR=US&amp;VAR:SYMBOL=664076&amp;VAR:INDEX=0"}</definedName>
    <definedName name="_6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8"}</definedName>
    <definedName name="_6280__FDSAUDITLINK__" hidden="1">{"fdsup://directions/FAT Viewer?action=UPDATE&amp;creator=factset&amp;DYN_ARGS=TRUE&amp;DOC_NAME=FAT:FQL_AUDITING_CLIENT_TEMPLATE.FAT&amp;display_string=Audit&amp;VAR:KEY=OTIBKFAHAL&amp;VAR:QUERY=RkZfRU5UUlBSX1ZBTF9EQUlMWSgwLCwsLExPQ0FMLCdCQVNJQyBTSEFSRVMnKQ==&amp;WINDOW=FIRST_POPUP&amp;H","EIGHT=450&amp;WIDTH=450&amp;START_MAXIMIZED=FALSE&amp;VAR:CALENDAR=US&amp;VAR:SYMBOL=20588710&amp;VAR:INDEX=0"}</definedName>
    <definedName name="_6281__FDSAUDITLINK__" hidden="1">{"fdsup://Directions/FactSet Auditing Viewer?action=AUDIT_VALUE&amp;DB=129&amp;ID1=236197&amp;VALUEID=01001&amp;SDATE=2011&amp;PERIODTYPE=ANN_STD&amp;SCFT=3&amp;window=popup_no_bar&amp;width=385&amp;height=120&amp;START_MAXIMIZED=FALSE&amp;creator=factset&amp;display_string=Audit"}</definedName>
    <definedName name="_6282__FDSAUDITLINK__" hidden="1">{"fdsup://Directions/FactSet Auditing Viewer?action=AUDIT_VALUE&amp;DB=129&amp;ID1=236197&amp;VALUEID=01001&amp;SDATE=2010&amp;PERIODTYPE=ANN_STD&amp;SCFT=3&amp;window=popup_no_bar&amp;width=385&amp;height=120&amp;START_MAXIMIZED=FALSE&amp;creator=factset&amp;display_string=Audit"}</definedName>
    <definedName name="_6283__FDSAUDITLINK__" hidden="1">{"fdsup://directions/FAT Viewer?action=UPDATE&amp;creator=factset&amp;DYN_ARGS=TRUE&amp;DOC_NAME=FAT:FQL_AUDITING_CLIENT_TEMPLATE.FAT&amp;display_string=Audit&amp;VAR:KEY=XOVILMNEPO&amp;VAR:QUERY=RkZfRU5UUlBSX1ZBTF9EQUlMWSgwLCwsLExPQ0FMLCdCQVNJQyBTSEFSRVMnKQ==&amp;WINDOW=FIRST_POPUP&amp;H","EIGHT=450&amp;WIDTH=450&amp;START_MAXIMIZED=FALSE&amp;VAR:CALENDAR=US&amp;VAR:SYMBOL=90249410&amp;VAR:INDEX=0"}</definedName>
    <definedName name="_6284__FDSAUDITLINK__" hidden="1">{"fdsup://directions/FAT Viewer?action=UPDATE&amp;creator=factset&amp;DYN_ARGS=TRUE&amp;DOC_NAME=FAT:FQL_AUDITING_CLIENT_TEMPLATE.FAT&amp;display_string=Audit&amp;VAR:KEY=WZGLYHWXUJ&amp;VAR:QUERY=RkZfRU5UUlBSX1ZBTF9EQUlMWSgwLCwsLExPQ0FMLCdCQVNJQyBTSEFSRVMnKQ==&amp;WINDOW=FIRST_POPUP&amp;H","EIGHT=450&amp;WIDTH=450&amp;START_MAXIMIZED=FALSE&amp;VAR:CALENDAR=US&amp;VAR:SYMBOL=44045210&amp;VAR:INDEX=0"}</definedName>
    <definedName name="_6285__FDSAUDITLINK__" hidden="1">{"fdsup://directions/FAT Viewer?action=UPDATE&amp;creator=factset&amp;DYN_ARGS=TRUE&amp;DOC_NAME=FAT:FQL_AUDITING_CLIENT_TEMPLATE.FAT&amp;display_string=Audit&amp;VAR:KEY=TKDKLWHYBK&amp;VAR:QUERY=RkZfRU5UUlBSX1ZBTF9EQUlMWSgwLCwsLExPQ0FMLCdCQVNJQyBTSEFSRVMnKQ==&amp;WINDOW=FIRST_POPUP&amp;H","EIGHT=450&amp;WIDTH=450&amp;START_MAXIMIZED=FALSE&amp;VAR:CALENDAR=US&amp;VAR:SYMBOL=83224810&amp;VAR:INDEX=0"}</definedName>
    <definedName name="_6286__FDSAUDITLINK__" hidden="1">{"fdsup://directions/FAT Viewer?action=UPDATE&amp;creator=factset&amp;DYN_ARGS=TRUE&amp;DOC_NAME=FAT:FQL_AUDITING_CLIENT_TEMPLATE.FAT&amp;display_string=Audit&amp;VAR:KEY=KHEFWZWFKR&amp;VAR:QUERY=RkZfTkVUX0lOQyhBTk4sMCwsLCxMT0NBTCk=&amp;WINDOW=FIRST_POPUP&amp;HEIGHT=450&amp;WIDTH=450&amp;START_MA","XIMIZED=FALSE&amp;VAR:CALENDAR=US&amp;VAR:SYMBOL=664076&amp;VAR:INDEX=0"}</definedName>
    <definedName name="_6287__FDSAUDITLINK__" hidden="1">{"fdsup://directions/FAT Viewer?action=UPDATE&amp;creator=factset&amp;DYN_ARGS=TRUE&amp;DOC_NAME=FAT:FQL_AUDITING_CLIENT_TEMPLATE.FAT&amp;display_string=Audit&amp;VAR:KEY=VOTINUFCBG&amp;VAR:QUERY=RkZfTkVUX0lOQyhBTk4sLTEsLCwsTE9DQUwp&amp;WINDOW=FIRST_POPUP&amp;HEIGHT=450&amp;WIDTH=450&amp;START_MA","XIMIZED=FALSE&amp;VAR:CALENDAR=US&amp;VAR:SYMBOL=664076&amp;VAR:INDEX=0"}</definedName>
    <definedName name="_6288__FDSAUDITLINK__" hidden="1">{"fdsup://directions/FAT Viewer?action=UPDATE&amp;creator=factset&amp;DYN_ARGS=TRUE&amp;DOC_NAME=FAT:FQL_AUDITING_CLIENT_TEMPLATE.FAT&amp;display_string=Audit&amp;VAR:KEY=QZMBIRONKZ&amp;VAR:QUERY=RkZfRUJJVERBKEFOTiwwLCwsLExPQ0FMKQ==&amp;WINDOW=FIRST_POPUP&amp;HEIGHT=450&amp;WIDTH=450&amp;START_MA","XIMIZED=FALSE&amp;VAR:CALENDAR=US&amp;VAR:SYMBOL=664076&amp;VAR:INDEX=0"}</definedName>
    <definedName name="_6289__FDSAUDITLINK__" hidden="1">{"fdsup://directions/FAT Viewer?action=UPDATE&amp;creator=factset&amp;DYN_ARGS=TRUE&amp;DOC_NAME=FAT:FQL_AUDITING_CLIENT_TEMPLATE.FAT&amp;display_string=Audit&amp;VAR:KEY=JCZAPWJSJQ&amp;VAR:QUERY=RkZfRUJJVERBKEFOTiwtMSwsLCxMT0NBTCk=&amp;WINDOW=FIRST_POPUP&amp;HEIGHT=450&amp;WIDTH=450&amp;START_MA","XIMIZED=FALSE&amp;VAR:CALENDAR=US&amp;VAR:SYMBOL=664076&amp;VAR:INDEX=0"}</definedName>
    <definedName name="_6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7"}</definedName>
    <definedName name="_6290__FDSAUDITLINK__" hidden="1">{"fdsup://directions/FAT Viewer?action=UPDATE&amp;creator=factset&amp;DYN_ARGS=TRUE&amp;DOC_NAME=FAT:FQL_AUDITING_CLIENT_TEMPLATE.FAT&amp;display_string=Audit&amp;VAR:KEY=CXGZIVWJML&amp;VAR:QUERY=RkZfRU5UUlBSX1ZBTF9EQUlMWSgwLCwsLFVTRCwnQkFTSUMgU0hBUkVTJyk=&amp;WINDOW=FIRST_POPUP&amp;HEIGH","T=450&amp;WIDTH=450&amp;START_MAXIMIZED=FALSE&amp;VAR:CALENDAR=US&amp;VAR:SYMBOL=664076&amp;VAR:INDEX=0"}</definedName>
    <definedName name="_6291__FDSAUDITLINK__" hidden="1">{"fdsup://directions/FAT Viewer?action=UPDATE&amp;creator=factset&amp;DYN_ARGS=TRUE&amp;DOC_NAME=FAT:FQL_AUDITING_CLIENT_TEMPLATE.FAT&amp;display_string=Audit&amp;VAR:KEY=LGPSPENSFW&amp;VAR:QUERY=RkZfTkVUX0lOQyhBTk4sMCwsLCxMT0NBTCk=&amp;WINDOW=FIRST_POPUP&amp;HEIGHT=450&amp;WIDTH=450&amp;START_MA","XIMIZED=FALSE&amp;VAR:CALENDAR=US&amp;VAR:SYMBOL=20588710&amp;VAR:INDEX=0"}</definedName>
    <definedName name="_6292__FDSAUDITLINK__" hidden="1">{"fdsup://directions/FAT Viewer?action=UPDATE&amp;creator=factset&amp;DYN_ARGS=TRUE&amp;DOC_NAME=FAT:FQL_AUDITING_CLIENT_TEMPLATE.FAT&amp;display_string=Audit&amp;VAR:KEY=UTCDAFOBMT&amp;VAR:QUERY=RkZfTkVUX0lOQyhBTk4sLTEsLCwsTE9DQUwp&amp;WINDOW=FIRST_POPUP&amp;HEIGHT=450&amp;WIDTH=450&amp;START_MA","XIMIZED=FALSE&amp;VAR:CALENDAR=US&amp;VAR:SYMBOL=20588710&amp;VAR:INDEX=0"}</definedName>
    <definedName name="_6293__FDSAUDITLINK__" hidden="1">{"fdsup://Directions/FactSet Auditing Viewer?action=AUDIT_VALUE&amp;DB=129&amp;ID1=664076&amp;VALUEID=01001&amp;SDATE=2011&amp;PERIODTYPE=ANN_STD&amp;SCFT=3&amp;window=popup_no_bar&amp;width=385&amp;height=120&amp;START_MAXIMIZED=FALSE&amp;creator=factset&amp;display_string=Audit"}</definedName>
    <definedName name="_6294__FDSAUDITLINK__" hidden="1">{"fdsup://Directions/FactSet Auditing Viewer?action=AUDIT_VALUE&amp;DB=129&amp;ID1=664076&amp;VALUEID=01001&amp;SDATE=2010&amp;PERIODTYPE=ANN_STD&amp;SCFT=3&amp;window=popup_no_bar&amp;width=385&amp;height=120&amp;START_MAXIMIZED=FALSE&amp;creator=factset&amp;display_string=Audit"}</definedName>
    <definedName name="_6295__FDSAUDITLINK__" hidden="1">{"fdsup://directions/FAT Viewer?action=UPDATE&amp;creator=factset&amp;DYN_ARGS=TRUE&amp;DOC_NAME=FAT:FQL_AUDITING_CLIENT_TEMPLATE.FAT&amp;display_string=Audit&amp;VAR:KEY=ZGTWRYZYTS&amp;VAR:QUERY=RkZfRUJJVERBKEFOTiwwLCwsLExPQ0FMKQ==&amp;WINDOW=FIRST_POPUP&amp;HEIGHT=450&amp;WIDTH=450&amp;START_MA","XIMIZED=FALSE&amp;VAR:CALENDAR=US&amp;VAR:SYMBOL=20588710&amp;VAR:INDEX=0"}</definedName>
    <definedName name="_6296__FDSAUDITLINK__" hidden="1">{"fdsup://directions/FAT Viewer?action=UPDATE&amp;creator=factset&amp;DYN_ARGS=TRUE&amp;DOC_NAME=FAT:FQL_AUDITING_CLIENT_TEMPLATE.FAT&amp;display_string=Audit&amp;VAR:KEY=YFUZEHQVWB&amp;VAR:QUERY=RkZfRUJJVERBKEFOTiwtMSwsLCxMT0NBTCk=&amp;WINDOW=FIRST_POPUP&amp;HEIGHT=450&amp;WIDTH=450&amp;START_MA","XIMIZED=FALSE&amp;VAR:CALENDAR=US&amp;VAR:SYMBOL=20588710&amp;VAR:INDEX=0"}</definedName>
    <definedName name="_6297__FDSAUDITLINK__" hidden="1">{"fdsup://directions/FAT Viewer?action=UPDATE&amp;creator=factset&amp;DYN_ARGS=TRUE&amp;DOC_NAME=FAT:FQL_AUDITING_CLIENT_TEMPLATE.FAT&amp;display_string=Audit&amp;VAR:KEY=HILSZCRSFA&amp;VAR:QUERY=RkZfRU5UUlBSX1ZBTF9EQUlMWSgwLCwsLFVTRCwnQkFTSUMgU0hBUkVTJyk=&amp;WINDOW=FIRST_POPUP&amp;HEIGH","T=450&amp;WIDTH=450&amp;START_MAXIMIZED=FALSE&amp;VAR:CALENDAR=US&amp;VAR:SYMBOL=20588710&amp;VAR:INDEX=0"}</definedName>
    <definedName name="_6298__FDSAUDITLINK__" hidden="1">{"fdsup://directions/FAT Viewer?action=UPDATE&amp;creator=factset&amp;DYN_ARGS=TRUE&amp;DOC_NAME=FAT:FQL_AUDITING_CLIENT_TEMPLATE.FAT&amp;display_string=Audit&amp;VAR:KEY=WZCHODAXAL&amp;VAR:QUERY=RkZfTkVUX0lOQyhBTk4sMCwsLCxMT0NBTCk=&amp;WINDOW=FIRST_POPUP&amp;HEIGHT=450&amp;WIDTH=450&amp;START_MA","XIMIZED=FALSE&amp;VAR:CALENDAR=US&amp;VAR:SYMBOL=90249410&amp;VAR:INDEX=0"}</definedName>
    <definedName name="_6299__FDSAUDITLINK__" hidden="1">{"fdsup://Directions/FactSet Auditing Viewer?action=AUDIT_VALUE&amp;DB=129&amp;ID1=20588710&amp;VALUEID=01001&amp;SDATE=2011&amp;PERIODTYPE=ANN_STD&amp;SCFT=3&amp;window=popup_no_bar&amp;width=385&amp;height=120&amp;START_MAXIMIZED=FALSE&amp;creator=factset&amp;display_string=Audit"}</definedName>
    <definedName name="_6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6"}</definedName>
    <definedName name="_6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6"}</definedName>
    <definedName name="_6300__FDSAUDITLINK__" hidden="1">{"fdsup://Directions/FactSet Auditing Viewer?action=AUDIT_VALUE&amp;DB=129&amp;ID1=20588710&amp;VALUEID=01001&amp;SDATE=2010&amp;PERIODTYPE=ANN_STD&amp;SCFT=3&amp;window=popup_no_bar&amp;width=385&amp;height=120&amp;START_MAXIMIZED=FALSE&amp;creator=factset&amp;display_string=Audit"}</definedName>
    <definedName name="_6301__FDSAUDITLINK__" hidden="1">{"fdsup://directions/FAT Viewer?action=UPDATE&amp;creator=factset&amp;DYN_ARGS=TRUE&amp;DOC_NAME=FAT:FQL_AUDITING_CLIENT_TEMPLATE.FAT&amp;display_string=Audit&amp;VAR:KEY=HYRKXMZCNY&amp;VAR:QUERY=RkZfTkVUX0lOQyhBTk4sLTEsLCwsTE9DQUwp&amp;WINDOW=FIRST_POPUP&amp;HEIGHT=450&amp;WIDTH=450&amp;START_MA","XIMIZED=FALSE&amp;VAR:CALENDAR=US&amp;VAR:SYMBOL=90249410&amp;VAR:INDEX=0"}</definedName>
    <definedName name="_6302__FDSAUDITLINK__" hidden="1">{"fdsup://directions/FAT Viewer?action=UPDATE&amp;creator=factset&amp;DYN_ARGS=TRUE&amp;DOC_NAME=FAT:FQL_AUDITING_CLIENT_TEMPLATE.FAT&amp;display_string=Audit&amp;VAR:KEY=SRGXYXOFCH&amp;VAR:QUERY=RkZfRUJJVERBKEFOTiwwLCwsLExPQ0FMKQ==&amp;WINDOW=FIRST_POPUP&amp;HEIGHT=450&amp;WIDTH=450&amp;START_MA","XIMIZED=FALSE&amp;VAR:CALENDAR=US&amp;VAR:SYMBOL=90249410&amp;VAR:INDEX=0"}</definedName>
    <definedName name="_6303__FDSAUDITLINK__" hidden="1">{"fdsup://directions/FAT Viewer?action=UPDATE&amp;creator=factset&amp;DYN_ARGS=TRUE&amp;DOC_NAME=FAT:FQL_AUDITING_CLIENT_TEMPLATE.FAT&amp;display_string=Audit&amp;VAR:KEY=BAFSTUVYRQ&amp;VAR:QUERY=RkZfRUJJVERBKEFOTiwtMSwsLCxMT0NBTCk=&amp;WINDOW=FIRST_POPUP&amp;HEIGHT=450&amp;WIDTH=450&amp;START_MA","XIMIZED=FALSE&amp;VAR:CALENDAR=US&amp;VAR:SYMBOL=90249410&amp;VAR:INDEX=0"}</definedName>
    <definedName name="_6304__FDSAUDITLINK__" hidden="1">{"fdsup://directions/FAT Viewer?action=UPDATE&amp;creator=factset&amp;DYN_ARGS=TRUE&amp;DOC_NAME=FAT:FQL_AUDITING_CLIENT_TEMPLATE.FAT&amp;display_string=Audit&amp;VAR:KEY=UJODILELOD&amp;VAR:QUERY=RkZfRU5UUlBSX1ZBTF9EQUlMWSgwLCwsLFVTRCwnQkFTSUMgU0hBUkVTJyk=&amp;WINDOW=FIRST_POPUP&amp;HEIGH","T=450&amp;WIDTH=450&amp;START_MAXIMIZED=FALSE&amp;VAR:CALENDAR=US&amp;VAR:SYMBOL=90249410&amp;VAR:INDEX=0"}</definedName>
    <definedName name="_6305__FDSAUDITLINK__" hidden="1">{"fdsup://directions/FAT Viewer?action=UPDATE&amp;creator=factset&amp;DYN_ARGS=TRUE&amp;DOC_NAME=FAT:FQL_AUDITING_CLIENT_TEMPLATE.FAT&amp;display_string=Audit&amp;VAR:KEY=TYHWHMNEZI&amp;VAR:QUERY=RkZfTkVUX0lOQyhBTk4sMCwsLCxMT0NBTCk=&amp;WINDOW=FIRST_POPUP&amp;HEIGHT=450&amp;WIDTH=450&amp;START_MA","XIMIZED=FALSE&amp;VAR:CALENDAR=US&amp;VAR:SYMBOL=44045210&amp;VAR:INDEX=0"}</definedName>
    <definedName name="_6306__FDSAUDITLINK__" hidden="1">{"fdsup://directions/FAT Viewer?action=UPDATE&amp;creator=factset&amp;DYN_ARGS=TRUE&amp;DOC_NAME=FAT:FQL_AUDITING_CLIENT_TEMPLATE.FAT&amp;display_string=Audit&amp;VAR:KEY=IPKLIROVCN&amp;VAR:QUERY=RkZfTkVUX0lOQyhBTk4sLTEsLCwsTE9DQUwp&amp;WINDOW=FIRST_POPUP&amp;HEIGHT=450&amp;WIDTH=450&amp;START_MA","XIMIZED=FALSE&amp;VAR:CALENDAR=US&amp;VAR:SYMBOL=44045210&amp;VAR:INDEX=0"}</definedName>
    <definedName name="_6307__FDSAUDITLINK__" hidden="1">{"fdsup://Directions/FactSet Auditing Viewer?action=AUDIT_VALUE&amp;DB=129&amp;ID1=90249410&amp;VALUEID=01001&amp;SDATE=2011&amp;PERIODTYPE=ANN_STD&amp;SCFT=3&amp;window=popup_no_bar&amp;width=385&amp;height=120&amp;START_MAXIMIZED=FALSE&amp;creator=factset&amp;display_string=Audit"}</definedName>
    <definedName name="_6308__FDSAUDITLINK__" hidden="1">{"fdsup://Directions/FactSet Auditing Viewer?action=AUDIT_VALUE&amp;DB=129&amp;ID1=90249410&amp;VALUEID=01001&amp;SDATE=2010&amp;PERIODTYPE=ANN_STD&amp;SCFT=3&amp;window=popup_no_bar&amp;width=385&amp;height=120&amp;START_MAXIMIZED=FALSE&amp;creator=factset&amp;display_string=Audit"}</definedName>
    <definedName name="_6309__FDSAUDITLINK__" hidden="1">{"fdsup://directions/FAT Viewer?action=UPDATE&amp;creator=factset&amp;DYN_ARGS=TRUE&amp;DOC_NAME=FAT:FQL_AUDITING_CLIENT_TEMPLATE.FAT&amp;display_string=Audit&amp;VAR:KEY=ZMJERKXKLW&amp;VAR:QUERY=RkZfRUJJVERBKEFOTiwwLCwsLExPQ0FMKQ==&amp;WINDOW=FIRST_POPUP&amp;HEIGHT=450&amp;WIDTH=450&amp;START_MA","XIMIZED=FALSE&amp;VAR:CALENDAR=US&amp;VAR:SYMBOL=44045210&amp;VAR:INDEX=0"}</definedName>
    <definedName name="_6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5"}</definedName>
    <definedName name="_6310__FDSAUDITLINK__" hidden="1">{"fdsup://directions/FAT Viewer?action=UPDATE&amp;creator=factset&amp;DYN_ARGS=TRUE&amp;DOC_NAME=FAT:FQL_AUDITING_CLIENT_TEMPLATE.FAT&amp;display_string=Audit&amp;VAR:KEY=CNQZEFQDYN&amp;VAR:QUERY=RkZfRUJJVERBKEFOTiwtMSwsLCxMT0NBTCk=&amp;WINDOW=FIRST_POPUP&amp;HEIGHT=450&amp;WIDTH=450&amp;START_MA","XIMIZED=FALSE&amp;VAR:CALENDAR=US&amp;VAR:SYMBOL=44045210&amp;VAR:INDEX=0"}</definedName>
    <definedName name="_6311__FDSAUDITLINK__" hidden="1">{"fdsup://directions/FAT Viewer?action=UPDATE&amp;creator=factset&amp;DYN_ARGS=TRUE&amp;DOC_NAME=FAT:FQL_AUDITING_CLIENT_TEMPLATE.FAT&amp;display_string=Audit&amp;VAR:KEY=RQPWBKPKTE&amp;VAR:QUERY=RkZfRU5UUlBSX1ZBTF9EQUlMWSgwLCwsLFVTRCwnQkFTSUMgU0hBUkVTJyk=&amp;WINDOW=FIRST_POPUP&amp;HEIGH","T=450&amp;WIDTH=450&amp;START_MAXIMIZED=FALSE&amp;VAR:CALENDAR=US&amp;VAR:SYMBOL=44045210&amp;VAR:INDEX=0"}</definedName>
    <definedName name="_6312__FDSAUDITLINK__" hidden="1">{"fdsup://directions/FAT Viewer?action=UPDATE&amp;creator=factset&amp;DYN_ARGS=TRUE&amp;DOC_NAME=FAT:FQL_AUDITING_CLIENT_TEMPLATE.FAT&amp;display_string=Audit&amp;VAR:KEY=QZIXWXWJUR&amp;VAR:QUERY=RkZfTkVUX0lOQyhBTk4sMCwsLCxMT0NBTCk=&amp;WINDOW=FIRST_POPUP&amp;HEIGHT=450&amp;WIDTH=450&amp;START_MA","XIMIZED=FALSE&amp;VAR:CALENDAR=US&amp;VAR:SYMBOL=83224810&amp;VAR:INDEX=0"}</definedName>
    <definedName name="_6313__FDSAUDITLINK__" hidden="1">{"fdsup://directions/FAT Viewer?action=UPDATE&amp;creator=factset&amp;DYN_ARGS=TRUE&amp;DOC_NAME=FAT:FQL_AUDITING_CLIENT_TEMPLATE.FAT&amp;display_string=Audit&amp;VAR:KEY=RIJWNCLOLA&amp;VAR:QUERY=RkZfTkVUX0lOQyhBTk4sLTEsLCwsTE9DQUwp&amp;WINDOW=FIRST_POPUP&amp;HEIGHT=450&amp;WIDTH=450&amp;START_MA","XIMIZED=FALSE&amp;VAR:CALENDAR=US&amp;VAR:SYMBOL=83224810&amp;VAR:INDEX=0"}</definedName>
    <definedName name="_6314__FDSAUDITLINK__" hidden="1">{"fdsup://Directions/FactSet Auditing Viewer?action=AUDIT_VALUE&amp;DB=129&amp;ID1=44045210&amp;VALUEID=01001&amp;SDATE=2011&amp;PERIODTYPE=ANN_STD&amp;SCFT=3&amp;window=popup_no_bar&amp;width=385&amp;height=120&amp;START_MAXIMIZED=FALSE&amp;creator=factset&amp;display_string=Audit"}</definedName>
    <definedName name="_6315__FDSAUDITLINK__" hidden="1">{"fdsup://Directions/FactSet Auditing Viewer?action=AUDIT_VALUE&amp;DB=129&amp;ID1=44045210&amp;VALUEID=01001&amp;SDATE=2010&amp;PERIODTYPE=ANN_STD&amp;SCFT=3&amp;window=popup_no_bar&amp;width=385&amp;height=120&amp;START_MAXIMIZED=FALSE&amp;creator=factset&amp;display_string=Audit"}</definedName>
    <definedName name="_6316__FDSAUDITLINK__" hidden="1">{"fdsup://directions/FAT Viewer?action=UPDATE&amp;creator=factset&amp;DYN_ARGS=TRUE&amp;DOC_NAME=FAT:FQL_AUDITING_CLIENT_TEMPLATE.FAT&amp;display_string=Audit&amp;VAR:KEY=UBCVSBIFYN&amp;VAR:QUERY=RkZfRUJJVERBKEFOTiwwLCwsLExPQ0FMKQ==&amp;WINDOW=FIRST_POPUP&amp;HEIGHT=450&amp;WIDTH=450&amp;START_MA","XIMIZED=FALSE&amp;VAR:CALENDAR=US&amp;VAR:SYMBOL=83224810&amp;VAR:INDEX=0"}</definedName>
    <definedName name="_6317__FDSAUDITLINK__" hidden="1">{"fdsup://directions/FAT Viewer?action=UPDATE&amp;creator=factset&amp;DYN_ARGS=TRUE&amp;DOC_NAME=FAT:FQL_AUDITING_CLIENT_TEMPLATE.FAT&amp;display_string=Audit&amp;VAR:KEY=FYPQTUHOFG&amp;VAR:QUERY=RkZfRUJJVERBKEFOTiwtMSwsLCxMT0NBTCk=&amp;WINDOW=FIRST_POPUP&amp;HEIGHT=450&amp;WIDTH=450&amp;START_MA","XIMIZED=FALSE&amp;VAR:CALENDAR=US&amp;VAR:SYMBOL=83224810&amp;VAR:INDEX=0"}</definedName>
    <definedName name="_6318__FDSAUDITLINK__" hidden="1">{"fdsup://directions/FAT Viewer?action=UPDATE&amp;creator=factset&amp;DYN_ARGS=TRUE&amp;DOC_NAME=FAT:FQL_AUDITING_CLIENT_TEMPLATE.FAT&amp;display_string=Audit&amp;VAR:KEY=YPQNKZSJQL&amp;VAR:QUERY=RkZfRU5UUlBSX1ZBTF9EQUlMWSgwLCwsLFVTRCwnQkFTSUMgU0hBUkVTJyk=&amp;WINDOW=FIRST_POPUP&amp;HEIGH","T=450&amp;WIDTH=450&amp;START_MAXIMIZED=FALSE&amp;VAR:CALENDAR=US&amp;VAR:SYMBOL=83224810&amp;VAR:INDEX=0"}</definedName>
    <definedName name="_6319__FDSAUDITLINK__" hidden="1">{"fdsup://directions/FAT Viewer?action=UPDATE&amp;creator=factset&amp;DYN_ARGS=TRUE&amp;DOC_NAME=FAT:FQL_AUDITING_CLIENT_TEMPLATE.FAT&amp;display_string=Audit&amp;VAR:KEY=EXWTUFCLYH&amp;VAR:QUERY=RkZfRU5UUlBSX1ZBTF9EQUlMWSgwLCwsLExPQ0FMLCdCQVNJQyBTSEFSRVMnKQ==&amp;WINDOW=FIRST_POPUP&amp;H","EIGHT=450&amp;WIDTH=450&amp;START_MAXIMIZED=FALSE&amp;VAR:CALENDAR=US&amp;VAR:SYMBOL=10055710&amp;VAR:INDEX=0"}</definedName>
    <definedName name="_6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4"}</definedName>
    <definedName name="_6320__FDSAUDITLINK__" hidden="1">{"fdsup://directions/FAT Viewer?action=UPDATE&amp;creator=factset&amp;DYN_ARGS=TRUE&amp;DOC_NAME=FAT:FQL_AUDITING_CLIENT_TEMPLATE.FAT&amp;display_string=Audit&amp;VAR:KEY=TELUJEXAFY&amp;VAR:QUERY=RkZfRU5UUlBSX1ZBTF9EQUlMWSgwLCwsLExPQ0FMLCdCQVNJQyBTSEFSRVMnKQ==&amp;WINDOW=FIRST_POPUP&amp;H","EIGHT=450&amp;WIDTH=450&amp;START_MAXIMIZED=FALSE&amp;VAR:CALENDAR=US&amp;VAR:SYMBOL=11563720&amp;VAR:INDEX=0"}</definedName>
    <definedName name="_6321__FDSAUDITLINK__" hidden="1">{"fdsup://Directions/FactSet Auditing Viewer?action=AUDIT_VALUE&amp;DB=129&amp;ID1=83224810&amp;VALUEID=01001&amp;SDATE=2011&amp;PERIODTYPE=ANN_STD&amp;SCFT=3&amp;window=popup_no_bar&amp;width=385&amp;height=120&amp;START_MAXIMIZED=FALSE&amp;creator=factset&amp;display_string=Audit"}</definedName>
    <definedName name="_6322__FDSAUDITLINK__" hidden="1">{"fdsup://Directions/FactSet Auditing Viewer?action=AUDIT_VALUE&amp;DB=129&amp;ID1=83224810&amp;VALUEID=01001&amp;SDATE=2010&amp;PERIODTYPE=ANN_STD&amp;SCFT=3&amp;window=popup_no_bar&amp;width=385&amp;height=120&amp;START_MAXIMIZED=FALSE&amp;creator=factset&amp;display_string=Audit"}</definedName>
    <definedName name="_6323__FDSAUDITLINK__" hidden="1">{"fdsup://directions/FAT Viewer?action=UPDATE&amp;creator=factset&amp;DYN_ARGS=TRUE&amp;DOC_NAME=FAT:FQL_AUDITING_CLIENT_TEMPLATE.FAT&amp;display_string=Audit&amp;VAR:KEY=YHOBEVMJUN&amp;VAR:QUERY=RkZfRU5UUlBSX1ZBTF9EQUlMWSgwLCwsLExPQ0FMLCdCQVNJQyBTSEFSRVMnKQ==&amp;WINDOW=FIRST_POPUP&amp;H","EIGHT=450&amp;WIDTH=450&amp;START_MAXIMIZED=FALSE&amp;VAR:CALENDAR=US&amp;VAR:SYMBOL=60871R20&amp;VAR:INDEX=0"}</definedName>
    <definedName name="_6324__FDSAUDITLINK__" hidden="1">{"fdsup://directions/FAT Viewer?action=UPDATE&amp;creator=factset&amp;DYN_ARGS=TRUE&amp;DOC_NAME=FAT:FQL_AUDITING_CLIENT_TEMPLATE.FAT&amp;display_string=Audit&amp;VAR:KEY=DKHOFIDKVE&amp;VAR:QUERY=RkZfRU5UUlBSX1ZBTF9EQUlMWSgwLCwsLExPQ0FMLCdCQVNJQyBTSEFSRVMnKQ==&amp;WINDOW=FIRST_POPUP&amp;H","EIGHT=450&amp;WIDTH=450&amp;START_MAXIMIZED=FALSE&amp;VAR:CALENDAR=US&amp;VAR:SYMBOL=475531&amp;VAR:INDEX=0"}</definedName>
    <definedName name="_6325__FDSAUDITLINK__" hidden="1">{"fdsup://directions/FAT Viewer?action=UPDATE&amp;creator=factset&amp;DYN_ARGS=TRUE&amp;DOC_NAME=FAT:FQL_AUDITING_CLIENT_TEMPLATE.FAT&amp;display_string=Audit&amp;VAR:KEY=UTMDYRUZKH&amp;VAR:QUERY=RkZfRU5UUlBSX1ZBTF9EQUlMWSgwLCwsLExPQ0FMLCdCQVNJQyBTSEFSRVMnKQ==&amp;WINDOW=FIRST_POPUP&amp;H","EIGHT=450&amp;WIDTH=450&amp;START_MAXIMIZED=FALSE&amp;VAR:CALENDAR=US&amp;VAR:SYMBOL=048354&amp;VAR:INDEX=0"}</definedName>
    <definedName name="_6326__FDSAUDITLINK__" hidden="1">{"fdsup://directions/FAT Viewer?action=UPDATE&amp;creator=factset&amp;DYN_ARGS=TRUE&amp;DOC_NAME=FAT:FQL_AUDITING_CLIENT_TEMPLATE.FAT&amp;display_string=Audit&amp;VAR:KEY=BKJMHYZIBC&amp;VAR:QUERY=RkZfRU5UUlBSX1ZBTF9EQUlMWSgwLCwsLExPQ0FMLCdCQVNJQyBTSEFSRVMnKQ==&amp;WINDOW=FIRST_POPUP&amp;H","EIGHT=450&amp;WIDTH=450&amp;START_MAXIMIZED=FALSE&amp;VAR:CALENDAR=US&amp;VAR:SYMBOL=B08BR2&amp;VAR:INDEX=0"}</definedName>
    <definedName name="_6327__FDSAUDITLINK__" hidden="1">{"fdsup://directions/FAT Viewer?action=UPDATE&amp;creator=factset&amp;DYN_ARGS=TRUE&amp;DOC_NAME=FAT:FQL_AUDITING_CLIENT_TEMPLATE.FAT&amp;display_string=Audit&amp;VAR:KEY=GRSRKRCXWB&amp;VAR:QUERY=RkZfRU5UUlBSX1ZBTF9EQUlMWSgwLCwsLExPQ0FMLCdCQVNJQyBTSEFSRVMnKQ==&amp;WINDOW=FIRST_POPUP&amp;H","EIGHT=450&amp;WIDTH=450&amp;START_MAXIMIZED=FALSE&amp;VAR:CALENDAR=US&amp;VAR:SYMBOL=468232&amp;VAR:INDEX=0"}</definedName>
    <definedName name="_6328__FDSAUDITLINK__" hidden="1">{"fdsup://directions/FAT Viewer?action=UPDATE&amp;creator=factset&amp;DYN_ARGS=TRUE&amp;DOC_NAME=FAT:FQL_AUDITING_CLIENT_TEMPLATE.FAT&amp;display_string=Audit&amp;VAR:KEY=DENWBYNONM&amp;VAR:QUERY=RkZfRU5UUlBSX1ZBTF9EQUlMWSgwLCwsLExPQ0FMLCdCQVNJQyBTSEFSRVMnKQ==&amp;WINDOW=FIRST_POPUP&amp;H","EIGHT=450&amp;WIDTH=450&amp;START_MAXIMIZED=FALSE&amp;VAR:CALENDAR=US&amp;VAR:SYMBOL=023740&amp;VAR:INDEX=0"}</definedName>
    <definedName name="_6329__FDSAUDITLINK__" hidden="1">{"fdsup://directions/FAT Viewer?action=UPDATE&amp;creator=factset&amp;DYN_ARGS=TRUE&amp;DOC_NAME=FAT:FQL_AUDITING_CLIENT_TEMPLATE.FAT&amp;display_string=Audit&amp;VAR:KEY=IRWVSJKLOL&amp;VAR:QUERY=RkZfTkVUX0lOQyhBTk4sMCwsLCxMT0NBTCk=&amp;WINDOW=FIRST_POPUP&amp;HEIGHT=450&amp;WIDTH=450&amp;START_MA","XIMIZED=FALSE&amp;VAR:CALENDAR=US&amp;VAR:SYMBOL=10055710&amp;VAR:INDEX=0"}</definedName>
    <definedName name="_6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3"}</definedName>
    <definedName name="_6330__FDSAUDITLINK__" hidden="1">{"fdsup://directions/FAT Viewer?action=UPDATE&amp;creator=factset&amp;DYN_ARGS=TRUE&amp;DOC_NAME=FAT:FQL_AUDITING_CLIENT_TEMPLATE.FAT&amp;display_string=Audit&amp;VAR:KEY=JWBSZKFIHI&amp;VAR:QUERY=RkZfTkVUX0lOQyhBTk4sLTEsLCwsTE9DQUwp&amp;WINDOW=FIRST_POPUP&amp;HEIGHT=450&amp;WIDTH=450&amp;START_MA","XIMIZED=FALSE&amp;VAR:CALENDAR=US&amp;VAR:SYMBOL=10055710&amp;VAR:INDEX=0"}</definedName>
    <definedName name="_6331__FDSAUDITLINK__" hidden="1">{"fdsup://directions/FAT Viewer?action=UPDATE&amp;creator=factset&amp;DYN_ARGS=TRUE&amp;DOC_NAME=FAT:FQL_AUDITING_CLIENT_TEMPLATE.FAT&amp;display_string=Audit&amp;VAR:KEY=ODKHERGPEL&amp;VAR:QUERY=RkZfRUJJVERBKEFOTiwwLCwsLExPQ0FMKQ==&amp;WINDOW=FIRST_POPUP&amp;HEIGHT=450&amp;WIDTH=450&amp;START_MA","XIMIZED=FALSE&amp;VAR:CALENDAR=US&amp;VAR:SYMBOL=10055710&amp;VAR:INDEX=0"}</definedName>
    <definedName name="_6332__FDSAUDITLINK__" hidden="1">{"fdsup://directions/FAT Viewer?action=UPDATE&amp;creator=factset&amp;DYN_ARGS=TRUE&amp;DOC_NAME=FAT:FQL_AUDITING_CLIENT_TEMPLATE.FAT&amp;display_string=Audit&amp;VAR:KEY=XOXIXABSNM&amp;VAR:QUERY=RkZfRUJJVERBKEFOTiwtMSwsLCxMT0NBTCk=&amp;WINDOW=FIRST_POPUP&amp;HEIGHT=450&amp;WIDTH=450&amp;START_MA","XIMIZED=FALSE&amp;VAR:CALENDAR=US&amp;VAR:SYMBOL=10055710&amp;VAR:INDEX=0"}</definedName>
    <definedName name="_6333__FDSAUDITLINK__" hidden="1">{"fdsup://directions/FAT Viewer?action=UPDATE&amp;creator=factset&amp;DYN_ARGS=TRUE&amp;DOC_NAME=FAT:FQL_AUDITING_CLIENT_TEMPLATE.FAT&amp;display_string=Audit&amp;VAR:KEY=MDITQJORAD&amp;VAR:QUERY=RkZfRU5UUlBSX1ZBTF9EQUlMWSgwLCwsLFVTRCwnQkFTSUMgU0hBUkVTJyk=&amp;WINDOW=FIRST_POPUP&amp;HEIGH","T=450&amp;WIDTH=450&amp;START_MAXIMIZED=FALSE&amp;VAR:CALENDAR=US&amp;VAR:SYMBOL=10055710&amp;VAR:INDEX=0"}</definedName>
    <definedName name="_6334__FDSAUDITLINK__" hidden="1">{"fdsup://directions/FAT Viewer?action=UPDATE&amp;creator=factset&amp;DYN_ARGS=TRUE&amp;DOC_NAME=FAT:FQL_AUDITING_CLIENT_TEMPLATE.FAT&amp;display_string=Audit&amp;VAR:KEY=LAJIXSFSHM&amp;VAR:QUERY=RkZfTkVUX0lOQyhBTk4sMCwsLCxMT0NBTCk=&amp;WINDOW=FIRST_POPUP&amp;HEIGHT=450&amp;WIDTH=450&amp;START_MA","XIMIZED=FALSE&amp;VAR:CALENDAR=US&amp;VAR:SYMBOL=11563720&amp;VAR:INDEX=0"}</definedName>
    <definedName name="_6335__FDSAUDITLINK__" hidden="1">{"fdsup://directions/FAT Viewer?action=UPDATE&amp;creator=factset&amp;DYN_ARGS=TRUE&amp;DOC_NAME=FAT:FQL_AUDITING_CLIENT_TEMPLATE.FAT&amp;display_string=Audit&amp;VAR:KEY=YNWVOFCLCB&amp;VAR:QUERY=RkZfTkVUX0lOQyhBTk4sLTEsLCwsTE9DQUwp&amp;WINDOW=FIRST_POPUP&amp;HEIGHT=450&amp;WIDTH=450&amp;START_MA","XIMIZED=FALSE&amp;VAR:CALENDAR=US&amp;VAR:SYMBOL=11563720&amp;VAR:INDEX=0"}</definedName>
    <definedName name="_6336__FDSAUDITLINK__" hidden="1">{"fdsup://Directions/FactSet Auditing Viewer?action=AUDIT_VALUE&amp;DB=129&amp;ID1=10055710&amp;VALUEID=01001&amp;SDATE=2011&amp;PERIODTYPE=ANN_STD&amp;SCFT=3&amp;window=popup_no_bar&amp;width=385&amp;height=120&amp;START_MAXIMIZED=FALSE&amp;creator=factset&amp;display_string=Audit"}</definedName>
    <definedName name="_6337__FDSAUDITLINK__" hidden="1">{"fdsup://Directions/FactSet Auditing Viewer?action=AUDIT_VALUE&amp;DB=129&amp;ID1=10055710&amp;VALUEID=01001&amp;SDATE=2010&amp;PERIODTYPE=ANN_STD&amp;SCFT=3&amp;window=popup_no_bar&amp;width=385&amp;height=120&amp;START_MAXIMIZED=FALSE&amp;creator=factset&amp;display_string=Audit"}</definedName>
    <definedName name="_6338__FDSAUDITLINK__" hidden="1">{"fdsup://directions/FAT Viewer?action=UPDATE&amp;creator=factset&amp;DYN_ARGS=TRUE&amp;DOC_NAME=FAT:FQL_AUDITING_CLIENT_TEMPLATE.FAT&amp;display_string=Audit&amp;VAR:KEY=JENKNSVSLK&amp;VAR:QUERY=RkZfRUJJVERBKEFOTiwwLCwsLExPQ0FMKQ==&amp;WINDOW=FIRST_POPUP&amp;HEIGHT=450&amp;WIDTH=450&amp;START_MA","XIMIZED=FALSE&amp;VAR:CALENDAR=US&amp;VAR:SYMBOL=11563720&amp;VAR:INDEX=0"}</definedName>
    <definedName name="_6339__FDSAUDITLINK__" hidden="1">{"fdsup://directions/FAT Viewer?action=UPDATE&amp;creator=factset&amp;DYN_ARGS=TRUE&amp;DOC_NAME=FAT:FQL_AUDITING_CLIENT_TEMPLATE.FAT&amp;display_string=Audit&amp;VAR:KEY=MVYPOTUHSB&amp;VAR:QUERY=RkZfRUJJVERBKEFOTiwtMSwsLCxMT0NBTCk=&amp;WINDOW=FIRST_POPUP&amp;HEIGHT=450&amp;WIDTH=450&amp;START_MA","XIMIZED=FALSE&amp;VAR:CALENDAR=US&amp;VAR:SYMBOL=11563720&amp;VAR:INDEX=0"}</definedName>
    <definedName name="_6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2"}</definedName>
    <definedName name="_6340__FDSAUDITLINK__" hidden="1">{"fdsup://directions/FAT Viewer?action=UPDATE&amp;creator=factset&amp;DYN_ARGS=TRUE&amp;DOC_NAME=FAT:FQL_AUDITING_CLIENT_TEMPLATE.FAT&amp;display_string=Audit&amp;VAR:KEY=JADURWZKVE&amp;VAR:QUERY=RkZfRU5UUlBSX1ZBTF9EQUlMWSgwLCwsLFVTRCwnQkFTSUMgU0hBUkVTJyk=&amp;WINDOW=FIRST_POPUP&amp;HEIGH","T=450&amp;WIDTH=450&amp;START_MAXIMIZED=FALSE&amp;VAR:CALENDAR=US&amp;VAR:SYMBOL=11563720&amp;VAR:INDEX=0"}</definedName>
    <definedName name="_6341__FDSAUDITLINK__" hidden="1">{"fdsup://directions/FAT Viewer?action=UPDATE&amp;creator=factset&amp;DYN_ARGS=TRUE&amp;DOC_NAME=FAT:FQL_AUDITING_CLIENT_TEMPLATE.FAT&amp;display_string=Audit&amp;VAR:KEY=OBIPQXIZAH&amp;VAR:QUERY=RkZfTkVUX0lOQyhBTk4sMCwsLCxMT0NBTCk=&amp;WINDOW=FIRST_POPUP&amp;HEIGHT=450&amp;WIDTH=450&amp;START_MA","XIMIZED=FALSE&amp;VAR:CALENDAR=US&amp;VAR:SYMBOL=60871R20&amp;VAR:INDEX=0"}</definedName>
    <definedName name="_6342__FDSAUDITLINK__" hidden="1">{"fdsup://directions/FAT Viewer?action=UPDATE&amp;creator=factset&amp;DYN_ARGS=TRUE&amp;DOC_NAME=FAT:FQL_AUDITING_CLIENT_TEMPLATE.FAT&amp;display_string=Audit&amp;VAR:KEY=XERUBMVQTI&amp;VAR:QUERY=RkZfTkVUX0lOQyhBTk4sLTEsLCwsTE9DQUwp&amp;WINDOW=FIRST_POPUP&amp;HEIGHT=450&amp;WIDTH=450&amp;START_MA","XIMIZED=FALSE&amp;VAR:CALENDAR=US&amp;VAR:SYMBOL=60871R20&amp;VAR:INDEX=0"}</definedName>
    <definedName name="_6343__FDSAUDITLINK__" hidden="1">{"fdsup://Directions/FactSet Auditing Viewer?action=AUDIT_VALUE&amp;DB=129&amp;ID1=11563720&amp;VALUEID=01001&amp;SDATE=2011&amp;PERIODTYPE=ANN_STD&amp;SCFT=3&amp;window=popup_no_bar&amp;width=385&amp;height=120&amp;START_MAXIMIZED=FALSE&amp;creator=factset&amp;display_string=Audit"}</definedName>
    <definedName name="_6344__FDSAUDITLINK__" hidden="1">{"fdsup://Directions/FactSet Auditing Viewer?action=AUDIT_VALUE&amp;DB=129&amp;ID1=11563720&amp;VALUEID=01001&amp;SDATE=2010&amp;PERIODTYPE=ANN_STD&amp;SCFT=3&amp;window=popup_no_bar&amp;width=385&amp;height=120&amp;START_MAXIMIZED=FALSE&amp;creator=factset&amp;display_string=Audit"}</definedName>
    <definedName name="_6345__FDSAUDITLINK__" hidden="1">{"fdsup://directions/FAT Viewer?action=UPDATE&amp;creator=factset&amp;DYN_ARGS=TRUE&amp;DOC_NAME=FAT:FQL_AUDITING_CLIENT_TEMPLATE.FAT&amp;display_string=Audit&amp;VAR:KEY=YLSXWFUVUD&amp;VAR:QUERY=RkZfRUJJVERBKEFOTiwwLCwsLExPQ0FMKQ==&amp;WINDOW=FIRST_POPUP&amp;HEIGHT=450&amp;WIDTH=450&amp;START_MA","XIMIZED=FALSE&amp;VAR:CALENDAR=US&amp;VAR:SYMBOL=60871R20&amp;VAR:INDEX=0"}</definedName>
    <definedName name="_6346__FDSAUDITLINK__" hidden="1">{"fdsup://directions/FAT Viewer?action=UPDATE&amp;creator=factset&amp;DYN_ARGS=TRUE&amp;DOC_NAME=FAT:FQL_AUDITING_CLIENT_TEMPLATE.FAT&amp;display_string=Audit&amp;VAR:KEY=HOZUBEPKVQ&amp;VAR:QUERY=RkZfRUJJVERBKEFOTiwtMSwsLCxMT0NBTCk=&amp;WINDOW=FIRST_POPUP&amp;HEIGHT=450&amp;WIDTH=450&amp;START_MA","XIMIZED=FALSE&amp;VAR:CALENDAR=US&amp;VAR:SYMBOL=60871R20&amp;VAR:INDEX=0"}</definedName>
    <definedName name="_6347__FDSAUDITLINK__" hidden="1">{"fdsup://directions/FAT Viewer?action=UPDATE&amp;creator=factset&amp;DYN_ARGS=TRUE&amp;DOC_NAME=FAT:FQL_AUDITING_CLIENT_TEMPLATE.FAT&amp;display_string=Audit&amp;VAR:KEY=APMHCDYNQR&amp;VAR:QUERY=RkZfRU5UUlBSX1ZBTF9EQUlMWSgwLCwsLFVTRCwnQkFTSUMgU0hBUkVTJyk=&amp;WINDOW=FIRST_POPUP&amp;HEIGH","T=450&amp;WIDTH=450&amp;START_MAXIMIZED=FALSE&amp;VAR:CALENDAR=US&amp;VAR:SYMBOL=60871R20&amp;VAR:INDEX=0"}</definedName>
    <definedName name="_6348__FDSAUDITLINK__" hidden="1">{"fdsup://directions/FAT Viewer?action=UPDATE&amp;creator=factset&amp;DYN_ARGS=TRUE&amp;DOC_NAME=FAT:FQL_AUDITING_CLIENT_TEMPLATE.FAT&amp;display_string=Audit&amp;VAR:KEY=FOBUBUFIPE&amp;VAR:QUERY=RkZfTkVUX0lOQyhBTk4sMCwsLCxMT0NBTCk=&amp;WINDOW=FIRST_POPUP&amp;HEIGHT=450&amp;WIDTH=450&amp;START_MA","XIMIZED=FALSE&amp;VAR:CALENDAR=US&amp;VAR:SYMBOL=475531&amp;VAR:INDEX=0"}</definedName>
    <definedName name="_6349__FDSAUDITLINK__" hidden="1">{"fdsup://directions/FAT Viewer?action=UPDATE&amp;creator=factset&amp;DYN_ARGS=TRUE&amp;DOC_NAME=FAT:FQL_AUDITING_CLIENT_TEMPLATE.FAT&amp;display_string=Audit&amp;VAR:KEY=MVKJWBEHUZ&amp;VAR:QUERY=RkZfTkVUX0lOQyhBTk4sLTEsLCwsTE9DQUwp&amp;WINDOW=FIRST_POPUP&amp;HEIGHT=450&amp;WIDTH=450&amp;START_MA","XIMIZED=FALSE&amp;VAR:CALENDAR=US&amp;VAR:SYMBOL=475531&amp;VAR:INDEX=0"}</definedName>
    <definedName name="_6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1"}</definedName>
    <definedName name="_6350__FDSAUDITLINK__" hidden="1">{"fdsup://Directions/FactSet Auditing Viewer?action=AUDIT_VALUE&amp;DB=129&amp;ID1=60871R20&amp;VALUEID=01001&amp;SDATE=2011&amp;PERIODTYPE=ANN_STD&amp;SCFT=3&amp;window=popup_no_bar&amp;width=385&amp;height=120&amp;START_MAXIMIZED=FALSE&amp;creator=factset&amp;display_string=Audit"}</definedName>
    <definedName name="_6351__FDSAUDITLINK__" hidden="1">{"fdsup://Directions/FactSet Auditing Viewer?action=AUDIT_VALUE&amp;DB=129&amp;ID1=60871R20&amp;VALUEID=01001&amp;SDATE=2010&amp;PERIODTYPE=ANN_STD&amp;SCFT=3&amp;window=popup_no_bar&amp;width=385&amp;height=120&amp;START_MAXIMIZED=FALSE&amp;creator=factset&amp;display_string=Audit"}</definedName>
    <definedName name="_6352__FDSAUDITLINK__" hidden="1">{"fdsup://directions/FAT Viewer?action=UPDATE&amp;creator=factset&amp;DYN_ARGS=TRUE&amp;DOC_NAME=FAT:FQL_AUDITING_CLIENT_TEMPLATE.FAT&amp;display_string=Audit&amp;VAR:KEY=RMNGPYTAFQ&amp;VAR:QUERY=RkZfRUJJVERBKEFOTiwwLCwsLExPQ0FMKQ==&amp;WINDOW=FIRST_POPUP&amp;HEIGHT=450&amp;WIDTH=450&amp;START_MA","XIMIZED=FALSE&amp;VAR:CALENDAR=US&amp;VAR:SYMBOL=475531&amp;VAR:INDEX=0"}</definedName>
    <definedName name="_6353__FDSAUDITLINK__" hidden="1">{"fdsup://directions/FAT Viewer?action=UPDATE&amp;creator=factset&amp;DYN_ARGS=TRUE&amp;DOC_NAME=FAT:FQL_AUDITING_CLIENT_TEMPLATE.FAT&amp;display_string=Audit&amp;VAR:KEY=GDAPGPGVAD&amp;VAR:QUERY=RkZfRUJJVERBKEFOTiwtMSwsLCxMT0NBTCk=&amp;WINDOW=FIRST_POPUP&amp;HEIGHT=450&amp;WIDTH=450&amp;START_MA","XIMIZED=FALSE&amp;VAR:CALENDAR=US&amp;VAR:SYMBOL=475531&amp;VAR:INDEX=0"}</definedName>
    <definedName name="_6354__FDSAUDITLINK__" hidden="1">{"fdsup://directions/FAT Viewer?action=UPDATE&amp;creator=factset&amp;DYN_ARGS=TRUE&amp;DOC_NAME=FAT:FQL_AUDITING_CLIENT_TEMPLATE.FAT&amp;display_string=Audit&amp;VAR:KEY=NCFANIFYPQ&amp;VAR:QUERY=RkZfRU5UUlBSX1ZBTF9EQUlMWSgwLCwsLFVTRCwnQkFTSUMgU0hBUkVTJyk=&amp;WINDOW=FIRST_POPUP&amp;HEIGH","T=450&amp;WIDTH=450&amp;START_MAXIMIZED=FALSE&amp;VAR:CALENDAR=US&amp;VAR:SYMBOL=475531&amp;VAR:INDEX=0"}</definedName>
    <definedName name="_6355__FDSAUDITLINK__" hidden="1">{"fdsup://directions/FAT Viewer?action=UPDATE&amp;creator=factset&amp;DYN_ARGS=TRUE&amp;DOC_NAME=FAT:FQL_AUDITING_CLIENT_TEMPLATE.FAT&amp;display_string=Audit&amp;VAR:KEY=UBQZGDOTKZ&amp;VAR:QUERY=RkZfTkVUX0lOQyhBTk4sMCwsLCxMT0NBTCk=&amp;WINDOW=FIRST_POPUP&amp;HEIGHT=450&amp;WIDTH=450&amp;START_MA","XIMIZED=FALSE&amp;VAR:CALENDAR=US&amp;VAR:SYMBOL=048354&amp;VAR:INDEX=0"}</definedName>
    <definedName name="_6356__FDSAUDITLINK__" hidden="1">{"fdsup://directions/FAT Viewer?action=UPDATE&amp;creator=factset&amp;DYN_ARGS=TRUE&amp;DOC_NAME=FAT:FQL_AUDITING_CLIENT_TEMPLATE.FAT&amp;display_string=Audit&amp;VAR:KEY=JYVABYZMHK&amp;VAR:QUERY=RkZfTkVUX0lOQyhBTk4sLTEsLCwsTE9DQUwp&amp;WINDOW=FIRST_POPUP&amp;HEIGHT=450&amp;WIDTH=450&amp;START_MA","XIMIZED=FALSE&amp;VAR:CALENDAR=US&amp;VAR:SYMBOL=048354&amp;VAR:INDEX=0"}</definedName>
    <definedName name="_6357__FDSAUDITLINK__" hidden="1">{"fdsup://Directions/FactSet Auditing Viewer?action=AUDIT_VALUE&amp;DB=129&amp;ID1=475531&amp;VALUEID=01001&amp;SDATE=2011&amp;PERIODTYPE=ANN_STD&amp;SCFT=3&amp;window=popup_no_bar&amp;width=385&amp;height=120&amp;START_MAXIMIZED=FALSE&amp;creator=factset&amp;display_string=Audit"}</definedName>
    <definedName name="_6358__FDSAUDITLINK__" hidden="1">{"fdsup://Directions/FactSet Auditing Viewer?action=AUDIT_VALUE&amp;DB=129&amp;ID1=475531&amp;VALUEID=01001&amp;SDATE=2010&amp;PERIODTYPE=ANN_STD&amp;SCFT=3&amp;window=popup_no_bar&amp;width=385&amp;height=120&amp;START_MAXIMIZED=FALSE&amp;creator=factset&amp;display_string=Audit"}</definedName>
    <definedName name="_6359__FDSAUDITLINK__" hidden="1">{"fdsup://directions/FAT Viewer?action=UPDATE&amp;creator=factset&amp;DYN_ARGS=TRUE&amp;DOC_NAME=FAT:FQL_AUDITING_CLIENT_TEMPLATE.FAT&amp;display_string=Audit&amp;VAR:KEY=ONSHGLUNAL&amp;VAR:QUERY=RkZfRUJJVERBKEFOTiwwLCwsLExPQ0FMKQ==&amp;WINDOW=FIRST_POPUP&amp;HEIGHT=450&amp;WIDTH=450&amp;START_MA","XIMIZED=FALSE&amp;VAR:CALENDAR=US&amp;VAR:SYMBOL=048354&amp;VAR:INDEX=0"}</definedName>
    <definedName name="_6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30"}</definedName>
    <definedName name="_6360__FDSAUDITLINK__" hidden="1">{"fdsup://directions/FAT Viewer?action=UPDATE&amp;creator=factset&amp;DYN_ARGS=TRUE&amp;DOC_NAME=FAT:FQL_AUDITING_CLIENT_TEMPLATE.FAT&amp;display_string=Audit&amp;VAR:KEY=BQXUDEPQPA&amp;VAR:QUERY=RkZfRUJJVERBKEFOTiwtMSwsLCxMT0NBTCk=&amp;WINDOW=FIRST_POPUP&amp;HEIGHT=450&amp;WIDTH=450&amp;START_MA","XIMIZED=FALSE&amp;VAR:CALENDAR=US&amp;VAR:SYMBOL=048354&amp;VAR:INDEX=0"}</definedName>
    <definedName name="_6361__FDSAUDITLINK__" hidden="1">{"fdsup://directions/FAT Viewer?action=UPDATE&amp;creator=factset&amp;DYN_ARGS=TRUE&amp;DOC_NAME=FAT:FQL_AUDITING_CLIENT_TEMPLATE.FAT&amp;display_string=Audit&amp;VAR:KEY=WBMHGXSLUT&amp;VAR:QUERY=RkZfRU5UUlBSX1ZBTF9EQUlMWSgwLCwsLFVTRCwnQkFTSUMgU0hBUkVTJyk=&amp;WINDOW=FIRST_POPUP&amp;HEIGH","T=450&amp;WIDTH=450&amp;START_MAXIMIZED=FALSE&amp;VAR:CALENDAR=US&amp;VAR:SYMBOL=048354&amp;VAR:INDEX=0"}</definedName>
    <definedName name="_6362__FDSAUDITLINK__" hidden="1">{"fdsup://directions/FAT Viewer?action=UPDATE&amp;creator=factset&amp;DYN_ARGS=TRUE&amp;DOC_NAME=FAT:FQL_AUDITING_CLIENT_TEMPLATE.FAT&amp;display_string=Audit&amp;VAR:KEY=FYDWLQFIDI&amp;VAR:QUERY=RkZfTkVUX0lOQyhBTk4sMCwsLCxMT0NBTCk=&amp;WINDOW=FIRST_POPUP&amp;HEIGHT=450&amp;WIDTH=450&amp;START_MA","XIMIZED=FALSE&amp;VAR:CALENDAR=US&amp;VAR:SYMBOL=B08BR2&amp;VAR:INDEX=0"}</definedName>
    <definedName name="_6363__FDSAUDITLINK__" hidden="1">{"fdsup://directions/FAT Viewer?action=UPDATE&amp;creator=factset&amp;DYN_ARGS=TRUE&amp;DOC_NAME=FAT:FQL_AUDITING_CLIENT_TEMPLATE.FAT&amp;display_string=Audit&amp;VAR:KEY=UHYHGXIXGL&amp;VAR:QUERY=RkZfTkVUX0lOQyhBTk4sLTEsLCwsTE9DQUwp&amp;WINDOW=FIRST_POPUP&amp;HEIGHT=450&amp;WIDTH=450&amp;START_MA","XIMIZED=FALSE&amp;VAR:CALENDAR=US&amp;VAR:SYMBOL=B08BR2&amp;VAR:INDEX=0"}</definedName>
    <definedName name="_6364__FDSAUDITLINK__" hidden="1">{"fdsup://Directions/FactSet Auditing Viewer?action=AUDIT_VALUE&amp;DB=129&amp;ID1=048354&amp;VALUEID=01001&amp;SDATE=2011&amp;PERIODTYPE=ANN_STD&amp;SCFT=3&amp;window=popup_no_bar&amp;width=385&amp;height=120&amp;START_MAXIMIZED=FALSE&amp;creator=factset&amp;display_string=Audit"}</definedName>
    <definedName name="_6365__FDSAUDITLINK__" hidden="1">{"fdsup://Directions/FactSet Auditing Viewer?action=AUDIT_VALUE&amp;DB=129&amp;ID1=048354&amp;VALUEID=01001&amp;SDATE=2010&amp;PERIODTYPE=ANN_STD&amp;SCFT=3&amp;window=popup_no_bar&amp;width=385&amp;height=120&amp;START_MAXIMIZED=FALSE&amp;creator=factset&amp;display_string=Audit"}</definedName>
    <definedName name="_6366__FDSAUDITLINK__" hidden="1">{"fdsup://directions/FAT Viewer?action=UPDATE&amp;creator=factset&amp;DYN_ARGS=TRUE&amp;DOC_NAME=FAT:FQL_AUDITING_CLIENT_TEMPLATE.FAT&amp;display_string=Audit&amp;VAR:KEY=PSPSFUFYJC&amp;VAR:QUERY=RkZfRUJJVERBKEFOTiwwLCwsLExPQ0FMKQ==&amp;WINDOW=FIRST_POPUP&amp;HEIGHT=450&amp;WIDTH=450&amp;START_MA","XIMIZED=FALSE&amp;VAR:CALENDAR=US&amp;VAR:SYMBOL=B08BR2&amp;VAR:INDEX=0"}</definedName>
    <definedName name="_6367__FDSAUDITLINK__" hidden="1">{"fdsup://directions/FAT Viewer?action=UPDATE&amp;creator=factset&amp;DYN_ARGS=TRUE&amp;DOC_NAME=FAT:FQL_AUDITING_CLIENT_TEMPLATE.FAT&amp;display_string=Audit&amp;VAR:KEY=CNGZYTQZAB&amp;VAR:QUERY=RkZfRUJJVERBKEFOTiwtMSwsLCxMT0NBTCk=&amp;WINDOW=FIRST_POPUP&amp;HEIGHT=450&amp;WIDTH=450&amp;START_MA","XIMIZED=FALSE&amp;VAR:CALENDAR=US&amp;VAR:SYMBOL=B08BR2&amp;VAR:INDEX=0"}</definedName>
    <definedName name="_6368__FDSAUDITLINK__" hidden="1">{"fdsup://directions/FAT Viewer?action=UPDATE&amp;creator=factset&amp;DYN_ARGS=TRUE&amp;DOC_NAME=FAT:FQL_AUDITING_CLIENT_TEMPLATE.FAT&amp;display_string=Audit&amp;VAR:KEY=VCXWBKHUBY&amp;VAR:QUERY=RkZfRU5UUlBSX1ZBTF9EQUlMWSgwLCwsLFVTRCwnQkFTSUMgU0hBUkVTJyk=&amp;WINDOW=FIRST_POPUP&amp;HEIGH","T=450&amp;WIDTH=450&amp;START_MAXIMIZED=FALSE&amp;VAR:CALENDAR=US&amp;VAR:SYMBOL=B08BR2&amp;VAR:INDEX=0"}</definedName>
    <definedName name="_6369__FDSAUDITLINK__" hidden="1">{"fdsup://directions/FAT Viewer?action=UPDATE&amp;creator=factset&amp;DYN_ARGS=TRUE&amp;DOC_NAME=FAT:FQL_AUDITING_CLIENT_TEMPLATE.FAT&amp;display_string=Audit&amp;VAR:KEY=QVKNSLULED&amp;VAR:QUERY=RkZfTkVUX0lOQyhBTk4sMCwsLCxMT0NBTCk=&amp;WINDOW=FIRST_POPUP&amp;HEIGHT=450&amp;WIDTH=450&amp;START_MA","XIMIZED=FALSE&amp;VAR:CALENDAR=US&amp;VAR:SYMBOL=468232&amp;VAR:INDEX=0"}</definedName>
    <definedName name="_6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9"}</definedName>
    <definedName name="_6370__FDSAUDITLINK__" hidden="1">{"fdsup://directions/FAT Viewer?action=UPDATE&amp;creator=factset&amp;DYN_ARGS=TRUE&amp;DOC_NAME=FAT:FQL_AUDITING_CLIENT_TEMPLATE.FAT&amp;display_string=Audit&amp;VAR:KEY=JMZUFGFENC&amp;VAR:QUERY=RkZfTkVUX0lOQyhBTk4sLTEsLCwsTE9DQUwp&amp;WINDOW=FIRST_POPUP&amp;HEIGHT=450&amp;WIDTH=450&amp;START_MA","XIMIZED=FALSE&amp;VAR:CALENDAR=US&amp;VAR:SYMBOL=468232&amp;VAR:INDEX=0"}</definedName>
    <definedName name="_6371__FDSAUDITLINK__" hidden="1">{"fdsup://Directions/FactSet Auditing Viewer?action=AUDIT_VALUE&amp;DB=129&amp;ID1=B08BR2&amp;VALUEID=01001&amp;SDATE=2011&amp;PERIODTYPE=ANN_STD&amp;SCFT=3&amp;window=popup_no_bar&amp;width=385&amp;height=120&amp;START_MAXIMIZED=FALSE&amp;creator=factset&amp;display_string=Audit"}</definedName>
    <definedName name="_6372__FDSAUDITLINK__" hidden="1">{"fdsup://Directions/FactSet Auditing Viewer?action=AUDIT_VALUE&amp;DB=129&amp;ID1=B08BR2&amp;VALUEID=01001&amp;SDATE=2010&amp;PERIODTYPE=ANN_STD&amp;SCFT=3&amp;window=popup_no_bar&amp;width=385&amp;height=120&amp;START_MAXIMIZED=FALSE&amp;creator=factset&amp;display_string=Audit"}</definedName>
    <definedName name="_6373__FDSAUDITLINK__" hidden="1">{"fdsup://directions/FAT Viewer?action=UPDATE&amp;creator=factset&amp;DYN_ARGS=TRUE&amp;DOC_NAME=FAT:FQL_AUDITING_CLIENT_TEMPLATE.FAT&amp;display_string=Audit&amp;VAR:KEY=QFMVORMJMJ&amp;VAR:QUERY=RkZfRUJJVERBKEFOTiwwLCwsLExPQ0FMKQ==&amp;WINDOW=FIRST_POPUP&amp;HEIGHT=450&amp;WIDTH=450&amp;START_MA","XIMIZED=FALSE&amp;VAR:CALENDAR=US&amp;VAR:SYMBOL=468232&amp;VAR:INDEX=0"}</definedName>
    <definedName name="_6374__FDSAUDITLINK__" hidden="1">{"fdsup://directions/FAT Viewer?action=UPDATE&amp;creator=factset&amp;DYN_ARGS=TRUE&amp;DOC_NAME=FAT:FQL_AUDITING_CLIENT_TEMPLATE.FAT&amp;display_string=Audit&amp;VAR:KEY=RGPIZGBOXO&amp;VAR:QUERY=RkZfRUJJVERBKEFOTiwtMSwsLCxMT0NBTCk=&amp;WINDOW=FIRST_POPUP&amp;HEIGHT=450&amp;WIDTH=450&amp;START_MA","XIMIZED=FALSE&amp;VAR:CALENDAR=US&amp;VAR:SYMBOL=468232&amp;VAR:INDEX=0"}</definedName>
    <definedName name="_6375__FDSAUDITLINK__" hidden="1">{"fdsup://directions/FAT Viewer?action=UPDATE&amp;creator=factset&amp;DYN_ARGS=TRUE&amp;DOC_NAME=FAT:FQL_AUDITING_CLIENT_TEMPLATE.FAT&amp;display_string=Audit&amp;VAR:KEY=CHSDCNITGB&amp;VAR:QUERY=RkZfRU5UUlBSX1ZBTF9EQUlMWSgwLCwsLFVTRCwnQkFTSUMgU0hBUkVTJyk=&amp;WINDOW=FIRST_POPUP&amp;HEIGH","T=450&amp;WIDTH=450&amp;START_MAXIMIZED=FALSE&amp;VAR:CALENDAR=US&amp;VAR:SYMBOL=468232&amp;VAR:INDEX=0"}</definedName>
    <definedName name="_6376__FDSAUDITLINK__" hidden="1">{"fdsup://directions/FAT Viewer?action=UPDATE&amp;creator=factset&amp;DYN_ARGS=TRUE&amp;DOC_NAME=FAT:FQL_AUDITING_CLIENT_TEMPLATE.FAT&amp;display_string=Audit&amp;VAR:KEY=PCHYFSFMVQ&amp;VAR:QUERY=RkZfTkVUX0lOQyhBTk4sMCwsLCxMT0NBTCk=&amp;WINDOW=FIRST_POPUP&amp;HEIGHT=450&amp;WIDTH=450&amp;START_MA","XIMIZED=FALSE&amp;VAR:CALENDAR=US&amp;VAR:SYMBOL=023740&amp;VAR:INDEX=0"}</definedName>
    <definedName name="_6377__FDSAUDITLINK__" hidden="1">{"fdsup://directions/FAT Viewer?action=UPDATE&amp;creator=factset&amp;DYN_ARGS=TRUE&amp;DOC_NAME=FAT:FQL_AUDITING_CLIENT_TEMPLATE.FAT&amp;display_string=Audit&amp;VAR:KEY=KFMXQHWLMN&amp;VAR:QUERY=RkZfTkVUX0lOQyhBTk4sLTEsLCwsTE9DQUwp&amp;WINDOW=FIRST_POPUP&amp;HEIGHT=450&amp;WIDTH=450&amp;START_MA","XIMIZED=FALSE&amp;VAR:CALENDAR=US&amp;VAR:SYMBOL=023740&amp;VAR:INDEX=0"}</definedName>
    <definedName name="_6378__FDSAUDITLINK__" hidden="1">{"fdsup://Directions/FactSet Auditing Viewer?action=AUDIT_VALUE&amp;DB=129&amp;ID1=468232&amp;VALUEID=01001&amp;SDATE=2012&amp;PERIODTYPE=ANN_STD&amp;SCFT=3&amp;window=popup_no_bar&amp;width=385&amp;height=120&amp;START_MAXIMIZED=FALSE&amp;creator=factset&amp;display_string=Audit"}</definedName>
    <definedName name="_6379__FDSAUDITLINK__" hidden="1">{"fdsup://Directions/FactSet Auditing Viewer?action=AUDIT_VALUE&amp;DB=129&amp;ID1=468232&amp;VALUEID=01001&amp;SDATE=2011&amp;PERIODTYPE=ANN_STD&amp;SCFT=3&amp;window=popup_no_bar&amp;width=385&amp;height=120&amp;START_MAXIMIZED=FALSE&amp;creator=factset&amp;display_string=Audit"}</definedName>
    <definedName name="_6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8"}</definedName>
    <definedName name="_6380__FDSAUDITLINK__" hidden="1">{"fdsup://directions/FAT Viewer?action=UPDATE&amp;creator=factset&amp;DYN_ARGS=TRUE&amp;DOC_NAME=FAT:FQL_AUDITING_CLIENT_TEMPLATE.FAT&amp;display_string=Audit&amp;VAR:KEY=RIFUDYHIHY&amp;VAR:QUERY=RkZfRUJJVERBKEFOTiwwLCwsLExPQ0FMKQ==&amp;WINDOW=FIRST_POPUP&amp;HEIGHT=450&amp;WIDTH=450&amp;START_MA","XIMIZED=FALSE&amp;VAR:CALENDAR=US&amp;VAR:SYMBOL=023740&amp;VAR:INDEX=0"}</definedName>
    <definedName name="_6381__FDSAUDITLINK__" hidden="1">{"fdsup://directions/FAT Viewer?action=UPDATE&amp;creator=factset&amp;DYN_ARGS=TRUE&amp;DOC_NAME=FAT:FQL_AUDITING_CLIENT_TEMPLATE.FAT&amp;display_string=Audit&amp;VAR:KEY=EFOFOXWBCJ&amp;VAR:QUERY=RkZfRUJJVERBKEFOTiwtMSwsLCxMT0NBTCk=&amp;WINDOW=FIRST_POPUP&amp;HEIGHT=450&amp;WIDTH=450&amp;START_MA","XIMIZED=FALSE&amp;VAR:CALENDAR=US&amp;VAR:SYMBOL=023740&amp;VAR:INDEX=0"}</definedName>
    <definedName name="_6382__FDSAUDITLINK__" hidden="1">{"fdsup://directions/FAT Viewer?action=UPDATE&amp;creator=factset&amp;DYN_ARGS=TRUE&amp;DOC_NAME=FAT:FQL_AUDITING_CLIENT_TEMPLATE.FAT&amp;display_string=Audit&amp;VAR:KEY=XQBCNIPUZW&amp;VAR:QUERY=RkZfRU5UUlBSX1ZBTF9EQUlMWSgwLCwsLFVTRCwnQkFTSUMgU0hBUkVTJyk=&amp;WINDOW=FIRST_POPUP&amp;HEIGH","T=450&amp;WIDTH=450&amp;START_MAXIMIZED=FALSE&amp;VAR:CALENDAR=US&amp;VAR:SYMBOL=023740&amp;VAR:INDEX=0"}</definedName>
    <definedName name="_6383__FDSAUDITLINK__" hidden="1">{"fdsup://directions/FAT Viewer?action=UPDATE&amp;creator=factset&amp;DYN_ARGS=TRUE&amp;DOC_NAME=FAT:FQL_AUDITING_CLIENT_TEMPLATE.FAT&amp;display_string=Audit&amp;VAR:KEY=IBEZYZMNOL&amp;VAR:QUERY=RkZfRU5UUlBSX1ZBTF9EQUlMWSgwLCwsLExPQ0FMLCdCQVNJQyBTSEFSRVMnKQ==&amp;WINDOW=FIRST_POPUP&amp;H","EIGHT=450&amp;WIDTH=450&amp;START_MAXIMIZED=FALSE&amp;VAR:CALENDAR=US&amp;VAR:SYMBOL=19121610&amp;VAR:INDEX=0"}</definedName>
    <definedName name="_6384__FDSAUDITLINK__" hidden="1">{"fdsup://directions/FAT Viewer?action=UPDATE&amp;creator=factset&amp;DYN_ARGS=TRUE&amp;DOC_NAME=FAT:FQL_AUDITING_CLIENT_TEMPLATE.FAT&amp;display_string=Audit&amp;VAR:KEY=BOFOREJYLU&amp;VAR:QUERY=RkZfRU5UUlBSX1ZBTF9EQUlMWSgwLCwsLExPQ0FMLCdCQVNJQyBTSEFSRVMnKQ==&amp;WINDOW=FIRST_POPUP&amp;H","EIGHT=450&amp;WIDTH=450&amp;START_MAXIMIZED=FALSE&amp;VAR:CALENDAR=US&amp;VAR:SYMBOL=SLE-US&amp;VAR:INDEX=0"}</definedName>
    <definedName name="_6385__FDSAUDITLINK__" hidden="1">{"fdsup://Directions/FactSet Auditing Viewer?action=AUDIT_VALUE&amp;DB=129&amp;ID1=023740&amp;VALUEID=01001&amp;SDATE=2012&amp;PERIODTYPE=ANN_STD&amp;SCFT=3&amp;window=popup_no_bar&amp;width=385&amp;height=120&amp;START_MAXIMIZED=FALSE&amp;creator=factset&amp;display_string=Audit"}</definedName>
    <definedName name="_6386__FDSAUDITLINK__" hidden="1">{"fdsup://Directions/FactSet Auditing Viewer?action=AUDIT_VALUE&amp;DB=129&amp;ID1=023740&amp;VALUEID=01001&amp;SDATE=2011&amp;PERIODTYPE=ANN_STD&amp;SCFT=3&amp;window=popup_no_bar&amp;width=385&amp;height=120&amp;START_MAXIMIZED=FALSE&amp;creator=factset&amp;display_string=Audit"}</definedName>
    <definedName name="_6387__FDSAUDITLINK__" hidden="1">{"fdsup://directions/FAT Viewer?action=UPDATE&amp;creator=factset&amp;DYN_ARGS=TRUE&amp;DOC_NAME=FAT:FQL_AUDITING_CLIENT_TEMPLATE.FAT&amp;display_string=Audit&amp;VAR:KEY=NOFITQJAXC&amp;VAR:QUERY=RkZfRU5UUlBSX1ZBTF9EQUlMWSgwLCwsLExPQ0FMLCdCQVNJQyBTSEFSRVMnKQ==&amp;WINDOW=FIRST_POPUP&amp;H","EIGHT=450&amp;WIDTH=450&amp;START_MAXIMIZED=FALSE&amp;VAR:CALENDAR=US&amp;VAR:SYMBOL=71344810&amp;VAR:INDEX=0"}</definedName>
    <definedName name="_6388__FDSAUDITLINK__" hidden="1">{"fdsup://directions/FAT Viewer?action=UPDATE&amp;creator=factset&amp;DYN_ARGS=TRUE&amp;DOC_NAME=FAT:FQL_AUDITING_CLIENT_TEMPLATE.FAT&amp;display_string=Audit&amp;VAR:KEY=EZCNKRQTWJ&amp;VAR:QUERY=RkZfRU5UUlBSX1ZBTF9EQUlMWSgwLCwsLExPQ0FMLCdCQVNJQyBTSEFSRVMnKQ==&amp;WINDOW=FIRST_POPUP&amp;H","EIGHT=450&amp;WIDTH=450&amp;START_MAXIMIZED=FALSE&amp;VAR:CALENDAR=US&amp;VAR:SYMBOL=712387&amp;VAR:INDEX=0"}</definedName>
    <definedName name="_6389__FDSAUDITLINK__" hidden="1">{"fdsup://directions/FAT Viewer?action=UPDATE&amp;creator=factset&amp;DYN_ARGS=TRUE&amp;DOC_NAME=FAT:FQL_AUDITING_CLIENT_TEMPLATE.FAT&amp;display_string=Audit&amp;VAR:KEY=LGFYZKHWRQ&amp;VAR:QUERY=RkZfRU5UUlBSX1ZBTF9EQUlMWSgwLCwsLExPQ0FMLCdCQVNJQyBTSEFSRVMnKQ==&amp;WINDOW=FIRST_POPUP&amp;H","EIGHT=450&amp;WIDTH=450&amp;START_MAXIMIZED=FALSE&amp;VAR:CALENDAR=US&amp;VAR:SYMBOL=42307410&amp;VAR:INDEX=0"}</definedName>
    <definedName name="_6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7"}</definedName>
    <definedName name="_6390__FDSAUDITLINK__" hidden="1">{"fdsup://directions/FAT Viewer?action=UPDATE&amp;creator=factset&amp;DYN_ARGS=TRUE&amp;DOC_NAME=FAT:FQL_AUDITING_CLIENT_TEMPLATE.FAT&amp;display_string=Audit&amp;VAR:KEY=WJIBAXOHIV&amp;VAR:QUERY=RkZfRU5UUlBSX1ZBTF9EQUlMWSgwLCwsLExPQ0FMLCdCQVNJQyBTSEFSRVMnKQ==&amp;WINDOW=FIRST_POPUP&amp;H","EIGHT=450&amp;WIDTH=450&amp;START_MAXIMIZED=FALSE&amp;VAR:CALENDAR=US&amp;VAR:SYMBOL=B1Y9TB&amp;VAR:INDEX=0"}</definedName>
    <definedName name="_6391__FDSAUDITLINK__" hidden="1">{"fdsup://directions/FAT Viewer?action=UPDATE&amp;creator=factset&amp;DYN_ARGS=TRUE&amp;DOC_NAME=FAT:FQL_AUDITING_CLIENT_TEMPLATE.FAT&amp;display_string=Audit&amp;VAR:KEY=DAHKHKDQXG&amp;VAR:QUERY=RkZfRU5UUlBSX1ZBTF9EQUlMWSgwLCwsLExPQ0FMLCdCQVNJQyBTSEFSRVMnKQ==&amp;WINDOW=FIRST_POPUP&amp;H","EIGHT=450&amp;WIDTH=450&amp;START_MAXIMIZED=FALSE&amp;VAR:CALENDAR=US&amp;VAR:SYMBOL=13442910&amp;VAR:INDEX=0"}</definedName>
    <definedName name="_6392__FDSAUDITLINK__" hidden="1">{"fdsup://directions/FAT Viewer?action=UPDATE&amp;creator=factset&amp;DYN_ARGS=TRUE&amp;DOC_NAME=FAT:FQL_AUDITING_CLIENT_TEMPLATE.FAT&amp;display_string=Audit&amp;VAR:KEY=WBCROJWDIN&amp;VAR:QUERY=RkZfRU5UUlBSX1ZBTF9EQUlMWSgwLCwsLExPQ0FMLCdCQVNJQyBTSEFSRVMnKQ==&amp;WINDOW=FIRST_POPUP&amp;H","EIGHT=450&amp;WIDTH=450&amp;START_MAXIMIZED=FALSE&amp;VAR:CALENDAR=US&amp;VAR:SYMBOL=37033410&amp;VAR:INDEX=0"}</definedName>
    <definedName name="_6393__FDSAUDITLINK__" hidden="1">{"fdsup://directions/FAT Viewer?action=UPDATE&amp;creator=factset&amp;DYN_ARGS=TRUE&amp;DOC_NAME=FAT:FQL_AUDITING_CLIENT_TEMPLATE.FAT&amp;display_string=Audit&amp;VAR:KEY=PSVEFCRGBY&amp;VAR:QUERY=RkZfRU5UUlBSX1ZBTF9EQUlMWSgwLCwsLExPQ0FMLCdCQVNJQyBTSEFSRVMnKQ==&amp;WINDOW=FIRST_POPUP&amp;H","EIGHT=450&amp;WIDTH=450&amp;START_MAXIMIZED=FALSE&amp;VAR:CALENDAR=US&amp;VAR:SYMBOL=48783610&amp;VAR:INDEX=0"}</definedName>
    <definedName name="_6394__FDSAUDITLINK__" hidden="1">{"fdsup://directions/FAT Viewer?action=UPDATE&amp;creator=factset&amp;DYN_ARGS=TRUE&amp;DOC_NAME=FAT:FQL_AUDITING_CLIENT_TEMPLATE.FAT&amp;display_string=Audit&amp;VAR:KEY=QNALSTOLOL&amp;VAR:QUERY=RkZfRU5UUlBSX1ZBTF9EQUlMWSgwLCwsLExPQ0FMLCdCQVNJQyBTSEFSRVMnKQ==&amp;WINDOW=FIRST_POPUP&amp;H","EIGHT=450&amp;WIDTH=450&amp;START_MAXIMIZED=FALSE&amp;VAR:CALENDAR=US&amp;VAR:SYMBOL=50075N10&amp;VAR:INDEX=0"}</definedName>
    <definedName name="_6395__FDSAUDITLINK__" hidden="1">{"fdsup://directions/FAT Viewer?action=UPDATE&amp;creator=factset&amp;DYN_ARGS=TRUE&amp;DOC_NAME=FAT:FQL_AUDITING_CLIENT_TEMPLATE.FAT&amp;display_string=Audit&amp;VAR:KEY=RMVMHONQZQ&amp;VAR:QUERY=RkZfTkVUX0lOQyhBTk4sMCwsLCxMT0NBTCk=&amp;WINDOW=FIRST_POPUP&amp;HEIGHT=450&amp;WIDTH=450&amp;START_MA","XIMIZED=FALSE&amp;VAR:CALENDAR=US&amp;VAR:SYMBOL=19121610&amp;VAR:INDEX=0"}</definedName>
    <definedName name="_6396__FDSAUDITLINK__" hidden="1">{"fdsup://directions/FAT Viewer?action=UPDATE&amp;creator=factset&amp;DYN_ARGS=TRUE&amp;DOC_NAME=FAT:FQL_AUDITING_CLIENT_TEMPLATE.FAT&amp;display_string=Audit&amp;VAR:KEY=GTYLWRMBKT&amp;VAR:QUERY=RkZfTkVUX0lOQyhBTk4sLTEsLCwsTE9DQUwp&amp;WINDOW=FIRST_POPUP&amp;HEIGHT=450&amp;WIDTH=450&amp;START_MA","XIMIZED=FALSE&amp;VAR:CALENDAR=US&amp;VAR:SYMBOL=19121610&amp;VAR:INDEX=0"}</definedName>
    <definedName name="_6397__FDSAUDITLINK__" hidden="1">{"fdsup://directions/FAT Viewer?action=UPDATE&amp;creator=factset&amp;DYN_ARGS=TRUE&amp;DOC_NAME=FAT:FQL_AUDITING_CLIENT_TEMPLATE.FAT&amp;display_string=Audit&amp;VAR:KEY=TSJQTEHAXA&amp;VAR:QUERY=RkZfRUJJVERBKEFOTiwwLCwsLExPQ0FMKQ==&amp;WINDOW=FIRST_POPUP&amp;HEIGHT=450&amp;WIDTH=450&amp;START_MA","XIMIZED=FALSE&amp;VAR:CALENDAR=US&amp;VAR:SYMBOL=19121610&amp;VAR:INDEX=0"}</definedName>
    <definedName name="_6398__FDSAUDITLINK__" hidden="1">{"fdsup://directions/FAT Viewer?action=UPDATE&amp;creator=factset&amp;DYN_ARGS=TRUE&amp;DOC_NAME=FAT:FQL_AUDITING_CLIENT_TEMPLATE.FAT&amp;display_string=Audit&amp;VAR:KEY=MRCZOPUPUX&amp;VAR:QUERY=RkZfRUJJVERBKEFOTiwtMSwsLCxMT0NBTCk=&amp;WINDOW=FIRST_POPUP&amp;HEIGHT=450&amp;WIDTH=450&amp;START_MA","XIMIZED=FALSE&amp;VAR:CALENDAR=US&amp;VAR:SYMBOL=19121610&amp;VAR:INDEX=0"}</definedName>
    <definedName name="_6399__FDSAUDITLINK__" hidden="1">{"fdsup://directions/FAT Viewer?action=UPDATE&amp;creator=factset&amp;DYN_ARGS=TRUE&amp;DOC_NAME=FAT:FQL_AUDITING_CLIENT_TEMPLATE.FAT&amp;display_string=Audit&amp;VAR:KEY=NWTITYBQRK&amp;VAR:QUERY=RkZfRU5UUlBSX1ZBTF9EQUlMWSgwLCwsLFVTRCwnQkFTSUMgU0hBUkVTJyk=&amp;WINDOW=FIRST_POPUP&amp;HEIGH","T=450&amp;WIDTH=450&amp;START_MAXIMIZED=FALSE&amp;VAR:CALENDAR=US&amp;VAR:SYMBOL=19121610&amp;VAR:INDEX=0"}</definedName>
    <definedName name="_6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5"}</definedName>
    <definedName name="_6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6"}</definedName>
    <definedName name="_6400__FDSAUDITLINK__" hidden="1">{"fdsup://directions/FAT Viewer?action=UPDATE&amp;creator=factset&amp;DYN_ARGS=TRUE&amp;DOC_NAME=FAT:FQL_AUDITING_CLIENT_TEMPLATE.FAT&amp;display_string=Audit&amp;VAR:KEY=SLCFWRIPSX&amp;VAR:QUERY=RkZfTkVUX0lOQyhBTk4sMCwsLCxMT0NBTCk=&amp;WINDOW=FIRST_POPUP&amp;HEIGHT=450&amp;WIDTH=450&amp;START_MA","XIMIZED=FALSE&amp;VAR:CALENDAR=US&amp;VAR:SYMBOL=SLE-US&amp;VAR:INDEX=0"}</definedName>
    <definedName name="_6401__FDSAUDITLINK__" hidden="1">{"fdsup://directions/FAT Viewer?action=UPDATE&amp;creator=factset&amp;DYN_ARGS=TRUE&amp;DOC_NAME=FAT:FQL_AUDITING_CLIENT_TEMPLATE.FAT&amp;display_string=Audit&amp;VAR:KEY=FOXOBSXUTE&amp;VAR:QUERY=RkZfTkVUX0lOQyhBTk4sLTEsLCwsTE9DQUwp&amp;WINDOW=FIRST_POPUP&amp;HEIGHT=450&amp;WIDTH=450&amp;START_MA","XIMIZED=FALSE&amp;VAR:CALENDAR=US&amp;VAR:SYMBOL=SLE-US&amp;VAR:INDEX=0"}</definedName>
    <definedName name="_6402__FDSAUDITLINK__" hidden="1">{"fdsup://Directions/FactSet Auditing Viewer?action=AUDIT_VALUE&amp;DB=129&amp;ID1=19121610&amp;VALUEID=01001&amp;SDATE=2011&amp;PERIODTYPE=ANN_STD&amp;SCFT=3&amp;window=popup_no_bar&amp;width=385&amp;height=120&amp;START_MAXIMIZED=FALSE&amp;creator=factset&amp;display_string=Audit"}</definedName>
    <definedName name="_6403__FDSAUDITLINK__" hidden="1">{"fdsup://Directions/FactSet Auditing Viewer?action=AUDIT_VALUE&amp;DB=129&amp;ID1=19121610&amp;VALUEID=01001&amp;SDATE=2010&amp;PERIODTYPE=ANN_STD&amp;SCFT=3&amp;window=popup_no_bar&amp;width=385&amp;height=120&amp;START_MAXIMIZED=FALSE&amp;creator=factset&amp;display_string=Audit"}</definedName>
    <definedName name="_6404__FDSAUDITLINK__" hidden="1">{"fdsup://directions/FAT Viewer?action=UPDATE&amp;creator=factset&amp;DYN_ARGS=TRUE&amp;DOC_NAME=FAT:FQL_AUDITING_CLIENT_TEMPLATE.FAT&amp;display_string=Audit&amp;VAR:KEY=SFYTEJWDSN&amp;VAR:QUERY=RkZfRUJJVERBKEFOTiwwLCwsLExPQ0FMKQ==&amp;WINDOW=FIRST_POPUP&amp;HEIGHT=450&amp;WIDTH=450&amp;START_MA","XIMIZED=FALSE&amp;VAR:CALENDAR=US&amp;VAR:SYMBOL=SLE-US&amp;VAR:INDEX=0"}</definedName>
    <definedName name="_6405__FDSAUDITLINK__" hidden="1">{"fdsup://directions/FAT Viewer?action=UPDATE&amp;creator=factset&amp;DYN_ARGS=TRUE&amp;DOC_NAME=FAT:FQL_AUDITING_CLIENT_TEMPLATE.FAT&amp;display_string=Audit&amp;VAR:KEY=REBMNOTYVS&amp;VAR:QUERY=RkZfRUJJVERBKEFOTiwtMSwsLCxMT0NBTCk=&amp;WINDOW=FIRST_POPUP&amp;HEIGHT=450&amp;WIDTH=450&amp;START_MA","XIMIZED=FALSE&amp;VAR:CALENDAR=US&amp;VAR:SYMBOL=SLE-US&amp;VAR:INDEX=0"}</definedName>
    <definedName name="_6406__FDSAUDITLINK__" hidden="1">{"fdsup://directions/FAT Viewer?action=UPDATE&amp;creator=factset&amp;DYN_ARGS=TRUE&amp;DOC_NAME=FAT:FQL_AUDITING_CLIENT_TEMPLATE.FAT&amp;display_string=Audit&amp;VAR:KEY=ENENSTOFQB&amp;VAR:QUERY=RkZfRU5UUlBSX1ZBTF9EQUlMWSgwLCwsLFVTRCwnQkFTSUMgU0hBUkVTJyk=&amp;WINDOW=FIRST_POPUP&amp;HEIGH","T=450&amp;WIDTH=450&amp;START_MAXIMIZED=FALSE&amp;VAR:CALENDAR=US&amp;VAR:SYMBOL=SLE-US&amp;VAR:INDEX=0"}</definedName>
    <definedName name="_6407__FDSAUDITLINK__" hidden="1">{"fdsup://directions/FAT Viewer?action=UPDATE&amp;creator=factset&amp;DYN_ARGS=TRUE&amp;DOC_NAME=FAT:FQL_AUDITING_CLIENT_TEMPLATE.FAT&amp;display_string=Audit&amp;VAR:KEY=KHILANOZCH&amp;VAR:QUERY=RkZfTkVUX0lOQyhBTk4sMCwsLCxMT0NBTCk=&amp;WINDOW=FIRST_POPUP&amp;HEIGHT=450&amp;WIDTH=450&amp;START_MA","XIMIZED=FALSE&amp;VAR:CALENDAR=US&amp;VAR:SYMBOL=71344810&amp;VAR:INDEX=0"}</definedName>
    <definedName name="_6408__FDSAUDITLINK__" hidden="1">{"fdsup://directions/FAT Viewer?action=UPDATE&amp;creator=factset&amp;DYN_ARGS=TRUE&amp;DOC_NAME=FAT:FQL_AUDITING_CLIENT_TEMPLATE.FAT&amp;display_string=Audit&amp;VAR:KEY=VGBCZMRGZW&amp;VAR:QUERY=RkZfTkVUX0lOQyhBTk4sLTEsLCwsTE9DQUwp&amp;WINDOW=FIRST_POPUP&amp;HEIGHT=450&amp;WIDTH=450&amp;START_MA","XIMIZED=FALSE&amp;VAR:CALENDAR=US&amp;VAR:SYMBOL=71344810&amp;VAR:INDEX=0"}</definedName>
    <definedName name="_6409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5"}</definedName>
    <definedName name="_6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5"}</definedName>
    <definedName name="_6410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3"}</definedName>
    <definedName name="_6411__FDSAUDITLINK__" hidden="1">{"fdsup://directions/FAT Viewer?action=UPDATE&amp;creator=factset&amp;DYN_ARGS=TRUE&amp;DOC_NAME=FAT:FQL_AUDITING_CLIENT_TEMPLATE.FAT&amp;display_string=Audit&amp;VAR:KEY=EDGRKNYFEH&amp;VAR:QUERY=RkZfRUJJVERBKEFOTiwwLCwsLExPQ0FMKQ==&amp;WINDOW=FIRST_POPUP&amp;HEIGHT=450&amp;WIDTH=450&amp;START_MA","XIMIZED=FALSE&amp;VAR:CALENDAR=US&amp;VAR:SYMBOL=71344810&amp;VAR:INDEX=0"}</definedName>
    <definedName name="_6412__FDSAUDITLINK__" hidden="1">{"fdsup://directions/FAT Viewer?action=UPDATE&amp;creator=factset&amp;DYN_ARGS=TRUE&amp;DOC_NAME=FAT:FQL_AUDITING_CLIENT_TEMPLATE.FAT&amp;display_string=Audit&amp;VAR:KEY=JITCXEBINO&amp;VAR:QUERY=RkZfRUJJVERBKEFOTiwtMSwsLCxMT0NBTCk=&amp;WINDOW=FIRST_POPUP&amp;HEIGHT=450&amp;WIDTH=450&amp;START_MA","XIMIZED=FALSE&amp;VAR:CALENDAR=US&amp;VAR:SYMBOL=71344810&amp;VAR:INDEX=0"}</definedName>
    <definedName name="_6413__FDSAUDITLINK__" hidden="1">{"fdsup://directions/FAT Viewer?action=UPDATE&amp;creator=factset&amp;DYN_ARGS=TRUE&amp;DOC_NAME=FAT:FQL_AUDITING_CLIENT_TEMPLATE.FAT&amp;display_string=Audit&amp;VAR:KEY=ITENGJATQP&amp;VAR:QUERY=RkZfRU5UUlBSX1ZBTF9EQUlMWSgwLCwsLFVTRCwnQkFTSUMgU0hBUkVTJyk=&amp;WINDOW=FIRST_POPUP&amp;HEIGH","T=450&amp;WIDTH=450&amp;START_MAXIMIZED=FALSE&amp;VAR:CALENDAR=US&amp;VAR:SYMBOL=71344810&amp;VAR:INDEX=0"}</definedName>
    <definedName name="_6414__FDSAUDITLINK__" hidden="1">{"fdsup://directions/FAT Viewer?action=UPDATE&amp;creator=factset&amp;DYN_ARGS=TRUE&amp;DOC_NAME=FAT:FQL_AUDITING_CLIENT_TEMPLATE.FAT&amp;display_string=Audit&amp;VAR:KEY=LATUPUZKRI&amp;VAR:QUERY=RkZfTkVUX0lOQyhBTk4sMCwsLCxMT0NBTCk=&amp;WINDOW=FIRST_POPUP&amp;HEIGHT=450&amp;WIDTH=450&amp;START_MA","XIMIZED=FALSE&amp;VAR:CALENDAR=US&amp;VAR:SYMBOL=712387&amp;VAR:INDEX=0"}</definedName>
    <definedName name="_6415__FDSAUDITLINK__" hidden="1">{"fdsup://directions/FAT Viewer?action=UPDATE&amp;creator=factset&amp;DYN_ARGS=TRUE&amp;DOC_NAME=FAT:FQL_AUDITING_CLIENT_TEMPLATE.FAT&amp;display_string=Audit&amp;VAR:KEY=SDGXAXANUH&amp;VAR:QUERY=RkZfTkVUX0lOQyhBTk4sLTEsLCwsTE9DQUwp&amp;WINDOW=FIRST_POPUP&amp;HEIGHT=450&amp;WIDTH=450&amp;START_MA","XIMIZED=FALSE&amp;VAR:CALENDAR=US&amp;VAR:SYMBOL=712387&amp;VAR:INDEX=0"}</definedName>
    <definedName name="_6416__FDSAUDITLINK__" hidden="1">{"fdsup://Directions/FactSet Auditing Viewer?action=AUDIT_VALUE&amp;DB=129&amp;ID1=71344810&amp;VALUEID=01001&amp;SDATE=2011&amp;PERIODTYPE=ANN_STD&amp;SCFT=3&amp;window=popup_no_bar&amp;width=385&amp;height=120&amp;START_MAXIMIZED=FALSE&amp;creator=factset&amp;display_string=Audit"}</definedName>
    <definedName name="_6417__FDSAUDITLINK__" hidden="1">{"fdsup://Directions/FactSet Auditing Viewer?action=AUDIT_VALUE&amp;DB=129&amp;ID1=71344810&amp;VALUEID=01001&amp;SDATE=2010&amp;PERIODTYPE=ANN_STD&amp;SCFT=3&amp;window=popup_no_bar&amp;width=385&amp;height=120&amp;START_MAXIMIZED=FALSE&amp;creator=factset&amp;display_string=Audit"}</definedName>
    <definedName name="_6418__FDSAUDITLINK__" hidden="1">{"fdsup://directions/FAT Viewer?action=UPDATE&amp;creator=factset&amp;DYN_ARGS=TRUE&amp;DOC_NAME=FAT:FQL_AUDITING_CLIENT_TEMPLATE.FAT&amp;display_string=Audit&amp;VAR:KEY=HEVOROXWRO&amp;VAR:QUERY=RkZfRUJJVERBKEFOTiwwLCwsLExPQ0FMKQ==&amp;WINDOW=FIRST_POPUP&amp;HEIGHT=450&amp;WIDTH=450&amp;START_MA","XIMIZED=FALSE&amp;VAR:CALENDAR=US&amp;VAR:SYMBOL=712387&amp;VAR:INDEX=0"}</definedName>
    <definedName name="_6419__FDSAUDITLINK__" hidden="1">{"fdsup://directions/FAT Viewer?action=UPDATE&amp;creator=factset&amp;DYN_ARGS=TRUE&amp;DOC_NAME=FAT:FQL_AUDITING_CLIENT_TEMPLATE.FAT&amp;display_string=Audit&amp;VAR:KEY=MNQPYHSPGV&amp;VAR:QUERY=RkZfRUJJVERBKEFOTiwtMSwsLCxMT0NBTCk=&amp;WINDOW=FIRST_POPUP&amp;HEIGHT=450&amp;WIDTH=450&amp;START_MA","XIMIZED=FALSE&amp;VAR:CALENDAR=US&amp;VAR:SYMBOL=712387&amp;VAR:INDEX=0"}</definedName>
    <definedName name="_6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4"}</definedName>
    <definedName name="_6420__FDSAUDITLINK__" hidden="1">{"fdsup://directions/FAT Viewer?action=UPDATE&amp;creator=factset&amp;DYN_ARGS=TRUE&amp;DOC_NAME=FAT:FQL_AUDITING_CLIENT_TEMPLATE.FAT&amp;display_string=Audit&amp;VAR:KEY=NIZGZQJSVW&amp;VAR:QUERY=RkZfRU5UUlBSX1ZBTF9EQUlMWSgwLCwsLFVTRCwnQkFTSUMgU0hBUkVTJyk=&amp;WINDOW=FIRST_POPUP&amp;HEIGH","T=450&amp;WIDTH=450&amp;START_MAXIMIZED=FALSE&amp;VAR:CALENDAR=US&amp;VAR:SYMBOL=712387&amp;VAR:INDEX=0"}</definedName>
    <definedName name="_6421__FDSAUDITLINK__" hidden="1">{"fdsup://directions/FAT Viewer?action=UPDATE&amp;creator=factset&amp;DYN_ARGS=TRUE&amp;DOC_NAME=FAT:FQL_AUDITING_CLIENT_TEMPLATE.FAT&amp;display_string=Audit&amp;VAR:KEY=OPSFITMHCJ&amp;VAR:QUERY=RkZfTkVUX0lOQyhBTk4sMCwsLCxMT0NBTCk=&amp;WINDOW=FIRST_POPUP&amp;HEIGHT=450&amp;WIDTH=450&amp;START_MA","XIMIZED=FALSE&amp;VAR:CALENDAR=US&amp;VAR:SYMBOL=42307410&amp;VAR:INDEX=0"}</definedName>
    <definedName name="_6422__FDSAUDITLINK__" hidden="1">{"fdsup://directions/FAT Viewer?action=UPDATE&amp;creator=factset&amp;DYN_ARGS=TRUE&amp;DOC_NAME=FAT:FQL_AUDITING_CLIENT_TEMPLATE.FAT&amp;display_string=Audit&amp;VAR:KEY=VMNQZSHOXU&amp;VAR:QUERY=RkZfTkVUX0lOQyhBTk4sLTEsLCwsTE9DQUwp&amp;WINDOW=FIRST_POPUP&amp;HEIGHT=450&amp;WIDTH=450&amp;START_MA","XIMIZED=FALSE&amp;VAR:CALENDAR=US&amp;VAR:SYMBOL=42307410&amp;VAR:INDEX=0"}</definedName>
    <definedName name="_6423__FDSAUDITLINK__" hidden="1">{"fdsup://Directions/FactSet Auditing Viewer?action=AUDIT_VALUE&amp;DB=129&amp;ID1=712387&amp;VALUEID=01001&amp;SDATE=2011&amp;PERIODTYPE=ANN_STD&amp;SCFT=3&amp;window=popup_no_bar&amp;width=385&amp;height=120&amp;START_MAXIMIZED=FALSE&amp;creator=factset&amp;display_string=Audit"}</definedName>
    <definedName name="_6424__FDSAUDITLINK__" hidden="1">{"fdsup://Directions/FactSet Auditing Viewer?action=AUDIT_VALUE&amp;DB=129&amp;ID1=712387&amp;VALUEID=01001&amp;SDATE=2010&amp;PERIODTYPE=ANN_STD&amp;SCFT=3&amp;window=popup_no_bar&amp;width=385&amp;height=120&amp;START_MAXIMIZED=FALSE&amp;creator=factset&amp;display_string=Audit"}</definedName>
    <definedName name="_6425__FDSAUDITLINK__" hidden="1">{"fdsup://directions/FAT Viewer?action=UPDATE&amp;creator=factset&amp;DYN_ARGS=TRUE&amp;DOC_NAME=FAT:FQL_AUDITING_CLIENT_TEMPLATE.FAT&amp;display_string=Audit&amp;VAR:KEY=OJADKFAFYF&amp;VAR:QUERY=RkZfRUJJVERBKEFOTiwwLCwsLExPQ0FMKQ==&amp;WINDOW=FIRST_POPUP&amp;HEIGHT=450&amp;WIDTH=450&amp;START_MA","XIMIZED=FALSE&amp;VAR:CALENDAR=US&amp;VAR:SYMBOL=42307410&amp;VAR:INDEX=0"}</definedName>
    <definedName name="_6426__FDSAUDITLINK__" hidden="1">{"fdsup://directions/FAT Viewer?action=UPDATE&amp;creator=factset&amp;DYN_ARGS=TRUE&amp;DOC_NAME=FAT:FQL_AUDITING_CLIENT_TEMPLATE.FAT&amp;display_string=Audit&amp;VAR:KEY=JETSFWFGFQ&amp;VAR:QUERY=RkZfRUJJVERBKEFOTiwtMSwsLCxMT0NBTCk=&amp;WINDOW=FIRST_POPUP&amp;HEIGHT=450&amp;WIDTH=450&amp;START_MA","XIMIZED=FALSE&amp;VAR:CALENDAR=US&amp;VAR:SYMBOL=42307410&amp;VAR:INDEX=0"}</definedName>
    <definedName name="_6427__FDSAUDITLINK__" hidden="1">{"fdsup://directions/FAT Viewer?action=UPDATE&amp;creator=factset&amp;DYN_ARGS=TRUE&amp;DOC_NAME=FAT:FQL_AUDITING_CLIENT_TEMPLATE.FAT&amp;display_string=Audit&amp;VAR:KEY=WRIFEJGXER&amp;VAR:QUERY=RkZfRU5UUlBSX1ZBTF9EQUlMWSgwLCwsLFVTRCwnQkFTSUMgU0hBUkVTJyk=&amp;WINDOW=FIRST_POPUP&amp;HEIGH","T=450&amp;WIDTH=450&amp;START_MAXIMIZED=FALSE&amp;VAR:CALENDAR=US&amp;VAR:SYMBOL=42307410&amp;VAR:INDEX=0"}</definedName>
    <definedName name="_6428__FDSAUDITLINK__" hidden="1">{"fdsup://directions/FAT Viewer?action=UPDATE&amp;creator=factset&amp;DYN_ARGS=TRUE&amp;DOC_NAME=FAT:FQL_AUDITING_CLIENT_TEMPLATE.FAT&amp;display_string=Audit&amp;VAR:KEY=BMRQLARWRM&amp;VAR:QUERY=RkZfTkVUX0lOQyhBTk4sMCwsLCxMT0NBTCk=&amp;WINDOW=FIRST_POPUP&amp;HEIGHT=450&amp;WIDTH=450&amp;START_MA","XIMIZED=FALSE&amp;VAR:CALENDAR=US&amp;VAR:SYMBOL=B1Y9TB&amp;VAR:INDEX=0"}</definedName>
    <definedName name="_6429__FDSAUDITLINK__" hidden="1">{"fdsup://directions/FAT Viewer?action=UPDATE&amp;creator=factset&amp;DYN_ARGS=TRUE&amp;DOC_NAME=FAT:FQL_AUDITING_CLIENT_TEMPLATE.FAT&amp;display_string=Audit&amp;VAR:KEY=MLANMVIZOZ&amp;VAR:QUERY=RkZfTkVUX0lOQyhBTk4sLTEsLCwsTE9DQUwp&amp;WINDOW=FIRST_POPUP&amp;HEIGHT=450&amp;WIDTH=450&amp;START_MA","XIMIZED=FALSE&amp;VAR:CALENDAR=US&amp;VAR:SYMBOL=B1Y9TB&amp;VAR:INDEX=0"}</definedName>
    <definedName name="_6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3"}</definedName>
    <definedName name="_6430__FDSAUDITLINK__" hidden="1">{"fdsup://Directions/FactSet Auditing Viewer?action=AUDIT_VALUE&amp;DB=129&amp;ID1=42307410&amp;VALUEID=01001&amp;SDATE=2011&amp;PERIODTYPE=ANN_STD&amp;SCFT=3&amp;window=popup_no_bar&amp;width=385&amp;height=120&amp;START_MAXIMIZED=FALSE&amp;creator=factset&amp;display_string=Audit"}</definedName>
    <definedName name="_6431__FDSAUDITLINK__" hidden="1">{"fdsup://Directions/FactSet Auditing Viewer?action=AUDIT_VALUE&amp;DB=129&amp;ID1=42307410&amp;VALUEID=01001&amp;SDATE=2010&amp;PERIODTYPE=ANN_STD&amp;SCFT=3&amp;window=popup_no_bar&amp;width=385&amp;height=120&amp;START_MAXIMIZED=FALSE&amp;creator=factset&amp;display_string=Audit"}</definedName>
    <definedName name="_6432__FDSAUDITLINK__" hidden="1">{"fdsup://directions/FAT Viewer?action=UPDATE&amp;creator=factset&amp;DYN_ARGS=TRUE&amp;DOC_NAME=FAT:FQL_AUDITING_CLIENT_TEMPLATE.FAT&amp;display_string=Audit&amp;VAR:KEY=VGBENMFKDK&amp;VAR:QUERY=RkZfRUJJVERBKEFOTiwwLCwsLExPQ0FMKQ==&amp;WINDOW=FIRST_POPUP&amp;HEIGHT=450&amp;WIDTH=450&amp;START_MA","XIMIZED=FALSE&amp;VAR:CALENDAR=US&amp;VAR:SYMBOL=B1Y9TB&amp;VAR:INDEX=0"}</definedName>
    <definedName name="_6433__FDSAUDITLINK__" hidden="1">{"fdsup://directions/FAT Viewer?action=UPDATE&amp;creator=factset&amp;DYN_ARGS=TRUE&amp;DOC_NAME=FAT:FQL_AUDITING_CLIENT_TEMPLATE.FAT&amp;display_string=Audit&amp;VAR:KEY=MDOVGNAPQZ&amp;VAR:QUERY=RkZfRUJJVERBKEFOTiwtMSwsLCxMT0NBTCk=&amp;WINDOW=FIRST_POPUP&amp;HEIGHT=450&amp;WIDTH=450&amp;START_MA","XIMIZED=FALSE&amp;VAR:CALENDAR=US&amp;VAR:SYMBOL=B1Y9TB&amp;VAR:INDEX=0"}</definedName>
    <definedName name="_6434__FDSAUDITLINK__" hidden="1">{"fdsup://directions/FAT Viewer?action=UPDATE&amp;creator=factset&amp;DYN_ARGS=TRUE&amp;DOC_NAME=FAT:FQL_AUDITING_CLIENT_TEMPLATE.FAT&amp;display_string=Audit&amp;VAR:KEY=BCTOHGJAZC&amp;VAR:QUERY=RkZfRU5UUlBSX1ZBTF9EQUlMWSgwLCwsLFVTRCwnQkFTSUMgU0hBUkVTJyk=&amp;WINDOW=FIRST_POPUP&amp;HEIGH","T=450&amp;WIDTH=450&amp;START_MAXIMIZED=FALSE&amp;VAR:CALENDAR=US&amp;VAR:SYMBOL=B1Y9TB&amp;VAR:INDEX=0"}</definedName>
    <definedName name="_6435__FDSAUDITLINK__" hidden="1">{"fdsup://directions/FAT Viewer?action=UPDATE&amp;creator=factset&amp;DYN_ARGS=TRUE&amp;DOC_NAME=FAT:FQL_AUDITING_CLIENT_TEMPLATE.FAT&amp;display_string=Audit&amp;VAR:KEY=IPQTMTQTSR&amp;VAR:QUERY=RkZfTkVUX0lOQyhBTk4sMCwsLCxMT0NBTCk=&amp;WINDOW=FIRST_POPUP&amp;HEIGHT=450&amp;WIDTH=450&amp;START_MA","XIMIZED=FALSE&amp;VAR:CALENDAR=US&amp;VAR:SYMBOL=13442910&amp;VAR:INDEX=0"}</definedName>
    <definedName name="_6436__FDSAUDITLINK__" hidden="1">{"fdsup://directions/FAT Viewer?action=UPDATE&amp;creator=factset&amp;DYN_ARGS=TRUE&amp;DOC_NAME=FAT:FQL_AUDITING_CLIENT_TEMPLATE.FAT&amp;display_string=Audit&amp;VAR:KEY=VOVCBMXYRW&amp;VAR:QUERY=RkZfTkVUX0lOQyhBTk4sLTEsLCwsTE9DQUwp&amp;WINDOW=FIRST_POPUP&amp;HEIGHT=450&amp;WIDTH=450&amp;START_MA","XIMIZED=FALSE&amp;VAR:CALENDAR=US&amp;VAR:SYMBOL=13442910&amp;VAR:INDEX=0"}</definedName>
    <definedName name="_6437__FDSAUDITLINK__" hidden="1">{"fdsup://Directions/FactSet Auditing Viewer?action=AUDIT_VALUE&amp;DB=129&amp;ID1=B1Y9TB&amp;VALUEID=01001&amp;SDATE=2011&amp;PERIODTYPE=ANN_STD&amp;SCFT=3&amp;window=popup_no_bar&amp;width=385&amp;height=120&amp;START_MAXIMIZED=FALSE&amp;creator=factset&amp;display_string=Audit"}</definedName>
    <definedName name="_6438__FDSAUDITLINK__" hidden="1">{"fdsup://Directions/FactSet Auditing Viewer?action=AUDIT_VALUE&amp;DB=129&amp;ID1=B1Y9TB&amp;VALUEID=01001&amp;SDATE=2010&amp;PERIODTYPE=ANN_STD&amp;SCFT=3&amp;window=popup_no_bar&amp;width=385&amp;height=120&amp;START_MAXIMIZED=FALSE&amp;creator=factset&amp;display_string=Audit"}</definedName>
    <definedName name="_6439__FDSAUDITLINK__" hidden="1">{"fdsup://directions/FAT Viewer?action=UPDATE&amp;creator=factset&amp;DYN_ARGS=TRUE&amp;DOC_NAME=FAT:FQL_AUDITING_CLIENT_TEMPLATE.FAT&amp;display_string=Audit&amp;VAR:KEY=QDGVMVQPIJ&amp;VAR:QUERY=RkZfRUJJVERBKEFOTiwwLCwsLExPQ0FMKQ==&amp;WINDOW=FIRST_POPUP&amp;HEIGHT=450&amp;WIDTH=450&amp;START_MA","XIMIZED=FALSE&amp;VAR:CALENDAR=US&amp;VAR:SYMBOL=13442910&amp;VAR:INDEX=0"}</definedName>
    <definedName name="_6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2"}</definedName>
    <definedName name="_6440__FDSAUDITLINK__" hidden="1">{"fdsup://directions/FAT Viewer?action=UPDATE&amp;creator=factset&amp;DYN_ARGS=TRUE&amp;DOC_NAME=FAT:FQL_AUDITING_CLIENT_TEMPLATE.FAT&amp;display_string=Audit&amp;VAR:KEY=TYFIFGBWTA&amp;VAR:QUERY=RkZfRUJJVERBKEFOTiwtMSwsLCxMT0NBTCk=&amp;WINDOW=FIRST_POPUP&amp;HEIGHT=450&amp;WIDTH=450&amp;START_MA","XIMIZED=FALSE&amp;VAR:CALENDAR=US&amp;VAR:SYMBOL=13442910&amp;VAR:INDEX=0"}</definedName>
    <definedName name="_6441__FDSAUDITLINK__" hidden="1">{"fdsup://directions/FAT Viewer?action=UPDATE&amp;creator=factset&amp;DYN_ARGS=TRUE&amp;DOC_NAME=FAT:FQL_AUDITING_CLIENT_TEMPLATE.FAT&amp;display_string=Audit&amp;VAR:KEY=ENOZKZCRMP&amp;VAR:QUERY=RkZfRU5UUlBSX1ZBTF9EQUlMWSgwLCwsLFVTRCwnQkFTSUMgU0hBUkVTJyk=&amp;WINDOW=FIRST_POPUP&amp;HEIGH","T=450&amp;WIDTH=450&amp;START_MAXIMIZED=FALSE&amp;VAR:CALENDAR=US&amp;VAR:SYMBOL=13442910&amp;VAR:INDEX=0"}</definedName>
    <definedName name="_6442__FDSAUDITLINK__" hidden="1">{"fdsup://directions/FAT Viewer?action=UPDATE&amp;creator=factset&amp;DYN_ARGS=TRUE&amp;DOC_NAME=FAT:FQL_AUDITING_CLIENT_TEMPLATE.FAT&amp;display_string=Audit&amp;VAR:KEY=RQBWFCFGJM&amp;VAR:QUERY=RkZfTkVUX0lOQyhBTk4sMCwsLCxMT0NBTCk=&amp;WINDOW=FIRST_POPUP&amp;HEIGHT=450&amp;WIDTH=450&amp;START_MA","XIMIZED=FALSE&amp;VAR:CALENDAR=US&amp;VAR:SYMBOL=37033410&amp;VAR:INDEX=0"}</definedName>
    <definedName name="_6443__FDSAUDITLINK__" hidden="1">{"fdsup://directions/FAT Viewer?action=UPDATE&amp;creator=factset&amp;DYN_ARGS=TRUE&amp;DOC_NAME=FAT:FQL_AUDITING_CLIENT_TEMPLATE.FAT&amp;display_string=Audit&amp;VAR:KEY=SNCJQXQFYB&amp;VAR:QUERY=RkZfTkVUX0lOQyhBTk4sLTEsLCwsTE9DQUwp&amp;WINDOW=FIRST_POPUP&amp;HEIGHT=450&amp;WIDTH=450&amp;START_MA","XIMIZED=FALSE&amp;VAR:CALENDAR=US&amp;VAR:SYMBOL=37033410&amp;VAR:INDEX=0"}</definedName>
    <definedName name="_6444__FDSAUDITLINK__" hidden="1">{"fdsup://Directions/FactSet Auditing Viewer?action=AUDIT_VALUE&amp;DB=129&amp;ID1=13442910&amp;VALUEID=01001&amp;SDATE=2012&amp;PERIODTYPE=ANN_STD&amp;SCFT=3&amp;window=popup_no_bar&amp;width=385&amp;height=120&amp;START_MAXIMIZED=FALSE&amp;creator=factset&amp;display_string=Audit"}</definedName>
    <definedName name="_6445__FDSAUDITLINK__" hidden="1">{"fdsup://Directions/FactSet Auditing Viewer?action=AUDIT_VALUE&amp;DB=129&amp;ID1=13442910&amp;VALUEID=01001&amp;SDATE=2011&amp;PERIODTYPE=ANN_STD&amp;SCFT=3&amp;window=popup_no_bar&amp;width=385&amp;height=120&amp;START_MAXIMIZED=FALSE&amp;creator=factset&amp;display_string=Audit"}</definedName>
    <definedName name="_6446__FDSAUDITLINK__" hidden="1">{"fdsup://directions/FAT Viewer?action=UPDATE&amp;creator=factset&amp;DYN_ARGS=TRUE&amp;DOC_NAME=FAT:FQL_AUDITING_CLIENT_TEMPLATE.FAT&amp;display_string=Audit&amp;VAR:KEY=LQLKRYRSDY&amp;VAR:QUERY=RkZfRUJJVERBKEFOTiwwLCwsLExPQ0FMKQ==&amp;WINDOW=FIRST_POPUP&amp;HEIGHT=450&amp;WIDTH=450&amp;START_MA","XIMIZED=FALSE&amp;VAR:CALENDAR=US&amp;VAR:SYMBOL=37033410&amp;VAR:INDEX=0"}</definedName>
    <definedName name="_6447__FDSAUDITLINK__" hidden="1">{"fdsup://directions/FAT Viewer?action=UPDATE&amp;creator=factset&amp;DYN_ARGS=TRUE&amp;DOC_NAME=FAT:FQL_AUDITING_CLIENT_TEMPLATE.FAT&amp;display_string=Audit&amp;VAR:KEY=URWDGBCVYJ&amp;VAR:QUERY=RkZfRUJJVERBKEFOTiwtMSwsLCxMT0NBTCk=&amp;WINDOW=FIRST_POPUP&amp;HEIGHT=450&amp;WIDTH=450&amp;START_MA","XIMIZED=FALSE&amp;VAR:CALENDAR=US&amp;VAR:SYMBOL=37033410&amp;VAR:INDEX=0"}</definedName>
    <definedName name="_6448__FDSAUDITLINK__" hidden="1">{"fdsup://directions/FAT Viewer?action=UPDATE&amp;creator=factset&amp;DYN_ARGS=TRUE&amp;DOC_NAME=FAT:FQL_AUDITING_CLIENT_TEMPLATE.FAT&amp;display_string=Audit&amp;VAR:KEY=JSRSLIHIXI&amp;VAR:QUERY=RkZfRU5UUlBSX1ZBTF9EQUlMWSgwLCwsLFVTRCwnQkFTSUMgU0hBUkVTJyk=&amp;WINDOW=FIRST_POPUP&amp;HEIGH","T=450&amp;WIDTH=450&amp;START_MAXIMIZED=FALSE&amp;VAR:CALENDAR=US&amp;VAR:SYMBOL=37033410&amp;VAR:INDEX=0"}</definedName>
    <definedName name="_6449__FDSAUDITLINK__" hidden="1">{"fdsup://directions/FAT Viewer?action=UPDATE&amp;creator=factset&amp;DYN_ARGS=TRUE&amp;DOC_NAME=FAT:FQL_AUDITING_CLIENT_TEMPLATE.FAT&amp;display_string=Audit&amp;VAR:KEY=YLOZKFCPMV&amp;VAR:QUERY=RkZfTkVUX0lOQyhBTk4sMCwsLCxMT0NBTCk=&amp;WINDOW=FIRST_POPUP&amp;HEIGHT=450&amp;WIDTH=450&amp;START_MA","XIMIZED=FALSE&amp;VAR:CALENDAR=US&amp;VAR:SYMBOL=48783610&amp;VAR:INDEX=0"}</definedName>
    <definedName name="_6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1"}</definedName>
    <definedName name="_6450__FDSAUDITLINK__" hidden="1">{"fdsup://Directions/FactSet Auditing Viewer?action=AUDIT_VALUE&amp;DB=129&amp;ID1=37033410&amp;VALUEID=01001&amp;SDATE=2011&amp;PERIODTYPE=ANN_STD&amp;SCFT=3&amp;window=popup_no_bar&amp;width=385&amp;height=120&amp;START_MAXIMIZED=FALSE&amp;creator=factset&amp;display_string=Audit"}</definedName>
    <definedName name="_6451__FDSAUDITLINK__" hidden="1">{"fdsup://Directions/FactSet Auditing Viewer?action=AUDIT_VALUE&amp;DB=129&amp;ID1=37033410&amp;VALUEID=01001&amp;SDATE=2010&amp;PERIODTYPE=ANN_STD&amp;SCFT=3&amp;window=popup_no_bar&amp;width=385&amp;height=120&amp;START_MAXIMIZED=FALSE&amp;creator=factset&amp;display_string=Audit"}</definedName>
    <definedName name="_6452__FDSAUDITLINK__" hidden="1">{"fdsup://directions/FAT Viewer?action=UPDATE&amp;creator=factset&amp;DYN_ARGS=TRUE&amp;DOC_NAME=FAT:FQL_AUDITING_CLIENT_TEMPLATE.FAT&amp;display_string=Audit&amp;VAR:KEY=JQFARGROXQ&amp;VAR:QUERY=RkZfTkVUX0lOQyhBTk4sLTEsLCwsTE9DQUwp&amp;WINDOW=FIRST_POPUP&amp;HEIGHT=450&amp;WIDTH=450&amp;START_MA","XIMIZED=FALSE&amp;VAR:CALENDAR=US&amp;VAR:SYMBOL=48783610&amp;VAR:INDEX=0"}</definedName>
    <definedName name="_6453__FDSAUDITLINK__" hidden="1">{"fdsup://directions/FAT Viewer?action=UPDATE&amp;creator=factset&amp;DYN_ARGS=TRUE&amp;DOC_NAME=FAT:FQL_AUDITING_CLIENT_TEMPLATE.FAT&amp;display_string=Audit&amp;VAR:KEY=QVUNIXSTQZ&amp;VAR:QUERY=RkZfRUJJVERBKEFOTiwwLCwsLExPQ0FMKQ==&amp;WINDOW=FIRST_POPUP&amp;HEIGHT=450&amp;WIDTH=450&amp;START_MA","XIMIZED=FALSE&amp;VAR:CALENDAR=US&amp;VAR:SYMBOL=48783610&amp;VAR:INDEX=0"}</definedName>
    <definedName name="_6454__FDSAUDITLINK__" hidden="1">{"fdsup://directions/FAT Viewer?action=UPDATE&amp;creator=factset&amp;DYN_ARGS=TRUE&amp;DOC_NAME=FAT:FQL_AUDITING_CLIENT_TEMPLATE.FAT&amp;display_string=Audit&amp;VAR:KEY=BAJIJYNKTA&amp;VAR:QUERY=RkZfRUJJVERBKEFOTiwtMSwsLCxMT0NBTCk=&amp;WINDOW=FIRST_POPUP&amp;HEIGHT=450&amp;WIDTH=450&amp;START_MA","XIMIZED=FALSE&amp;VAR:CALENDAR=US&amp;VAR:SYMBOL=48783610&amp;VAR:INDEX=0"}</definedName>
    <definedName name="_6455__FDSAUDITLINK__" hidden="1">{"fdsup://directions/FAT Viewer?action=UPDATE&amp;creator=factset&amp;DYN_ARGS=TRUE&amp;DOC_NAME=FAT:FQL_AUDITING_CLIENT_TEMPLATE.FAT&amp;display_string=Audit&amp;VAR:KEY=KLGRKLEREF&amp;VAR:QUERY=RkZfRU5UUlBSX1ZBTF9EQUlMWSgwLCwsLFVTRCwnQkFTSUMgU0hBUkVTJyk=&amp;WINDOW=FIRST_POPUP&amp;HEIGH","T=450&amp;WIDTH=450&amp;START_MAXIMIZED=FALSE&amp;VAR:CALENDAR=US&amp;VAR:SYMBOL=48783610&amp;VAR:INDEX=0"}</definedName>
    <definedName name="_6456__FDSAUDITLINK__" hidden="1">{"fdsup://directions/FAT Viewer?action=UPDATE&amp;creator=factset&amp;DYN_ARGS=TRUE&amp;DOC_NAME=FAT:FQL_AUDITING_CLIENT_TEMPLATE.FAT&amp;display_string=Audit&amp;VAR:KEY=XSTSJYPWJK&amp;VAR:QUERY=RkZfTkVUX0lOQyhBTk4sMCwsLCxMT0NBTCk=&amp;WINDOW=FIRST_POPUP&amp;HEIGHT=450&amp;WIDTH=450&amp;START_MA","XIMIZED=FALSE&amp;VAR:CALENDAR=US&amp;VAR:SYMBOL=50075N10&amp;VAR:INDEX=0"}</definedName>
    <definedName name="_6457__FDSAUDITLINK__" hidden="1">{"fdsup://directions/FAT Viewer?action=UPDATE&amp;creator=factset&amp;DYN_ARGS=TRUE&amp;DOC_NAME=FAT:FQL_AUDITING_CLIENT_TEMPLATE.FAT&amp;display_string=Audit&amp;VAR:KEY=GVSJWFOBOV&amp;VAR:QUERY=RkZfTkVUX0lOQyhBTk4sLTEsLCwsTE9DQUwp&amp;WINDOW=FIRST_POPUP&amp;HEIGHT=450&amp;WIDTH=450&amp;START_MA","XIMIZED=FALSE&amp;VAR:CALENDAR=US&amp;VAR:SYMBOL=50075N10&amp;VAR:INDEX=0"}</definedName>
    <definedName name="_6458__FDSAUDITLINK__" hidden="1">{"fdsup://Directions/FactSet Auditing Viewer?action=AUDIT_VALUE&amp;DB=129&amp;ID1=48783610&amp;VALUEID=01001&amp;SDATE=2011&amp;PERIODTYPE=ANN_STD&amp;SCFT=3&amp;window=popup_no_bar&amp;width=385&amp;height=120&amp;START_MAXIMIZED=FALSE&amp;creator=factset&amp;display_string=Audit"}</definedName>
    <definedName name="_6459__FDSAUDITLINK__" hidden="1">{"fdsup://Directions/FactSet Auditing Viewer?action=AUDIT_VALUE&amp;DB=129&amp;ID1=48783610&amp;VALUEID=01001&amp;SDATE=2010&amp;PERIODTYPE=ANN_STD&amp;SCFT=3&amp;window=popup_no_bar&amp;width=385&amp;height=120&amp;START_MAXIMIZED=FALSE&amp;creator=factset&amp;display_string=Audit"}</definedName>
    <definedName name="_6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20"}</definedName>
    <definedName name="_6460__FDSAUDITLINK__" hidden="1">{"fdsup://directions/FAT Viewer?action=UPDATE&amp;creator=factset&amp;DYN_ARGS=TRUE&amp;DOC_NAME=FAT:FQL_AUDITING_CLIENT_TEMPLATE.FAT&amp;display_string=Audit&amp;VAR:KEY=ZQRAPGBEJO&amp;VAR:QUERY=RkZfRUJJVERBKEFOTiwwLCwsLExPQ0FMKQ==&amp;WINDOW=FIRST_POPUP&amp;HEIGHT=450&amp;WIDTH=450&amp;START_MA","XIMIZED=FALSE&amp;VAR:CALENDAR=US&amp;VAR:SYMBOL=50075N10&amp;VAR:INDEX=0"}</definedName>
    <definedName name="_6461__FDSAUDITLINK__" hidden="1">{"fdsup://directions/FAT Viewer?action=UPDATE&amp;creator=factset&amp;DYN_ARGS=TRUE&amp;DOC_NAME=FAT:FQL_AUDITING_CLIENT_TEMPLATE.FAT&amp;display_string=Audit&amp;VAR:KEY=SBIRYFYJKV&amp;VAR:QUERY=RkZfRUJJVERBKEFOTiwtMSwsLCxMT0NBTCk=&amp;WINDOW=FIRST_POPUP&amp;HEIGHT=450&amp;WIDTH=450&amp;START_MA","XIMIZED=FALSE&amp;VAR:CALENDAR=US&amp;VAR:SYMBOL=50075N10&amp;VAR:INDEX=0"}</definedName>
    <definedName name="_6462__FDSAUDITLINK__" hidden="1">{"fdsup://directions/FAT Viewer?action=UPDATE&amp;creator=factset&amp;DYN_ARGS=TRUE&amp;DOC_NAME=FAT:FQL_AUDITING_CLIENT_TEMPLATE.FAT&amp;display_string=Audit&amp;VAR:KEY=LQVMXEZQVK&amp;VAR:QUERY=RkZfRU5UUlBSX1ZBTF9EQUlMWSgwLCwsLFVTRCwnQkFTSUMgU0hBUkVTJyk=&amp;WINDOW=FIRST_POPUP&amp;HEIGH","T=450&amp;WIDTH=450&amp;START_MAXIMIZED=FALSE&amp;VAR:CALENDAR=US&amp;VAR:SYMBOL=50075N10&amp;VAR:INDEX=0"}</definedName>
    <definedName name="_6463__FDSAUDITLINK__" hidden="1">{"fdsup://directions/FAT Viewer?action=UPDATE&amp;creator=factset&amp;DYN_ARGS=TRUE&amp;DOC_NAME=FAT:FQL_AUDITING_CLIENT_TEMPLATE.FAT&amp;display_string=Audit&amp;VAR:KEY=NCHMHUFOHA&amp;VAR:QUERY=RkZfRU5UUlBSX1ZBTF9EQUlMWSgwLCwsLExPQ0FMLCdCQVNJQyBTSEFSRVMnKQ==&amp;WINDOW=FIRST_POPUP&amp;H","EIGHT=450&amp;WIDTH=450&amp;START_MAXIMIZED=FALSE&amp;VAR:CALENDAR=US&amp;VAR:SYMBOL=B3NS1W&amp;VAR:INDEX=0"}</definedName>
    <definedName name="_6464__FDSAUDITLINK__" hidden="1">{"fdsup://directions/FAT Viewer?action=UPDATE&amp;creator=factset&amp;DYN_ARGS=TRUE&amp;DOC_NAME=FAT:FQL_AUDITING_CLIENT_TEMPLATE.FAT&amp;display_string=Audit&amp;VAR:KEY=GPGJYTIZAL&amp;VAR:QUERY=RkZfRU5UUlBSX1ZBTF9EQUlMWSgwLCwsLExPQ0FMLCdCQVNJQyBTSEFSRVMnKQ==&amp;WINDOW=FIRST_POPUP&amp;H","EIGHT=450&amp;WIDTH=450&amp;START_MAXIMIZED=FALSE&amp;VAR:CALENDAR=US&amp;VAR:SYMBOL=283214&amp;VAR:INDEX=0"}</definedName>
    <definedName name="_6465__FDSAUDITLINK__" hidden="1">{"fdsup://Directions/FactSet Auditing Viewer?action=AUDIT_VALUE&amp;DB=129&amp;ID1=50075N10&amp;VALUEID=01001&amp;SDATE=2011&amp;PERIODTYPE=ANN_STD&amp;SCFT=3&amp;window=popup_no_bar&amp;width=385&amp;height=120&amp;START_MAXIMIZED=FALSE&amp;creator=factset&amp;display_string=Audit"}</definedName>
    <definedName name="_6466__FDSAUDITLINK__" hidden="1">{"fdsup://Directions/FactSet Auditing Viewer?action=AUDIT_VALUE&amp;DB=129&amp;ID1=50075N10&amp;VALUEID=01001&amp;SDATE=2010&amp;PERIODTYPE=ANN_STD&amp;SCFT=3&amp;window=popup_no_bar&amp;width=385&amp;height=120&amp;START_MAXIMIZED=FALSE&amp;creator=factset&amp;display_string=Audit"}</definedName>
    <definedName name="_6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9"}</definedName>
    <definedName name="_6471__FDSAUDITLINK__" hidden="1">{"fdsup://directions/FAT Viewer?action=UPDATE&amp;creator=factset&amp;DYN_ARGS=TRUE&amp;DOC_NAME=FAT:FQL_AUDITING_CLIENT_TEMPLATE.FAT&amp;display_string=Audit&amp;VAR:KEY=BOZQRCTUJE&amp;VAR:QUERY=RkZfTkVUX0lOQyhBTk4sMCwsLCxMT0NBTCk=&amp;WINDOW=FIRST_POPUP&amp;HEIGHT=450&amp;WIDTH=450&amp;START_MA","XIMIZED=FALSE&amp;VAR:CALENDAR=US&amp;VAR:SYMBOL=B3NS1W&amp;VAR:INDEX=0"}</definedName>
    <definedName name="_6472__FDSAUDITLINK__" hidden="1">{"fdsup://directions/FAT Viewer?action=UPDATE&amp;creator=factset&amp;DYN_ARGS=TRUE&amp;DOC_NAME=FAT:FQL_AUDITING_CLIENT_TEMPLATE.FAT&amp;display_string=Audit&amp;VAR:KEY=MFWZYFYHCP&amp;VAR:QUERY=RkZfTkVUX0lOQyhBTk4sLTEsLCwsTE9DQUwp&amp;WINDOW=FIRST_POPUP&amp;HEIGHT=450&amp;WIDTH=450&amp;START_MA","XIMIZED=FALSE&amp;VAR:CALENDAR=US&amp;VAR:SYMBOL=B3NS1W&amp;VAR:INDEX=0"}</definedName>
    <definedName name="_6473__FDSAUDITLINK__" hidden="1">{"fdsup://directions/FAT Viewer?action=UPDATE&amp;creator=factset&amp;DYN_ARGS=TRUE&amp;DOC_NAME=FAT:FQL_AUDITING_CLIENT_TEMPLATE.FAT&amp;display_string=Audit&amp;VAR:KEY=JQRKPCZOXM&amp;VAR:QUERY=RkZfRUJJVERBKEFOTiwwLCwsLExPQ0FMKQ==&amp;WINDOW=FIRST_POPUP&amp;HEIGHT=450&amp;WIDTH=450&amp;START_MA","XIMIZED=FALSE&amp;VAR:CALENDAR=US&amp;VAR:SYMBOL=B3NS1W&amp;VAR:INDEX=0"}</definedName>
    <definedName name="_6474__FDSAUDITLINK__" hidden="1">{"fdsup://directions/FAT Viewer?action=UPDATE&amp;creator=factset&amp;DYN_ARGS=TRUE&amp;DOC_NAME=FAT:FQL_AUDITING_CLIENT_TEMPLATE.FAT&amp;display_string=Audit&amp;VAR:KEY=UBGHARAFAZ&amp;VAR:QUERY=RkZfRUJJVERBKEFOTiwtMSwsLCxMT0NBTCk=&amp;WINDOW=FIRST_POPUP&amp;HEIGHT=450&amp;WIDTH=450&amp;START_MA","XIMIZED=FALSE&amp;VAR:CALENDAR=US&amp;VAR:SYMBOL=B3NS1W&amp;VAR:INDEX=0"}</definedName>
    <definedName name="_6475__FDSAUDITLINK__" hidden="1">{"fdsup://directions/FAT Viewer?action=UPDATE&amp;creator=factset&amp;DYN_ARGS=TRUE&amp;DOC_NAME=FAT:FQL_AUDITING_CLIENT_TEMPLATE.FAT&amp;display_string=Audit&amp;VAR:KEY=XYTYTAVUDU&amp;VAR:QUERY=RkZfRU5UUlBSX1ZBTF9EQUlMWSgwLCwsLFVTRCwnQkFTSUMgU0hBUkVTJyk=&amp;WINDOW=FIRST_POPUP&amp;HEIGH","T=450&amp;WIDTH=450&amp;START_MAXIMIZED=FALSE&amp;VAR:CALENDAR=US&amp;VAR:SYMBOL=B3NS1W&amp;VAR:INDEX=0"}</definedName>
    <definedName name="_6476__FDSAUDITLINK__" hidden="1">{"fdsup://directions/FAT Viewer?action=UPDATE&amp;creator=factset&amp;DYN_ARGS=TRUE&amp;DOC_NAME=FAT:FQL_AUDITING_CLIENT_TEMPLATE.FAT&amp;display_string=Audit&amp;VAR:KEY=SHIVQHURGR&amp;VAR:QUERY=RkZfTkVUX0lOQyhBTk4sMCwsLCxMT0NBTCk=&amp;WINDOW=FIRST_POPUP&amp;HEIGHT=450&amp;WIDTH=450&amp;START_MA","XIMIZED=FALSE&amp;VAR:CALENDAR=US&amp;VAR:SYMBOL=283214&amp;VAR:INDEX=0"}</definedName>
    <definedName name="_6477__FDSAUDITLINK__" hidden="1">{"fdsup://directions/FAT Viewer?action=UPDATE&amp;creator=factset&amp;DYN_ARGS=TRUE&amp;DOC_NAME=FAT:FQL_AUDITING_CLIENT_TEMPLATE.FAT&amp;display_string=Audit&amp;VAR:KEY=JKPSXGNWNE&amp;VAR:QUERY=RkZfTkVUX0lOQyhBTk4sLTEsLCwsTE9DQUwp&amp;WINDOW=FIRST_POPUP&amp;HEIGHT=450&amp;WIDTH=450&amp;START_MA","XIMIZED=FALSE&amp;VAR:CALENDAR=US&amp;VAR:SYMBOL=283214&amp;VAR:INDEX=0"}</definedName>
    <definedName name="_6478__FDSAUDITLINK__" hidden="1">{"fdsup://Directions/FactSet Auditing Viewer?action=AUDIT_VALUE&amp;DB=129&amp;ID1=B3NS1W&amp;VALUEID=01001&amp;SDATE=2011&amp;PERIODTYPE=ANN_STD&amp;SCFT=3&amp;window=popup_no_bar&amp;width=385&amp;height=120&amp;START_MAXIMIZED=FALSE&amp;creator=factset&amp;display_string=Audit"}</definedName>
    <definedName name="_6479__FDSAUDITLINK__" hidden="1">{"fdsup://Directions/FactSet Auditing Viewer?action=AUDIT_VALUE&amp;DB=129&amp;ID1=B3NS1W&amp;VALUEID=01001&amp;SDATE=2010&amp;PERIODTYPE=ANN_STD&amp;SCFT=3&amp;window=popup_no_bar&amp;width=385&amp;height=120&amp;START_MAXIMIZED=FALSE&amp;creator=factset&amp;display_string=Audit"}</definedName>
    <definedName name="_6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8"}</definedName>
    <definedName name="_6480__FDSAUDITLINK__" hidden="1">{"fdsup://directions/FAT Viewer?action=UPDATE&amp;creator=factset&amp;DYN_ARGS=TRUE&amp;DOC_NAME=FAT:FQL_AUDITING_CLIENT_TEMPLATE.FAT&amp;display_string=Audit&amp;VAR:KEY=UFYRUXYFWJ&amp;VAR:QUERY=RkZfRUJJVERBKEFOTiwwLCwsLExPQ0FMKQ==&amp;WINDOW=FIRST_POPUP&amp;HEIGHT=450&amp;WIDTH=450&amp;START_MA","XIMIZED=FALSE&amp;VAR:CALENDAR=US&amp;VAR:SYMBOL=283214&amp;VAR:INDEX=0"}</definedName>
    <definedName name="_6481__FDSAUDITLINK__" hidden="1">{"fdsup://directions/FAT Viewer?action=UPDATE&amp;creator=factset&amp;DYN_ARGS=TRUE&amp;DOC_NAME=FAT:FQL_AUDITING_CLIENT_TEMPLATE.FAT&amp;display_string=Audit&amp;VAR:KEY=LETQJURUPS&amp;VAR:QUERY=RkZfRUJJVERBKEFOTiwtMSwsLCxMT0NBTCk=&amp;WINDOW=FIRST_POPUP&amp;HEIGHT=450&amp;WIDTH=450&amp;START_MA","XIMIZED=FALSE&amp;VAR:CALENDAR=US&amp;VAR:SYMBOL=283214&amp;VAR:INDEX=0"}</definedName>
    <definedName name="_6482__FDSAUDITLINK__" hidden="1">{"fdsup://directions/FAT Viewer?action=UPDATE&amp;creator=factset&amp;DYN_ARGS=TRUE&amp;DOC_NAME=FAT:FQL_AUDITING_CLIENT_TEMPLATE.FAT&amp;display_string=Audit&amp;VAR:KEY=OXKLSJGLGD&amp;VAR:QUERY=RkZfRU5UUlBSX1ZBTF9EQUlMWSgwLCwsLFVTRCwnQkFTSUMgU0hBUkVTJyk=&amp;WINDOW=FIRST_POPUP&amp;HEIGH","T=450&amp;WIDTH=450&amp;START_MAXIMIZED=FALSE&amp;VAR:CALENDAR=US&amp;VAR:SYMBOL=283214&amp;VAR:INDEX=0"}</definedName>
    <definedName name="_6485__FDSAUDITLINK__" hidden="1">{"fdsup://Directions/FactSet Auditing Viewer?action=AUDIT_VALUE&amp;DB=129&amp;ID1=283214&amp;VALUEID=01001&amp;SDATE=2011&amp;PERIODTYPE=ANN_STD&amp;SCFT=3&amp;window=popup_no_bar&amp;width=385&amp;height=120&amp;START_MAXIMIZED=FALSE&amp;creator=factset&amp;display_string=Audit"}</definedName>
    <definedName name="_6486__FDSAUDITLINK__" hidden="1">{"fdsup://Directions/FactSet Auditing Viewer?action=AUDIT_VALUE&amp;DB=129&amp;ID1=283214&amp;VALUEID=01001&amp;SDATE=2010&amp;PERIODTYPE=ANN_STD&amp;SCFT=3&amp;window=popup_no_bar&amp;width=385&amp;height=120&amp;START_MAXIMIZED=FALSE&amp;creator=factset&amp;display_string=Audit"}</definedName>
    <definedName name="_6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7"}</definedName>
    <definedName name="_6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4"}</definedName>
    <definedName name="_6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6"}</definedName>
    <definedName name="_6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5"}</definedName>
    <definedName name="_6515__FDSAUDITLINK__" hidden="1">{"fdsup://directions/FAT Viewer?action=UPDATE&amp;creator=factset&amp;DYN_ARGS=TRUE&amp;DOC_NAME=FAT:FQL_AUDITING_CLIENT_TEMPLATE.FAT&amp;display_string=Audit&amp;VAR:KEY=WXUVITIPOD&amp;VAR:QUERY=RkZfRUJJVERBX09QRVIoQU5OLDAsLTVBWSk=&amp;WINDOW=FIRST_POPUP&amp;HEIGHT=450&amp;WIDTH=450&amp;START_MA","XIMIZED=FALSE&amp;VAR:CALENDAR=US&amp;VAR:SYMBOL=B23GH5&amp;VAR:INDEX=4"}</definedName>
    <definedName name="_6516__FDSAUDITLINK__" hidden="1">{"fdsup://Directions/FactSet Auditing Viewer?action=AUDIT_VALUE&amp;DB=129&amp;ID1=203699&amp;VALUEID=01001&amp;SDATE=2010&amp;PERIODTYPE=ANN_STD&amp;SCFT=3&amp;window=popup_no_bar&amp;width=385&amp;height=120&amp;START_MAXIMIZED=FALSE&amp;creator=factset&amp;display_string=Audit"}</definedName>
    <definedName name="_6517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0"}</definedName>
    <definedName name="_6518__FDSAUDITLINK__" hidden="1">{"fdsup://directions/FAT Viewer?action=UPDATE&amp;creator=factset&amp;DYN_ARGS=TRUE&amp;DOC_NAME=FAT:FQL_AUDITING_CLIENT_TEMPLATE.FAT&amp;display_string=Audit&amp;VAR:KEY=QXQLGVSPYF&amp;VAR:QUERY=RkZfRU5UUlBSX1ZBTF9EQUlMWSgtMkFZLDQxMDYxLEQsLCwnRElMJyk=&amp;WINDOW=FIRST_POPUP&amp;HEIGHT=45","0&amp;WIDTH=450&amp;START_MAXIMIZED=FALSE&amp;VAR:CALENDAR=US&amp;VAR:SYMBOL=B23GH5&amp;VAR:INDEX=206"}</definedName>
    <definedName name="_6519__FDSAUDITLINK__" hidden="1">{"fdsup://directions/FAT Viewer?action=UPDATE&amp;creator=factset&amp;DYN_ARGS=TRUE&amp;DOC_NAME=FAT:FQL_AUDITING_CLIENT_TEMPLATE.FAT&amp;display_string=Audit&amp;VAR:KEY=QXQLGVSPYF&amp;VAR:QUERY=RkZfRU5UUlBSX1ZBTF9EQUlMWSgtMkFZLDQxMDYxLEQsLCwnRElMJyk=&amp;WINDOW=FIRST_POPUP&amp;HEIGHT=45","0&amp;WIDTH=450&amp;START_MAXIMIZED=FALSE&amp;VAR:CALENDAR=US&amp;VAR:SYMBOL=B23GH5&amp;VAR:INDEX=205"}</definedName>
    <definedName name="_6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4"}</definedName>
    <definedName name="_6520__FDSAUDITLINK__" hidden="1">{"fdsup://directions/FAT Viewer?action=UPDATE&amp;creator=factset&amp;DYN_ARGS=TRUE&amp;DOC_NAME=FAT:FQL_AUDITING_CLIENT_TEMPLATE.FAT&amp;display_string=Audit&amp;VAR:KEY=QXQLGVSPYF&amp;VAR:QUERY=RkZfRU5UUlBSX1ZBTF9EQUlMWSgtMkFZLDQxMDYxLEQsLCwnRElMJyk=&amp;WINDOW=FIRST_POPUP&amp;HEIGHT=45","0&amp;WIDTH=450&amp;START_MAXIMIZED=FALSE&amp;VAR:CALENDAR=US&amp;VAR:SYMBOL=B23GH5&amp;VAR:INDEX=204"}</definedName>
    <definedName name="_6521__FDSAUDITLINK__" hidden="1">{"fdsup://directions/FAT Viewer?action=UPDATE&amp;creator=factset&amp;DYN_ARGS=TRUE&amp;DOC_NAME=FAT:FQL_AUDITING_CLIENT_TEMPLATE.FAT&amp;display_string=Audit&amp;VAR:KEY=QXQLGVSPYF&amp;VAR:QUERY=RkZfRU5UUlBSX1ZBTF9EQUlMWSgtMkFZLDQxMDYxLEQsLCwnRElMJyk=&amp;WINDOW=FIRST_POPUP&amp;HEIGHT=45","0&amp;WIDTH=450&amp;START_MAXIMIZED=FALSE&amp;VAR:CALENDAR=US&amp;VAR:SYMBOL=B23GH5&amp;VAR:INDEX=203"}</definedName>
    <definedName name="_6522__FDSAUDITLINK__" hidden="1">{"fdsup://directions/FAT Viewer?action=UPDATE&amp;creator=factset&amp;DYN_ARGS=TRUE&amp;DOC_NAME=FAT:FQL_AUDITING_CLIENT_TEMPLATE.FAT&amp;display_string=Audit&amp;VAR:KEY=QXQLGVSPYF&amp;VAR:QUERY=RkZfRU5UUlBSX1ZBTF9EQUlMWSgtMkFZLDQxMDYxLEQsLCwnRElMJyk=&amp;WINDOW=FIRST_POPUP&amp;HEIGHT=45","0&amp;WIDTH=450&amp;START_MAXIMIZED=FALSE&amp;VAR:CALENDAR=US&amp;VAR:SYMBOL=B23GH5&amp;VAR:INDEX=202"}</definedName>
    <definedName name="_6523__FDSAUDITLINK__" hidden="1">{"fdsup://directions/FAT Viewer?action=UPDATE&amp;creator=factset&amp;DYN_ARGS=TRUE&amp;DOC_NAME=FAT:FQL_AUDITING_CLIENT_TEMPLATE.FAT&amp;display_string=Audit&amp;VAR:KEY=NMHGTIPGNM&amp;VAR:QUERY=RkZfRU5UUlBSX1ZBTF9EQUlMWSgtMkFZLDQxMTEzLEQsLCwnRElMJyk=&amp;WINDOW=FIRST_POPUP&amp;HEIGHT=45","0&amp;WIDTH=450&amp;START_MAXIMIZED=FALSE&amp;VAR:CALENDAR=US&amp;VAR:SYMBOL=236197&amp;VAR:INDEX=502"}</definedName>
    <definedName name="_6524__FDSAUDITLINK__" hidden="1">{"fdsup://directions/FAT Viewer?action=UPDATE&amp;creator=factset&amp;DYN_ARGS=TRUE&amp;DOC_NAME=FAT:FQL_AUDITING_CLIENT_TEMPLATE.FAT&amp;display_string=Audit&amp;VAR:KEY=MJSNOLUHOL&amp;VAR:QUERY=RkZfRU5UUlBSX1ZBTF9EQUlMWSgtMkFZLDQxMTcyLEQsLCwnRElMJyk=&amp;WINDOW=FIRST_POPUP&amp;HEIGHT=45","0&amp;WIDTH=450&amp;START_MAXIMIZED=FALSE&amp;VAR:CALENDAR=US&amp;VAR:SYMBOL=B23GH5&amp;VAR:INDEX=507"}</definedName>
    <definedName name="_65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6"}</definedName>
    <definedName name="_65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5"}</definedName>
    <definedName name="_65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4"}</definedName>
    <definedName name="_65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3"}</definedName>
    <definedName name="_65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2"}</definedName>
    <definedName name="_6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3"}</definedName>
    <definedName name="_65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1"}</definedName>
    <definedName name="_65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0"}</definedName>
    <definedName name="_65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9"}</definedName>
    <definedName name="_65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8"}</definedName>
    <definedName name="_65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7"}</definedName>
    <definedName name="_65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6"}</definedName>
    <definedName name="_65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5"}</definedName>
    <definedName name="_65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4"}</definedName>
    <definedName name="_65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3"}</definedName>
    <definedName name="_65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2"}</definedName>
    <definedName name="_6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2"}</definedName>
    <definedName name="_65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1"}</definedName>
    <definedName name="_65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0"}</definedName>
    <definedName name="_65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9"}</definedName>
    <definedName name="_65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8"}</definedName>
    <definedName name="_65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7"}</definedName>
    <definedName name="_65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6"}</definedName>
    <definedName name="_65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5"}</definedName>
    <definedName name="_65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4"}</definedName>
    <definedName name="_65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3"}</definedName>
    <definedName name="_65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2"}</definedName>
    <definedName name="_6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1"}</definedName>
    <definedName name="_65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1"}</definedName>
    <definedName name="_65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0"}</definedName>
    <definedName name="_65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9"}</definedName>
    <definedName name="_65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8"}</definedName>
    <definedName name="_65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7"}</definedName>
    <definedName name="_65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6"}</definedName>
    <definedName name="_65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5"}</definedName>
    <definedName name="_65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4"}</definedName>
    <definedName name="_65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3"}</definedName>
    <definedName name="_65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2"}</definedName>
    <definedName name="_6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10"}</definedName>
    <definedName name="_65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1"}</definedName>
    <definedName name="_65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0"}</definedName>
    <definedName name="_65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9"}</definedName>
    <definedName name="_65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8"}</definedName>
    <definedName name="_65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7"}</definedName>
    <definedName name="_65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6"}</definedName>
    <definedName name="_65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5"}</definedName>
    <definedName name="_65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4"}</definedName>
    <definedName name="_65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3"}</definedName>
    <definedName name="_65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2"}</definedName>
    <definedName name="_6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9"}</definedName>
    <definedName name="_65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1"}</definedName>
    <definedName name="_65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0"}</definedName>
    <definedName name="_65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9"}</definedName>
    <definedName name="_65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8"}</definedName>
    <definedName name="_65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7"}</definedName>
    <definedName name="_65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6"}</definedName>
    <definedName name="_65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5"}</definedName>
    <definedName name="_65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4"}</definedName>
    <definedName name="_65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3"}</definedName>
    <definedName name="_65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2"}</definedName>
    <definedName name="_6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8"}</definedName>
    <definedName name="_65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1"}</definedName>
    <definedName name="_65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0"}</definedName>
    <definedName name="_65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9"}</definedName>
    <definedName name="_65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8"}</definedName>
    <definedName name="_65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7"}</definedName>
    <definedName name="_65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6"}</definedName>
    <definedName name="_65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5"}</definedName>
    <definedName name="_65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4"}</definedName>
    <definedName name="_65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3"}</definedName>
    <definedName name="_65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2"}</definedName>
    <definedName name="_6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7"}</definedName>
    <definedName name="_65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1"}</definedName>
    <definedName name="_65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0"}</definedName>
    <definedName name="_65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9"}</definedName>
    <definedName name="_65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8"}</definedName>
    <definedName name="_65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7"}</definedName>
    <definedName name="_65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6"}</definedName>
    <definedName name="_65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5"}</definedName>
    <definedName name="_65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4"}</definedName>
    <definedName name="_65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3"}</definedName>
    <definedName name="_65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2"}</definedName>
    <definedName name="_6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3"}</definedName>
    <definedName name="_6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6"}</definedName>
    <definedName name="_66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1"}</definedName>
    <definedName name="_66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0"}</definedName>
    <definedName name="_66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9"}</definedName>
    <definedName name="_66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8"}</definedName>
    <definedName name="_66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7"}</definedName>
    <definedName name="_66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6"}</definedName>
    <definedName name="_66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5"}</definedName>
    <definedName name="_66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4"}</definedName>
    <definedName name="_66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3"}</definedName>
    <definedName name="_66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2"}</definedName>
    <definedName name="_6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5"}</definedName>
    <definedName name="_66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1"}</definedName>
    <definedName name="_66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0"}</definedName>
    <definedName name="_66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9"}</definedName>
    <definedName name="_66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8"}</definedName>
    <definedName name="_66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7"}</definedName>
    <definedName name="_66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6"}</definedName>
    <definedName name="_66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5"}</definedName>
    <definedName name="_66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4"}</definedName>
    <definedName name="_66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3"}</definedName>
    <definedName name="_66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2"}</definedName>
    <definedName name="_6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4"}</definedName>
    <definedName name="_66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1"}</definedName>
    <definedName name="_66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0"}</definedName>
    <definedName name="_66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9"}</definedName>
    <definedName name="_66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8"}</definedName>
    <definedName name="_66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7"}</definedName>
    <definedName name="_66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6"}</definedName>
    <definedName name="_66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5"}</definedName>
    <definedName name="_66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4"}</definedName>
    <definedName name="_66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3"}</definedName>
    <definedName name="_66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2"}</definedName>
    <definedName name="_6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3"}</definedName>
    <definedName name="_66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1"}</definedName>
    <definedName name="_66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0"}</definedName>
    <definedName name="_66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9"}</definedName>
    <definedName name="_66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8"}</definedName>
    <definedName name="_66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7"}</definedName>
    <definedName name="_66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6"}</definedName>
    <definedName name="_66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5"}</definedName>
    <definedName name="_66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4"}</definedName>
    <definedName name="_66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3"}</definedName>
    <definedName name="_66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2"}</definedName>
    <definedName name="_6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2"}</definedName>
    <definedName name="_66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1"}</definedName>
    <definedName name="_66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0"}</definedName>
    <definedName name="_66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9"}</definedName>
    <definedName name="_66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8"}</definedName>
    <definedName name="_66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7"}</definedName>
    <definedName name="_66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6"}</definedName>
    <definedName name="_66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5"}</definedName>
    <definedName name="_66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4"}</definedName>
    <definedName name="_66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3"}</definedName>
    <definedName name="_66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2"}</definedName>
    <definedName name="_6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1"}</definedName>
    <definedName name="_66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1"}</definedName>
    <definedName name="_66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0"}</definedName>
    <definedName name="_66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9"}</definedName>
    <definedName name="_66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8"}</definedName>
    <definedName name="_66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7"}</definedName>
    <definedName name="_66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6"}</definedName>
    <definedName name="_66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5"}</definedName>
    <definedName name="_66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4"}</definedName>
    <definedName name="_66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3"}</definedName>
    <definedName name="_66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2"}</definedName>
    <definedName name="_6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400"}</definedName>
    <definedName name="_66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1"}</definedName>
    <definedName name="_66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0"}</definedName>
    <definedName name="_66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9"}</definedName>
    <definedName name="_66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8"}</definedName>
    <definedName name="_66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7"}</definedName>
    <definedName name="_66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6"}</definedName>
    <definedName name="_66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5"}</definedName>
    <definedName name="_66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4"}</definedName>
    <definedName name="_66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3"}</definedName>
    <definedName name="_66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2"}</definedName>
    <definedName name="_6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9"}</definedName>
    <definedName name="_66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1"}</definedName>
    <definedName name="_66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0"}</definedName>
    <definedName name="_66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9"}</definedName>
    <definedName name="_66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8"}</definedName>
    <definedName name="_66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7"}</definedName>
    <definedName name="_66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6"}</definedName>
    <definedName name="_66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5"}</definedName>
    <definedName name="_66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4"}</definedName>
    <definedName name="_66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3"}</definedName>
    <definedName name="_66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2"}</definedName>
    <definedName name="_6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8"}</definedName>
    <definedName name="_66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1"}</definedName>
    <definedName name="_66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0"}</definedName>
    <definedName name="_66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9"}</definedName>
    <definedName name="_66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8"}</definedName>
    <definedName name="_66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7"}</definedName>
    <definedName name="_66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6"}</definedName>
    <definedName name="_66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5"}</definedName>
    <definedName name="_66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4"}</definedName>
    <definedName name="_66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3"}</definedName>
    <definedName name="_66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2"}</definedName>
    <definedName name="_6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7"}</definedName>
    <definedName name="_66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1"}</definedName>
    <definedName name="_66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0"}</definedName>
    <definedName name="_66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9"}</definedName>
    <definedName name="_66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8"}</definedName>
    <definedName name="_66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7"}</definedName>
    <definedName name="_66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6"}</definedName>
    <definedName name="_66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5"}</definedName>
    <definedName name="_66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4"}</definedName>
    <definedName name="_66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3"}</definedName>
    <definedName name="_66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2"}</definedName>
    <definedName name="_6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2"}</definedName>
    <definedName name="_6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6"}</definedName>
    <definedName name="_67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1"}</definedName>
    <definedName name="_67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0"}</definedName>
    <definedName name="_67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9"}</definedName>
    <definedName name="_67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8"}</definedName>
    <definedName name="_67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7"}</definedName>
    <definedName name="_67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6"}</definedName>
    <definedName name="_67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5"}</definedName>
    <definedName name="_67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4"}</definedName>
    <definedName name="_67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3"}</definedName>
    <definedName name="_67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2"}</definedName>
    <definedName name="_6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5"}</definedName>
    <definedName name="_67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1"}</definedName>
    <definedName name="_67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0"}</definedName>
    <definedName name="_67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9"}</definedName>
    <definedName name="_67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8"}</definedName>
    <definedName name="_67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7"}</definedName>
    <definedName name="_67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6"}</definedName>
    <definedName name="_67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5"}</definedName>
    <definedName name="_67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4"}</definedName>
    <definedName name="_67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3"}</definedName>
    <definedName name="_67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2"}</definedName>
    <definedName name="_6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4"}</definedName>
    <definedName name="_67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1"}</definedName>
    <definedName name="_67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0"}</definedName>
    <definedName name="_67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9"}</definedName>
    <definedName name="_67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8"}</definedName>
    <definedName name="_67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7"}</definedName>
    <definedName name="_67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6"}</definedName>
    <definedName name="_67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5"}</definedName>
    <definedName name="_67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4"}</definedName>
    <definedName name="_67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3"}</definedName>
    <definedName name="_67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2"}</definedName>
    <definedName name="_6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3"}</definedName>
    <definedName name="_67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1"}</definedName>
    <definedName name="_67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0"}</definedName>
    <definedName name="_67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9"}</definedName>
    <definedName name="_67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8"}</definedName>
    <definedName name="_67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7"}</definedName>
    <definedName name="_67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6"}</definedName>
    <definedName name="_67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5"}</definedName>
    <definedName name="_67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4"}</definedName>
    <definedName name="_67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3"}</definedName>
    <definedName name="_67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2"}</definedName>
    <definedName name="_6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2"}</definedName>
    <definedName name="_67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1"}</definedName>
    <definedName name="_67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0"}</definedName>
    <definedName name="_67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9"}</definedName>
    <definedName name="_67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8"}</definedName>
    <definedName name="_67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7"}</definedName>
    <definedName name="_67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6"}</definedName>
    <definedName name="_67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5"}</definedName>
    <definedName name="_67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4"}</definedName>
    <definedName name="_67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3"}</definedName>
    <definedName name="_67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2"}</definedName>
    <definedName name="_6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1"}</definedName>
    <definedName name="_67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1"}</definedName>
    <definedName name="_67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0"}</definedName>
    <definedName name="_67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9"}</definedName>
    <definedName name="_67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8"}</definedName>
    <definedName name="_67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7"}</definedName>
    <definedName name="_67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6"}</definedName>
    <definedName name="_67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5"}</definedName>
    <definedName name="_67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4"}</definedName>
    <definedName name="_67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3"}</definedName>
    <definedName name="_67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2"}</definedName>
    <definedName name="_6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90"}</definedName>
    <definedName name="_67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1"}</definedName>
    <definedName name="_67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0"}</definedName>
    <definedName name="_67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9"}</definedName>
    <definedName name="_67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8"}</definedName>
    <definedName name="_67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7"}</definedName>
    <definedName name="_67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6"}</definedName>
    <definedName name="_67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5"}</definedName>
    <definedName name="_67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4"}</definedName>
    <definedName name="_67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3"}</definedName>
    <definedName name="_67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2"}</definedName>
    <definedName name="_6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9"}</definedName>
    <definedName name="_67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1"}</definedName>
    <definedName name="_67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0"}</definedName>
    <definedName name="_67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9"}</definedName>
    <definedName name="_67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8"}</definedName>
    <definedName name="_67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7"}</definedName>
    <definedName name="_67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6"}</definedName>
    <definedName name="_67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5"}</definedName>
    <definedName name="_67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4"}</definedName>
    <definedName name="_67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3"}</definedName>
    <definedName name="_67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2"}</definedName>
    <definedName name="_6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8"}</definedName>
    <definedName name="_67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1"}</definedName>
    <definedName name="_67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0"}</definedName>
    <definedName name="_67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9"}</definedName>
    <definedName name="_67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8"}</definedName>
    <definedName name="_67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7"}</definedName>
    <definedName name="_67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6"}</definedName>
    <definedName name="_67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5"}</definedName>
    <definedName name="_67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4"}</definedName>
    <definedName name="_67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3"}</definedName>
    <definedName name="_67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2"}</definedName>
    <definedName name="_6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7"}</definedName>
    <definedName name="_67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1"}</definedName>
    <definedName name="_67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0"}</definedName>
    <definedName name="_67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9"}</definedName>
    <definedName name="_67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8"}</definedName>
    <definedName name="_67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7"}</definedName>
    <definedName name="_67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6"}</definedName>
    <definedName name="_67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5"}</definedName>
    <definedName name="_67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4"}</definedName>
    <definedName name="_67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3"}</definedName>
    <definedName name="_67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2"}</definedName>
    <definedName name="_6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1"}</definedName>
    <definedName name="_6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6"}</definedName>
    <definedName name="_68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1"}</definedName>
    <definedName name="_68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0"}</definedName>
    <definedName name="_68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9"}</definedName>
    <definedName name="_68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8"}</definedName>
    <definedName name="_68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7"}</definedName>
    <definedName name="_68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6"}</definedName>
    <definedName name="_68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5"}</definedName>
    <definedName name="_68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4"}</definedName>
    <definedName name="_68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3"}</definedName>
    <definedName name="_68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2"}</definedName>
    <definedName name="_6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5"}</definedName>
    <definedName name="_68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1"}</definedName>
    <definedName name="_68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0"}</definedName>
    <definedName name="_68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9"}</definedName>
    <definedName name="_68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8"}</definedName>
    <definedName name="_68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7"}</definedName>
    <definedName name="_68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6"}</definedName>
    <definedName name="_68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5"}</definedName>
    <definedName name="_68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4"}</definedName>
    <definedName name="_68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3"}</definedName>
    <definedName name="_68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2"}</definedName>
    <definedName name="_6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4"}</definedName>
    <definedName name="_68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1"}</definedName>
    <definedName name="_68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0"}</definedName>
    <definedName name="_68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9"}</definedName>
    <definedName name="_68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8"}</definedName>
    <definedName name="_68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7"}</definedName>
    <definedName name="_68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6"}</definedName>
    <definedName name="_68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5"}</definedName>
    <definedName name="_68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4"}</definedName>
    <definedName name="_68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3"}</definedName>
    <definedName name="_68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2"}</definedName>
    <definedName name="_6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3"}</definedName>
    <definedName name="_68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1"}</definedName>
    <definedName name="_68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0"}</definedName>
    <definedName name="_68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9"}</definedName>
    <definedName name="_68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8"}</definedName>
    <definedName name="_68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7"}</definedName>
    <definedName name="_68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6"}</definedName>
    <definedName name="_68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5"}</definedName>
    <definedName name="_68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4"}</definedName>
    <definedName name="_68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3"}</definedName>
    <definedName name="_68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2"}</definedName>
    <definedName name="_6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2"}</definedName>
    <definedName name="_68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1"}</definedName>
    <definedName name="_68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0"}</definedName>
    <definedName name="_68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9"}</definedName>
    <definedName name="_68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8"}</definedName>
    <definedName name="_68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7"}</definedName>
    <definedName name="_68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6"}</definedName>
    <definedName name="_68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5"}</definedName>
    <definedName name="_68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4"}</definedName>
    <definedName name="_68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3"}</definedName>
    <definedName name="_68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2"}</definedName>
    <definedName name="_6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1"}</definedName>
    <definedName name="_68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1"}</definedName>
    <definedName name="_68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0"}</definedName>
    <definedName name="_68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9"}</definedName>
    <definedName name="_68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8"}</definedName>
    <definedName name="_68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7"}</definedName>
    <definedName name="_68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6"}</definedName>
    <definedName name="_68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5"}</definedName>
    <definedName name="_68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4"}</definedName>
    <definedName name="_68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3"}</definedName>
    <definedName name="_68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2"}</definedName>
    <definedName name="_6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80"}</definedName>
    <definedName name="_68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1"}</definedName>
    <definedName name="_68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0"}</definedName>
    <definedName name="_68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9"}</definedName>
    <definedName name="_68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8"}</definedName>
    <definedName name="_68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7"}</definedName>
    <definedName name="_68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6"}</definedName>
    <definedName name="_68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5"}</definedName>
    <definedName name="_68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4"}</definedName>
    <definedName name="_68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3"}</definedName>
    <definedName name="_68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2"}</definedName>
    <definedName name="_6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9"}</definedName>
    <definedName name="_68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1"}</definedName>
    <definedName name="_68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0"}</definedName>
    <definedName name="_68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9"}</definedName>
    <definedName name="_68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8"}</definedName>
    <definedName name="_68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7"}</definedName>
    <definedName name="_68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6"}</definedName>
    <definedName name="_68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5"}</definedName>
    <definedName name="_68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4"}</definedName>
    <definedName name="_68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3"}</definedName>
    <definedName name="_68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2"}</definedName>
    <definedName name="_6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8"}</definedName>
    <definedName name="_68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1"}</definedName>
    <definedName name="_68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0"}</definedName>
    <definedName name="_68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9"}</definedName>
    <definedName name="_68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8"}</definedName>
    <definedName name="_68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7"}</definedName>
    <definedName name="_68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6"}</definedName>
    <definedName name="_68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5"}</definedName>
    <definedName name="_68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4"}</definedName>
    <definedName name="_68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3"}</definedName>
    <definedName name="_68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2"}</definedName>
    <definedName name="_6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7"}</definedName>
    <definedName name="_68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1"}</definedName>
    <definedName name="_68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0"}</definedName>
    <definedName name="_68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9"}</definedName>
    <definedName name="_68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8"}</definedName>
    <definedName name="_68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7"}</definedName>
    <definedName name="_68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6"}</definedName>
    <definedName name="_68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5"}</definedName>
    <definedName name="_68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4"}</definedName>
    <definedName name="_68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3"}</definedName>
    <definedName name="_68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2"}</definedName>
    <definedName name="_6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90"}</definedName>
    <definedName name="_6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6"}</definedName>
    <definedName name="_69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1"}</definedName>
    <definedName name="_69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0"}</definedName>
    <definedName name="_69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9"}</definedName>
    <definedName name="_69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8"}</definedName>
    <definedName name="_69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7"}</definedName>
    <definedName name="_69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6"}</definedName>
    <definedName name="_69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5"}</definedName>
    <definedName name="_69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4"}</definedName>
    <definedName name="_69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3"}</definedName>
    <definedName name="_69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2"}</definedName>
    <definedName name="_6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5"}</definedName>
    <definedName name="_69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1"}</definedName>
    <definedName name="_69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0"}</definedName>
    <definedName name="_69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9"}</definedName>
    <definedName name="_69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8"}</definedName>
    <definedName name="_69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7"}</definedName>
    <definedName name="_69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6"}</definedName>
    <definedName name="_69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5"}</definedName>
    <definedName name="_69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4"}</definedName>
    <definedName name="_69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3"}</definedName>
    <definedName name="_69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2"}</definedName>
    <definedName name="_6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4"}</definedName>
    <definedName name="_69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1"}</definedName>
    <definedName name="_69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0"}</definedName>
    <definedName name="_69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9"}</definedName>
    <definedName name="_69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8"}</definedName>
    <definedName name="_69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7"}</definedName>
    <definedName name="_69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6"}</definedName>
    <definedName name="_69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5"}</definedName>
    <definedName name="_69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4"}</definedName>
    <definedName name="_69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3"}</definedName>
    <definedName name="_69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2"}</definedName>
    <definedName name="_6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3"}</definedName>
    <definedName name="_69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1"}</definedName>
    <definedName name="_69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0"}</definedName>
    <definedName name="_69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9"}</definedName>
    <definedName name="_69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8"}</definedName>
    <definedName name="_69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7"}</definedName>
    <definedName name="_69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6"}</definedName>
    <definedName name="_69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5"}</definedName>
    <definedName name="_69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4"}</definedName>
    <definedName name="_69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3"}</definedName>
    <definedName name="_69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2"}</definedName>
    <definedName name="_6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2"}</definedName>
    <definedName name="_69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1"}</definedName>
    <definedName name="_69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0"}</definedName>
    <definedName name="_69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9"}</definedName>
    <definedName name="_69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8"}</definedName>
    <definedName name="_69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7"}</definedName>
    <definedName name="_69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6"}</definedName>
    <definedName name="_69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5"}</definedName>
    <definedName name="_69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4"}</definedName>
    <definedName name="_69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3"}</definedName>
    <definedName name="_69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2"}</definedName>
    <definedName name="_6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1"}</definedName>
    <definedName name="_69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1"}</definedName>
    <definedName name="_69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0"}</definedName>
    <definedName name="_69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9"}</definedName>
    <definedName name="_69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8"}</definedName>
    <definedName name="_69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7"}</definedName>
    <definedName name="_69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6"}</definedName>
    <definedName name="_69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5"}</definedName>
    <definedName name="_69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4"}</definedName>
    <definedName name="_69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3"}</definedName>
    <definedName name="_69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2"}</definedName>
    <definedName name="_6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70"}</definedName>
    <definedName name="_69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1"}</definedName>
    <definedName name="_69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0"}</definedName>
    <definedName name="_69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9"}</definedName>
    <definedName name="_69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8"}</definedName>
    <definedName name="_69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7"}</definedName>
    <definedName name="_69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6"}</definedName>
    <definedName name="_69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5"}</definedName>
    <definedName name="_69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4"}</definedName>
    <definedName name="_69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3"}</definedName>
    <definedName name="_69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2"}</definedName>
    <definedName name="_6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9"}</definedName>
    <definedName name="_69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1"}</definedName>
    <definedName name="_69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0"}</definedName>
    <definedName name="_69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9"}</definedName>
    <definedName name="_69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8"}</definedName>
    <definedName name="_69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7"}</definedName>
    <definedName name="_69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6"}</definedName>
    <definedName name="_69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5"}</definedName>
    <definedName name="_69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4"}</definedName>
    <definedName name="_69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3"}</definedName>
    <definedName name="_69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2"}</definedName>
    <definedName name="_6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8"}</definedName>
    <definedName name="_69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1"}</definedName>
    <definedName name="_69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definedName>
    <definedName name="_69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definedName>
    <definedName name="_69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definedName>
    <definedName name="_69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definedName>
    <definedName name="_69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definedName>
    <definedName name="_69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definedName>
    <definedName name="_69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definedName>
    <definedName name="_69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definedName>
    <definedName name="_69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definedName>
    <definedName name="_6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7"}</definedName>
    <definedName name="_69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definedName>
    <definedName name="_69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definedName>
    <definedName name="_69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definedName>
    <definedName name="_69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definedName>
    <definedName name="_69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definedName>
    <definedName name="_69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definedName>
    <definedName name="_69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definedName>
    <definedName name="_69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definedName>
    <definedName name="_69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definedName>
    <definedName name="_69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definedName>
    <definedName name="_7__123Graph_LBL_BCHART_2" hidden="1">[7]DUCOCO!$B$35:$F$35</definedName>
    <definedName name="_7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4"}</definedName>
    <definedName name="_7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9"}</definedName>
    <definedName name="_7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6"}</definedName>
    <definedName name="_70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definedName>
    <definedName name="_70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definedName>
    <definedName name="_70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definedName>
    <definedName name="_70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definedName>
    <definedName name="_70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definedName>
    <definedName name="_70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definedName>
    <definedName name="_70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definedName>
    <definedName name="_70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definedName>
    <definedName name="_70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definedName>
    <definedName name="_70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definedName>
    <definedName name="_7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5"}</definedName>
    <definedName name="_70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definedName>
    <definedName name="_70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definedName>
    <definedName name="_70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definedName>
    <definedName name="_70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definedName>
    <definedName name="_70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definedName>
    <definedName name="_70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definedName>
    <definedName name="_70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definedName>
    <definedName name="_70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definedName>
    <definedName name="_70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definedName>
    <definedName name="_70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definedName>
    <definedName name="_7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4"}</definedName>
    <definedName name="_70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definedName>
    <definedName name="_70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definedName>
    <definedName name="_70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definedName>
    <definedName name="_70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definedName>
    <definedName name="_70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definedName>
    <definedName name="_70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6"}</definedName>
    <definedName name="_70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definedName>
    <definedName name="_70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definedName>
    <definedName name="_70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definedName>
    <definedName name="_70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definedName>
    <definedName name="_7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3"}</definedName>
    <definedName name="_70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definedName>
    <definedName name="_7031__FDSAUDITLINK__" hidden="1">{"fdsup://directions/FAT Viewer?action=UPDATE&amp;creator=factset&amp;DYN_ARGS=TRUE&amp;DOC_NAME=FAT:FQL_AUDITING_CLIENT_TEMPLATE.FAT&amp;display_string=Audit&amp;VAR:KEY=RWFUNYVEDY&amp;VAR:QUERY=RkZfRU5UUlBSX1ZBTF9EQUlMWSgtMkFZLDQxMTcyLEQsLCwnRElMJyk=&amp;WINDOW=FIRST_POPUP&amp;HEIGHT=45","0&amp;WIDTH=450&amp;START_MAXIMIZED=FALSE&amp;VAR:CALENDAR=US&amp;VAR:SYMBOL=B1YWHR&amp;VAR:INDEX=507"}</definedName>
    <definedName name="_70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6"}</definedName>
    <definedName name="_70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5"}</definedName>
    <definedName name="_70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4"}</definedName>
    <definedName name="_70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3"}</definedName>
    <definedName name="_70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2"}</definedName>
    <definedName name="_70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1"}</definedName>
    <definedName name="_70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0"}</definedName>
    <definedName name="_70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9"}</definedName>
    <definedName name="_7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2"}</definedName>
    <definedName name="_70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8"}</definedName>
    <definedName name="_70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7"}</definedName>
    <definedName name="_70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6"}</definedName>
    <definedName name="_70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5"}</definedName>
    <definedName name="_70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4"}</definedName>
    <definedName name="_70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3"}</definedName>
    <definedName name="_70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2"}</definedName>
    <definedName name="_70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1"}</definedName>
    <definedName name="_70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0"}</definedName>
    <definedName name="_70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9"}</definedName>
    <definedName name="_7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1"}</definedName>
    <definedName name="_70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8"}</definedName>
    <definedName name="_70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7"}</definedName>
    <definedName name="_70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6"}</definedName>
    <definedName name="_70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5"}</definedName>
    <definedName name="_70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4"}</definedName>
    <definedName name="_70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3"}</definedName>
    <definedName name="_70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2"}</definedName>
    <definedName name="_70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1"}</definedName>
    <definedName name="_70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0"}</definedName>
    <definedName name="_70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9"}</definedName>
    <definedName name="_7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60"}</definedName>
    <definedName name="_70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8"}</definedName>
    <definedName name="_70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7"}</definedName>
    <definedName name="_70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6"}</definedName>
    <definedName name="_70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5"}</definedName>
    <definedName name="_70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4"}</definedName>
    <definedName name="_70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3"}</definedName>
    <definedName name="_70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2"}</definedName>
    <definedName name="_70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1"}</definedName>
    <definedName name="_70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0"}</definedName>
    <definedName name="_70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9"}</definedName>
    <definedName name="_7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9"}</definedName>
    <definedName name="_70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8"}</definedName>
    <definedName name="_70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7"}</definedName>
    <definedName name="_70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6"}</definedName>
    <definedName name="_70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5"}</definedName>
    <definedName name="_70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4"}</definedName>
    <definedName name="_70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3"}</definedName>
    <definedName name="_70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2"}</definedName>
    <definedName name="_70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1"}</definedName>
    <definedName name="_70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0"}</definedName>
    <definedName name="_70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9"}</definedName>
    <definedName name="_7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8"}</definedName>
    <definedName name="_70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8"}</definedName>
    <definedName name="_70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7"}</definedName>
    <definedName name="_70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6"}</definedName>
    <definedName name="_70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5"}</definedName>
    <definedName name="_70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4"}</definedName>
    <definedName name="_70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3"}</definedName>
    <definedName name="_70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2"}</definedName>
    <definedName name="_70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1"}</definedName>
    <definedName name="_70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0"}</definedName>
    <definedName name="_70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9"}</definedName>
    <definedName name="_7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7"}</definedName>
    <definedName name="_70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8"}</definedName>
    <definedName name="_70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7"}</definedName>
    <definedName name="_70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6"}</definedName>
    <definedName name="_70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5"}</definedName>
    <definedName name="_70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4"}</definedName>
    <definedName name="_70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3"}</definedName>
    <definedName name="_70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2"}</definedName>
    <definedName name="_70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1"}</definedName>
    <definedName name="_70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0"}</definedName>
    <definedName name="_70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9"}</definedName>
    <definedName name="_7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8"}</definedName>
    <definedName name="_7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6"}</definedName>
    <definedName name="_71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8"}</definedName>
    <definedName name="_71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7"}</definedName>
    <definedName name="_71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6"}</definedName>
    <definedName name="_71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5"}</definedName>
    <definedName name="_71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4"}</definedName>
    <definedName name="_71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3"}</definedName>
    <definedName name="_71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2"}</definedName>
    <definedName name="_71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1"}</definedName>
    <definedName name="_71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0"}</definedName>
    <definedName name="_71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9"}</definedName>
    <definedName name="_7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5"}</definedName>
    <definedName name="_71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8"}</definedName>
    <definedName name="_71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7"}</definedName>
    <definedName name="_71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6"}</definedName>
    <definedName name="_71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5"}</definedName>
    <definedName name="_71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4"}</definedName>
    <definedName name="_71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3"}</definedName>
    <definedName name="_71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2"}</definedName>
    <definedName name="_71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1"}</definedName>
    <definedName name="_71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0"}</definedName>
    <definedName name="_71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9"}</definedName>
    <definedName name="_7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4"}</definedName>
    <definedName name="_71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8"}</definedName>
    <definedName name="_71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7"}</definedName>
    <definedName name="_71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6"}</definedName>
    <definedName name="_71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5"}</definedName>
    <definedName name="_71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4"}</definedName>
    <definedName name="_71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3"}</definedName>
    <definedName name="_71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2"}</definedName>
    <definedName name="_71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1"}</definedName>
    <definedName name="_71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0"}</definedName>
    <definedName name="_71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9"}</definedName>
    <definedName name="_7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3"}</definedName>
    <definedName name="_71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8"}</definedName>
    <definedName name="_71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7"}</definedName>
    <definedName name="_71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6"}</definedName>
    <definedName name="_71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5"}</definedName>
    <definedName name="_71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4"}</definedName>
    <definedName name="_71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3"}</definedName>
    <definedName name="_71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2"}</definedName>
    <definedName name="_71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1"}</definedName>
    <definedName name="_71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0"}</definedName>
    <definedName name="_71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9"}</definedName>
    <definedName name="_7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2"}</definedName>
    <definedName name="_71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8"}</definedName>
    <definedName name="_71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7"}</definedName>
    <definedName name="_71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6"}</definedName>
    <definedName name="_71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5"}</definedName>
    <definedName name="_71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4"}</definedName>
    <definedName name="_71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3"}</definedName>
    <definedName name="_71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2"}</definedName>
    <definedName name="_71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1"}</definedName>
    <definedName name="_71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0"}</definedName>
    <definedName name="_71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9"}</definedName>
    <definedName name="_7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1"}</definedName>
    <definedName name="_71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8"}</definedName>
    <definedName name="_71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7"}</definedName>
    <definedName name="_71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6"}</definedName>
    <definedName name="_71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5"}</definedName>
    <definedName name="_71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4"}</definedName>
    <definedName name="_71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3"}</definedName>
    <definedName name="_71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2"}</definedName>
    <definedName name="_71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1"}</definedName>
    <definedName name="_71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0"}</definedName>
    <definedName name="_71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9"}</definedName>
    <definedName name="_7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50"}</definedName>
    <definedName name="_71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8"}</definedName>
    <definedName name="_71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7"}</definedName>
    <definedName name="_71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6"}</definedName>
    <definedName name="_71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5"}</definedName>
    <definedName name="_71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4"}</definedName>
    <definedName name="_71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3"}</definedName>
    <definedName name="_71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2"}</definedName>
    <definedName name="_71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1"}</definedName>
    <definedName name="_71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0"}</definedName>
    <definedName name="_71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9"}</definedName>
    <definedName name="_7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9"}</definedName>
    <definedName name="_71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8"}</definedName>
    <definedName name="_71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7"}</definedName>
    <definedName name="_71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6"}</definedName>
    <definedName name="_71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5"}</definedName>
    <definedName name="_71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4"}</definedName>
    <definedName name="_71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3"}</definedName>
    <definedName name="_71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2"}</definedName>
    <definedName name="_71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1"}</definedName>
    <definedName name="_71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0"}</definedName>
    <definedName name="_71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9"}</definedName>
    <definedName name="_7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8"}</definedName>
    <definedName name="_71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8"}</definedName>
    <definedName name="_71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7"}</definedName>
    <definedName name="_71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6"}</definedName>
    <definedName name="_71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5"}</definedName>
    <definedName name="_71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4"}</definedName>
    <definedName name="_71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3"}</definedName>
    <definedName name="_71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2"}</definedName>
    <definedName name="_71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1"}</definedName>
    <definedName name="_71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0"}</definedName>
    <definedName name="_71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9"}</definedName>
    <definedName name="_7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7"}</definedName>
    <definedName name="_71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8"}</definedName>
    <definedName name="_71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7"}</definedName>
    <definedName name="_71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6"}</definedName>
    <definedName name="_71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5"}</definedName>
    <definedName name="_71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4"}</definedName>
    <definedName name="_71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3"}</definedName>
    <definedName name="_71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2"}</definedName>
    <definedName name="_71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1"}</definedName>
    <definedName name="_71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0"}</definedName>
    <definedName name="_71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9"}</definedName>
    <definedName name="_7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7"}</definedName>
    <definedName name="_7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6"}</definedName>
    <definedName name="_72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8"}</definedName>
    <definedName name="_72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7"}</definedName>
    <definedName name="_72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6"}</definedName>
    <definedName name="_72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5"}</definedName>
    <definedName name="_72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4"}</definedName>
    <definedName name="_72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3"}</definedName>
    <definedName name="_72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2"}</definedName>
    <definedName name="_72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1"}</definedName>
    <definedName name="_72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0"}</definedName>
    <definedName name="_72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9"}</definedName>
    <definedName name="_7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5"}</definedName>
    <definedName name="_72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8"}</definedName>
    <definedName name="_72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7"}</definedName>
    <definedName name="_72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6"}</definedName>
    <definedName name="_72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5"}</definedName>
    <definedName name="_72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4"}</definedName>
    <definedName name="_72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3"}</definedName>
    <definedName name="_72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2"}</definedName>
    <definedName name="_72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1"}</definedName>
    <definedName name="_72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0"}</definedName>
    <definedName name="_72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9"}</definedName>
    <definedName name="_7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4"}</definedName>
    <definedName name="_72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8"}</definedName>
    <definedName name="_72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7"}</definedName>
    <definedName name="_72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6"}</definedName>
    <definedName name="_72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5"}</definedName>
    <definedName name="_72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4"}</definedName>
    <definedName name="_72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3"}</definedName>
    <definedName name="_72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2"}</definedName>
    <definedName name="_72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1"}</definedName>
    <definedName name="_72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0"}</definedName>
    <definedName name="_72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9"}</definedName>
    <definedName name="_7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3"}</definedName>
    <definedName name="_72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8"}</definedName>
    <definedName name="_72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7"}</definedName>
    <definedName name="_72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6"}</definedName>
    <definedName name="_72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5"}</definedName>
    <definedName name="_72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4"}</definedName>
    <definedName name="_72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3"}</definedName>
    <definedName name="_72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2"}</definedName>
    <definedName name="_72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1"}</definedName>
    <definedName name="_72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0"}</definedName>
    <definedName name="_72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9"}</definedName>
    <definedName name="_7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2"}</definedName>
    <definedName name="_72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8"}</definedName>
    <definedName name="_72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7"}</definedName>
    <definedName name="_72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6"}</definedName>
    <definedName name="_72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5"}</definedName>
    <definedName name="_72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4"}</definedName>
    <definedName name="_72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3"}</definedName>
    <definedName name="_72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2"}</definedName>
    <definedName name="_72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1"}</definedName>
    <definedName name="_72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0"}</definedName>
    <definedName name="_72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9"}</definedName>
    <definedName name="_7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1"}</definedName>
    <definedName name="_72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8"}</definedName>
    <definedName name="_72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7"}</definedName>
    <definedName name="_72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6"}</definedName>
    <definedName name="_72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5"}</definedName>
    <definedName name="_72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4"}</definedName>
    <definedName name="_72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3"}</definedName>
    <definedName name="_72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2"}</definedName>
    <definedName name="_72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1"}</definedName>
    <definedName name="_72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0"}</definedName>
    <definedName name="_72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9"}</definedName>
    <definedName name="_7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40"}</definedName>
    <definedName name="_72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8"}</definedName>
    <definedName name="_72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7"}</definedName>
    <definedName name="_72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6"}</definedName>
    <definedName name="_72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5"}</definedName>
    <definedName name="_72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4"}</definedName>
    <definedName name="_72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3"}</definedName>
    <definedName name="_72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2"}</definedName>
    <definedName name="_72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1"}</definedName>
    <definedName name="_72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0"}</definedName>
    <definedName name="_72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9"}</definedName>
    <definedName name="_7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9"}</definedName>
    <definedName name="_72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8"}</definedName>
    <definedName name="_72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7"}</definedName>
    <definedName name="_72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6"}</definedName>
    <definedName name="_72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5"}</definedName>
    <definedName name="_72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4"}</definedName>
    <definedName name="_72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3"}</definedName>
    <definedName name="_72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2"}</definedName>
    <definedName name="_72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1"}</definedName>
    <definedName name="_72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0"}</definedName>
    <definedName name="_72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9"}</definedName>
    <definedName name="_7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8"}</definedName>
    <definedName name="_72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8"}</definedName>
    <definedName name="_72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7"}</definedName>
    <definedName name="_72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6"}</definedName>
    <definedName name="_72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5"}</definedName>
    <definedName name="_72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4"}</definedName>
    <definedName name="_72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3"}</definedName>
    <definedName name="_72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2"}</definedName>
    <definedName name="_72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1"}</definedName>
    <definedName name="_72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0"}</definedName>
    <definedName name="_72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9"}</definedName>
    <definedName name="_7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7"}</definedName>
    <definedName name="_72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8"}</definedName>
    <definedName name="_72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7"}</definedName>
    <definedName name="_72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6"}</definedName>
    <definedName name="_72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5"}</definedName>
    <definedName name="_72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4"}</definedName>
    <definedName name="_72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3"}</definedName>
    <definedName name="_72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2"}</definedName>
    <definedName name="_72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1"}</definedName>
    <definedName name="_72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0"}</definedName>
    <definedName name="_72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9"}</definedName>
    <definedName name="_7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6"}</definedName>
    <definedName name="_7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6"}</definedName>
    <definedName name="_73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8"}</definedName>
    <definedName name="_73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7"}</definedName>
    <definedName name="_73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6"}</definedName>
    <definedName name="_73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5"}</definedName>
    <definedName name="_73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4"}</definedName>
    <definedName name="_73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3"}</definedName>
    <definedName name="_73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2"}</definedName>
    <definedName name="_73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1"}</definedName>
    <definedName name="_73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0"}</definedName>
    <definedName name="_73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9"}</definedName>
    <definedName name="_7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5"}</definedName>
    <definedName name="_73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8"}</definedName>
    <definedName name="_73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7"}</definedName>
    <definedName name="_73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6"}</definedName>
    <definedName name="_73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5"}</definedName>
    <definedName name="_73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4"}</definedName>
    <definedName name="_73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3"}</definedName>
    <definedName name="_73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2"}</definedName>
    <definedName name="_73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1"}</definedName>
    <definedName name="_73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0"}</definedName>
    <definedName name="_73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9"}</definedName>
    <definedName name="_7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4"}</definedName>
    <definedName name="_73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8"}</definedName>
    <definedName name="_73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7"}</definedName>
    <definedName name="_73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6"}</definedName>
    <definedName name="_73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5"}</definedName>
    <definedName name="_73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4"}</definedName>
    <definedName name="_73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3"}</definedName>
    <definedName name="_73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2"}</definedName>
    <definedName name="_73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1"}</definedName>
    <definedName name="_73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0"}</definedName>
    <definedName name="_73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9"}</definedName>
    <definedName name="_7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3"}</definedName>
    <definedName name="_73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8"}</definedName>
    <definedName name="_73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7"}</definedName>
    <definedName name="_73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6"}</definedName>
    <definedName name="_73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5"}</definedName>
    <definedName name="_73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4"}</definedName>
    <definedName name="_73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3"}</definedName>
    <definedName name="_73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2"}</definedName>
    <definedName name="_73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1"}</definedName>
    <definedName name="_73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0"}</definedName>
    <definedName name="_73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9"}</definedName>
    <definedName name="_7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2"}</definedName>
    <definedName name="_73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8"}</definedName>
    <definedName name="_73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7"}</definedName>
    <definedName name="_73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6"}</definedName>
    <definedName name="_73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5"}</definedName>
    <definedName name="_73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4"}</definedName>
    <definedName name="_73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3"}</definedName>
    <definedName name="_73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2"}</definedName>
    <definedName name="_73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1"}</definedName>
    <definedName name="_73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0"}</definedName>
    <definedName name="_73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9"}</definedName>
    <definedName name="_7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1"}</definedName>
    <definedName name="_73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8"}</definedName>
    <definedName name="_73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7"}</definedName>
    <definedName name="_73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6"}</definedName>
    <definedName name="_73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5"}</definedName>
    <definedName name="_73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4"}</definedName>
    <definedName name="_73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3"}</definedName>
    <definedName name="_73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2"}</definedName>
    <definedName name="_73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1"}</definedName>
    <definedName name="_73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0"}</definedName>
    <definedName name="_73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9"}</definedName>
    <definedName name="_7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30"}</definedName>
    <definedName name="_73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8"}</definedName>
    <definedName name="_73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7"}</definedName>
    <definedName name="_73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6"}</definedName>
    <definedName name="_73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5"}</definedName>
    <definedName name="_73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4"}</definedName>
    <definedName name="_73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3"}</definedName>
    <definedName name="_73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2"}</definedName>
    <definedName name="_73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1"}</definedName>
    <definedName name="_73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0"}</definedName>
    <definedName name="_73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9"}</definedName>
    <definedName name="_7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9"}</definedName>
    <definedName name="_73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8"}</definedName>
    <definedName name="_73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7"}</definedName>
    <definedName name="_73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6"}</definedName>
    <definedName name="_73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5"}</definedName>
    <definedName name="_73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4"}</definedName>
    <definedName name="_73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3"}</definedName>
    <definedName name="_73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2"}</definedName>
    <definedName name="_73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1"}</definedName>
    <definedName name="_73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0"}</definedName>
    <definedName name="_73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9"}</definedName>
    <definedName name="_7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8"}</definedName>
    <definedName name="_73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8"}</definedName>
    <definedName name="_73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7"}</definedName>
    <definedName name="_73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6"}</definedName>
    <definedName name="_73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5"}</definedName>
    <definedName name="_73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4"}</definedName>
    <definedName name="_73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3"}</definedName>
    <definedName name="_73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2"}</definedName>
    <definedName name="_73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1"}</definedName>
    <definedName name="_73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0"}</definedName>
    <definedName name="_73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9"}</definedName>
    <definedName name="_7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7"}</definedName>
    <definedName name="_73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8"}</definedName>
    <definedName name="_73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7"}</definedName>
    <definedName name="_73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6"}</definedName>
    <definedName name="_73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5"}</definedName>
    <definedName name="_73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4"}</definedName>
    <definedName name="_73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3"}</definedName>
    <definedName name="_73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2"}</definedName>
    <definedName name="_73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1"}</definedName>
    <definedName name="_73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0"}</definedName>
    <definedName name="_73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9"}</definedName>
    <definedName name="_7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5"}</definedName>
    <definedName name="_7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6"}</definedName>
    <definedName name="_74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8"}</definedName>
    <definedName name="_74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7"}</definedName>
    <definedName name="_74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6"}</definedName>
    <definedName name="_74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5"}</definedName>
    <definedName name="_74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4"}</definedName>
    <definedName name="_74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3"}</definedName>
    <definedName name="_74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2"}</definedName>
    <definedName name="_74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1"}</definedName>
    <definedName name="_74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0"}</definedName>
    <definedName name="_74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9"}</definedName>
    <definedName name="_7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5"}</definedName>
    <definedName name="_74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8"}</definedName>
    <definedName name="_74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7"}</definedName>
    <definedName name="_74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6"}</definedName>
    <definedName name="_74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5"}</definedName>
    <definedName name="_74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4"}</definedName>
    <definedName name="_74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3"}</definedName>
    <definedName name="_74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2"}</definedName>
    <definedName name="_74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1"}</definedName>
    <definedName name="_74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0"}</definedName>
    <definedName name="_74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9"}</definedName>
    <definedName name="_7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4"}</definedName>
    <definedName name="_74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8"}</definedName>
    <definedName name="_74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7"}</definedName>
    <definedName name="_74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6"}</definedName>
    <definedName name="_74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5"}</definedName>
    <definedName name="_74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4"}</definedName>
    <definedName name="_74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3"}</definedName>
    <definedName name="_74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2"}</definedName>
    <definedName name="_74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1"}</definedName>
    <definedName name="_74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0"}</definedName>
    <definedName name="_74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9"}</definedName>
    <definedName name="_7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3"}</definedName>
    <definedName name="_74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8"}</definedName>
    <definedName name="_74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7"}</definedName>
    <definedName name="_74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6"}</definedName>
    <definedName name="_74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5"}</definedName>
    <definedName name="_74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4"}</definedName>
    <definedName name="_74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3"}</definedName>
    <definedName name="_74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2"}</definedName>
    <definedName name="_74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1"}</definedName>
    <definedName name="_743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0"}</definedName>
    <definedName name="_743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9"}</definedName>
    <definedName name="_7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2"}</definedName>
    <definedName name="_744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8"}</definedName>
    <definedName name="_744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7"}</definedName>
    <definedName name="_744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6"}</definedName>
    <definedName name="_744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5"}</definedName>
    <definedName name="_744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4"}</definedName>
    <definedName name="_744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3"}</definedName>
    <definedName name="_744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2"}</definedName>
    <definedName name="_744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1"}</definedName>
    <definedName name="_744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0"}</definedName>
    <definedName name="_744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9"}</definedName>
    <definedName name="_7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1"}</definedName>
    <definedName name="_745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8"}</definedName>
    <definedName name="_745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7"}</definedName>
    <definedName name="_745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6"}</definedName>
    <definedName name="_745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5"}</definedName>
    <definedName name="_745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4"}</definedName>
    <definedName name="_745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3"}</definedName>
    <definedName name="_745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2"}</definedName>
    <definedName name="_745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1"}</definedName>
    <definedName name="_745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0"}</definedName>
    <definedName name="_745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9"}</definedName>
    <definedName name="_7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20"}</definedName>
    <definedName name="_746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8"}</definedName>
    <definedName name="_746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7"}</definedName>
    <definedName name="_746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6"}</definedName>
    <definedName name="_746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5"}</definedName>
    <definedName name="_746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4"}</definedName>
    <definedName name="_746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3"}</definedName>
    <definedName name="_746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2"}</definedName>
    <definedName name="_746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1"}</definedName>
    <definedName name="_746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0"}</definedName>
    <definedName name="_746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9"}</definedName>
    <definedName name="_7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9"}</definedName>
    <definedName name="_747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8"}</definedName>
    <definedName name="_747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7"}</definedName>
    <definedName name="_747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6"}</definedName>
    <definedName name="_747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5"}</definedName>
    <definedName name="_747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4"}</definedName>
    <definedName name="_747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3"}</definedName>
    <definedName name="_747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2"}</definedName>
    <definedName name="_747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1"}</definedName>
    <definedName name="_747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0"}</definedName>
    <definedName name="_747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9"}</definedName>
    <definedName name="_7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8"}</definedName>
    <definedName name="_748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8"}</definedName>
    <definedName name="_748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7"}</definedName>
    <definedName name="_748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6"}</definedName>
    <definedName name="_748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5"}</definedName>
    <definedName name="_748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4"}</definedName>
    <definedName name="_748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3"}</definedName>
    <definedName name="_748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2"}</definedName>
    <definedName name="_748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1"}</definedName>
    <definedName name="_748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0"}</definedName>
    <definedName name="_748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9"}</definedName>
    <definedName name="_7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7"}</definedName>
    <definedName name="_749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8"}</definedName>
    <definedName name="_749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7"}</definedName>
    <definedName name="_749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6"}</definedName>
    <definedName name="_749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5"}</definedName>
    <definedName name="_749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4"}</definedName>
    <definedName name="_749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3"}</definedName>
    <definedName name="_749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2"}</definedName>
    <definedName name="_749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1"}</definedName>
    <definedName name="_749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0"}</definedName>
    <definedName name="_749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9"}</definedName>
    <definedName name="_7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4"}</definedName>
    <definedName name="_7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6"}</definedName>
    <definedName name="_750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8"}</definedName>
    <definedName name="_750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7"}</definedName>
    <definedName name="_750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6"}</definedName>
    <definedName name="_750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5"}</definedName>
    <definedName name="_750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4"}</definedName>
    <definedName name="_750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3"}</definedName>
    <definedName name="_750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2"}</definedName>
    <definedName name="_750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1"}</definedName>
    <definedName name="_750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0"}</definedName>
    <definedName name="_750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9"}</definedName>
    <definedName name="_7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5"}</definedName>
    <definedName name="_751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8"}</definedName>
    <definedName name="_751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7"}</definedName>
    <definedName name="_751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6"}</definedName>
    <definedName name="_751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5"}</definedName>
    <definedName name="_751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4"}</definedName>
    <definedName name="_751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3"}</definedName>
    <definedName name="_751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2"}</definedName>
    <definedName name="_751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1"}</definedName>
    <definedName name="_751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0"}</definedName>
    <definedName name="_751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9"}</definedName>
    <definedName name="_7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4"}</definedName>
    <definedName name="_752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8"}</definedName>
    <definedName name="_752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7"}</definedName>
    <definedName name="_752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6"}</definedName>
    <definedName name="_752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5"}</definedName>
    <definedName name="_752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4"}</definedName>
    <definedName name="_752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3"}</definedName>
    <definedName name="_752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2"}</definedName>
    <definedName name="_752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1"}</definedName>
    <definedName name="_7528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0"}</definedName>
    <definedName name="_7529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9"}</definedName>
    <definedName name="_7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3"}</definedName>
    <definedName name="_7530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8"}</definedName>
    <definedName name="_7531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7"}</definedName>
    <definedName name="_7532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6"}</definedName>
    <definedName name="_7533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5"}</definedName>
    <definedName name="_7534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4"}</definedName>
    <definedName name="_7535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3"}</definedName>
    <definedName name="_7536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2"}</definedName>
    <definedName name="_7537__FDSAUDITLINK__" hidden="1">{"fdsup://directions/FAT Viewer?action=UPDATE&amp;creator=factset&amp;DYN_ARGS=TRUE&amp;DOC_NAME=FAT:FQL_AUDITING_CLIENT_TEMPLATE.FAT&amp;display_string=Audit&amp;VAR:KEY=TUXUJOJGRI&amp;VAR:QUERY=RkZfRU5UUlBSX1ZBTF9EQUlMWSgtMkFZLDQxMTcyLEQsLCwnRElMJyk=&amp;WINDOW=FIRST_POPUP&amp;HEIGHT=45","0&amp;WIDTH=450&amp;START_MAXIMIZED=FALSE&amp;VAR:CALENDAR=US&amp;VAR:SYMBOL=B1YWHR&amp;VAR:INDEX=1"}</definedName>
    <definedName name="_7538__FDSAUDITLINK__" hidden="1">{"fdsup://directions/FAT Viewer?action=UPDATE&amp;creator=factset&amp;DYN_ARGS=TRUE&amp;DOC_NAME=FAT:FQL_AUDITING_CLIENT_TEMPLATE.FAT&amp;display_string=Audit&amp;VAR:KEY=WXOLARCNOX&amp;VAR:QUERY=RkZfRU5UUlBSX1ZBTF9EQUlMWSgtMkFZLDQxMTcyLEQsLCwnRElMJyk=&amp;WINDOW=FIRST_POPUP&amp;HEIGHT=45","0&amp;WIDTH=450&amp;START_MAXIMIZED=FALSE&amp;VAR:CALENDAR=US&amp;VAR:SYMBOL=B1V74X&amp;VAR:INDEX=507"}</definedName>
    <definedName name="_75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6"}</definedName>
    <definedName name="_7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2"}</definedName>
    <definedName name="_75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5"}</definedName>
    <definedName name="_75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4"}</definedName>
    <definedName name="_75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3"}</definedName>
    <definedName name="_75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2"}</definedName>
    <definedName name="_75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1"}</definedName>
    <definedName name="_75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0"}</definedName>
    <definedName name="_75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9"}</definedName>
    <definedName name="_75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8"}</definedName>
    <definedName name="_75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7"}</definedName>
    <definedName name="_75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6"}</definedName>
    <definedName name="_7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1"}</definedName>
    <definedName name="_75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5"}</definedName>
    <definedName name="_75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4"}</definedName>
    <definedName name="_75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3"}</definedName>
    <definedName name="_75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2"}</definedName>
    <definedName name="_75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1"}</definedName>
    <definedName name="_75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0"}</definedName>
    <definedName name="_75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9"}</definedName>
    <definedName name="_75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8"}</definedName>
    <definedName name="_75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7"}</definedName>
    <definedName name="_75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6"}</definedName>
    <definedName name="_7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10"}</definedName>
    <definedName name="_75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5"}</definedName>
    <definedName name="_75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4"}</definedName>
    <definedName name="_75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3"}</definedName>
    <definedName name="_75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2"}</definedName>
    <definedName name="_75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1"}</definedName>
    <definedName name="_75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0"}</definedName>
    <definedName name="_75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9"}</definedName>
    <definedName name="_75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8"}</definedName>
    <definedName name="_75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7"}</definedName>
    <definedName name="_75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6"}</definedName>
    <definedName name="_7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9"}</definedName>
    <definedName name="_75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5"}</definedName>
    <definedName name="_75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4"}</definedName>
    <definedName name="_75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3"}</definedName>
    <definedName name="_75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2"}</definedName>
    <definedName name="_75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1"}</definedName>
    <definedName name="_75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0"}</definedName>
    <definedName name="_75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9"}</definedName>
    <definedName name="_75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8"}</definedName>
    <definedName name="_75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7"}</definedName>
    <definedName name="_75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6"}</definedName>
    <definedName name="_7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8"}</definedName>
    <definedName name="_75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5"}</definedName>
    <definedName name="_75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4"}</definedName>
    <definedName name="_75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3"}</definedName>
    <definedName name="_75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2"}</definedName>
    <definedName name="_75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1"}</definedName>
    <definedName name="_75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0"}</definedName>
    <definedName name="_75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9"}</definedName>
    <definedName name="_75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8"}</definedName>
    <definedName name="_75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7"}</definedName>
    <definedName name="_75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6"}</definedName>
    <definedName name="_7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7"}</definedName>
    <definedName name="_75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5"}</definedName>
    <definedName name="_75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4"}</definedName>
    <definedName name="_75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3"}</definedName>
    <definedName name="_75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2"}</definedName>
    <definedName name="_75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1"}</definedName>
    <definedName name="_75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0"}</definedName>
    <definedName name="_75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9"}</definedName>
    <definedName name="_75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8"}</definedName>
    <definedName name="_75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7"}</definedName>
    <definedName name="_75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6"}</definedName>
    <definedName name="_7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3"}</definedName>
    <definedName name="_7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6"}</definedName>
    <definedName name="_76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5"}</definedName>
    <definedName name="_76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4"}</definedName>
    <definedName name="_76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3"}</definedName>
    <definedName name="_76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2"}</definedName>
    <definedName name="_76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1"}</definedName>
    <definedName name="_76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0"}</definedName>
    <definedName name="_76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9"}</definedName>
    <definedName name="_76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8"}</definedName>
    <definedName name="_76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7"}</definedName>
    <definedName name="_76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6"}</definedName>
    <definedName name="_7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5"}</definedName>
    <definedName name="_76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5"}</definedName>
    <definedName name="_76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4"}</definedName>
    <definedName name="_76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3"}</definedName>
    <definedName name="_76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2"}</definedName>
    <definedName name="_76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1"}</definedName>
    <definedName name="_76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0"}</definedName>
    <definedName name="_76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9"}</definedName>
    <definedName name="_76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8"}</definedName>
    <definedName name="_76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7"}</definedName>
    <definedName name="_76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6"}</definedName>
    <definedName name="_7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4"}</definedName>
    <definedName name="_76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5"}</definedName>
    <definedName name="_76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4"}</definedName>
    <definedName name="_76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3"}</definedName>
    <definedName name="_76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2"}</definedName>
    <definedName name="_76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1"}</definedName>
    <definedName name="_76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0"}</definedName>
    <definedName name="_76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9"}</definedName>
    <definedName name="_76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8"}</definedName>
    <definedName name="_76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7"}</definedName>
    <definedName name="_76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6"}</definedName>
    <definedName name="_7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3"}</definedName>
    <definedName name="_76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5"}</definedName>
    <definedName name="_76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4"}</definedName>
    <definedName name="_76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3"}</definedName>
    <definedName name="_76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2"}</definedName>
    <definedName name="_76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1"}</definedName>
    <definedName name="_76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0"}</definedName>
    <definedName name="_76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9"}</definedName>
    <definedName name="_76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8"}</definedName>
    <definedName name="_76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7"}</definedName>
    <definedName name="_76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6"}</definedName>
    <definedName name="_7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2"}</definedName>
    <definedName name="_76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5"}</definedName>
    <definedName name="_76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4"}</definedName>
    <definedName name="_76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3"}</definedName>
    <definedName name="_76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2"}</definedName>
    <definedName name="_76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1"}</definedName>
    <definedName name="_76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0"}</definedName>
    <definedName name="_76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9"}</definedName>
    <definedName name="_76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8"}</definedName>
    <definedName name="_76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7"}</definedName>
    <definedName name="_76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6"}</definedName>
    <definedName name="_7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1"}</definedName>
    <definedName name="_76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5"}</definedName>
    <definedName name="_76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4"}</definedName>
    <definedName name="_76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3"}</definedName>
    <definedName name="_76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2"}</definedName>
    <definedName name="_76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1"}</definedName>
    <definedName name="_76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0"}</definedName>
    <definedName name="_76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9"}</definedName>
    <definedName name="_76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8"}</definedName>
    <definedName name="_76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7"}</definedName>
    <definedName name="_76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6"}</definedName>
    <definedName name="_7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300"}</definedName>
    <definedName name="_76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5"}</definedName>
    <definedName name="_76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4"}</definedName>
    <definedName name="_76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3"}</definedName>
    <definedName name="_76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2"}</definedName>
    <definedName name="_76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1"}</definedName>
    <definedName name="_76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0"}</definedName>
    <definedName name="_76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9"}</definedName>
    <definedName name="_76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8"}</definedName>
    <definedName name="_76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7"}</definedName>
    <definedName name="_76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6"}</definedName>
    <definedName name="_7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9"}</definedName>
    <definedName name="_76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5"}</definedName>
    <definedName name="_76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4"}</definedName>
    <definedName name="_76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3"}</definedName>
    <definedName name="_76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2"}</definedName>
    <definedName name="_76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1"}</definedName>
    <definedName name="_76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0"}</definedName>
    <definedName name="_76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9"}</definedName>
    <definedName name="_76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8"}</definedName>
    <definedName name="_76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7"}</definedName>
    <definedName name="_76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6"}</definedName>
    <definedName name="_7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8"}</definedName>
    <definedName name="_76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5"}</definedName>
    <definedName name="_76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4"}</definedName>
    <definedName name="_76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3"}</definedName>
    <definedName name="_76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2"}</definedName>
    <definedName name="_76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1"}</definedName>
    <definedName name="_76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0"}</definedName>
    <definedName name="_76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9"}</definedName>
    <definedName name="_76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8"}</definedName>
    <definedName name="_76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7"}</definedName>
    <definedName name="_76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6"}</definedName>
    <definedName name="_7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7"}</definedName>
    <definedName name="_76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5"}</definedName>
    <definedName name="_76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4"}</definedName>
    <definedName name="_76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3"}</definedName>
    <definedName name="_76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2"}</definedName>
    <definedName name="_76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1"}</definedName>
    <definedName name="_76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0"}</definedName>
    <definedName name="_76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9"}</definedName>
    <definedName name="_76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8"}</definedName>
    <definedName name="_76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7"}</definedName>
    <definedName name="_76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6"}</definedName>
    <definedName name="_7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2"}</definedName>
    <definedName name="_7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6"}</definedName>
    <definedName name="_77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5"}</definedName>
    <definedName name="_77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4"}</definedName>
    <definedName name="_77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3"}</definedName>
    <definedName name="_77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2"}</definedName>
    <definedName name="_77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1"}</definedName>
    <definedName name="_77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0"}</definedName>
    <definedName name="_77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9"}</definedName>
    <definedName name="_77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8"}</definedName>
    <definedName name="_77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7"}</definedName>
    <definedName name="_77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6"}</definedName>
    <definedName name="_7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5"}</definedName>
    <definedName name="_77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5"}</definedName>
    <definedName name="_77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4"}</definedName>
    <definedName name="_77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3"}</definedName>
    <definedName name="_77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2"}</definedName>
    <definedName name="_77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1"}</definedName>
    <definedName name="_77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0"}</definedName>
    <definedName name="_77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9"}</definedName>
    <definedName name="_77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8"}</definedName>
    <definedName name="_77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7"}</definedName>
    <definedName name="_77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6"}</definedName>
    <definedName name="_7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4"}</definedName>
    <definedName name="_77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5"}</definedName>
    <definedName name="_77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4"}</definedName>
    <definedName name="_77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3"}</definedName>
    <definedName name="_77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2"}</definedName>
    <definedName name="_77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1"}</definedName>
    <definedName name="_77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0"}</definedName>
    <definedName name="_77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9"}</definedName>
    <definedName name="_77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8"}</definedName>
    <definedName name="_77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7"}</definedName>
    <definedName name="_77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6"}</definedName>
    <definedName name="_7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3"}</definedName>
    <definedName name="_77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5"}</definedName>
    <definedName name="_77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4"}</definedName>
    <definedName name="_77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3"}</definedName>
    <definedName name="_77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2"}</definedName>
    <definedName name="_77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1"}</definedName>
    <definedName name="_77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0"}</definedName>
    <definedName name="_77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9"}</definedName>
    <definedName name="_77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8"}</definedName>
    <definedName name="_77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7"}</definedName>
    <definedName name="_77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6"}</definedName>
    <definedName name="_7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2"}</definedName>
    <definedName name="_77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5"}</definedName>
    <definedName name="_77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4"}</definedName>
    <definedName name="_77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3"}</definedName>
    <definedName name="_77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2"}</definedName>
    <definedName name="_77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1"}</definedName>
    <definedName name="_77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0"}</definedName>
    <definedName name="_77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9"}</definedName>
    <definedName name="_77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8"}</definedName>
    <definedName name="_77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7"}</definedName>
    <definedName name="_77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6"}</definedName>
    <definedName name="_7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1"}</definedName>
    <definedName name="_77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5"}</definedName>
    <definedName name="_77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4"}</definedName>
    <definedName name="_77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3"}</definedName>
    <definedName name="_77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2"}</definedName>
    <definedName name="_77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1"}</definedName>
    <definedName name="_77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0"}</definedName>
    <definedName name="_77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9"}</definedName>
    <definedName name="_77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8"}</definedName>
    <definedName name="_77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7"}</definedName>
    <definedName name="_77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6"}</definedName>
    <definedName name="_7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90"}</definedName>
    <definedName name="_77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5"}</definedName>
    <definedName name="_77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4"}</definedName>
    <definedName name="_77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3"}</definedName>
    <definedName name="_77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2"}</definedName>
    <definedName name="_77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1"}</definedName>
    <definedName name="_77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0"}</definedName>
    <definedName name="_77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9"}</definedName>
    <definedName name="_77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8"}</definedName>
    <definedName name="_77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7"}</definedName>
    <definedName name="_77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6"}</definedName>
    <definedName name="_7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9"}</definedName>
    <definedName name="_77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5"}</definedName>
    <definedName name="_77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4"}</definedName>
    <definedName name="_77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3"}</definedName>
    <definedName name="_77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2"}</definedName>
    <definedName name="_77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1"}</definedName>
    <definedName name="_77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0"}</definedName>
    <definedName name="_77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9"}</definedName>
    <definedName name="_77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8"}</definedName>
    <definedName name="_77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7"}</definedName>
    <definedName name="_77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6"}</definedName>
    <definedName name="_7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8"}</definedName>
    <definedName name="_77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5"}</definedName>
    <definedName name="_77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4"}</definedName>
    <definedName name="_77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3"}</definedName>
    <definedName name="_77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2"}</definedName>
    <definedName name="_77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1"}</definedName>
    <definedName name="_77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0"}</definedName>
    <definedName name="_77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9"}</definedName>
    <definedName name="_77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8"}</definedName>
    <definedName name="_77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7"}</definedName>
    <definedName name="_77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6"}</definedName>
    <definedName name="_7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7"}</definedName>
    <definedName name="_77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5"}</definedName>
    <definedName name="_77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4"}</definedName>
    <definedName name="_77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3"}</definedName>
    <definedName name="_77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2"}</definedName>
    <definedName name="_77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1"}</definedName>
    <definedName name="_77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0"}</definedName>
    <definedName name="_77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9"}</definedName>
    <definedName name="_77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8"}</definedName>
    <definedName name="_77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7"}</definedName>
    <definedName name="_77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6"}</definedName>
    <definedName name="_7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1"}</definedName>
    <definedName name="_7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6"}</definedName>
    <definedName name="_78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5"}</definedName>
    <definedName name="_78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4"}</definedName>
    <definedName name="_78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3"}</definedName>
    <definedName name="_78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2"}</definedName>
    <definedName name="_78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1"}</definedName>
    <definedName name="_78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0"}</definedName>
    <definedName name="_78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9"}</definedName>
    <definedName name="_78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8"}</definedName>
    <definedName name="_78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7"}</definedName>
    <definedName name="_78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6"}</definedName>
    <definedName name="_7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5"}</definedName>
    <definedName name="_78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5"}</definedName>
    <definedName name="_78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4"}</definedName>
    <definedName name="_78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3"}</definedName>
    <definedName name="_78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2"}</definedName>
    <definedName name="_78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1"}</definedName>
    <definedName name="_78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0"}</definedName>
    <definedName name="_78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9"}</definedName>
    <definedName name="_78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8"}</definedName>
    <definedName name="_78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7"}</definedName>
    <definedName name="_78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6"}</definedName>
    <definedName name="_7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4"}</definedName>
    <definedName name="_78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5"}</definedName>
    <definedName name="_78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4"}</definedName>
    <definedName name="_78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3"}</definedName>
    <definedName name="_78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2"}</definedName>
    <definedName name="_78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1"}</definedName>
    <definedName name="_78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0"}</definedName>
    <definedName name="_78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9"}</definedName>
    <definedName name="_78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8"}</definedName>
    <definedName name="_78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7"}</definedName>
    <definedName name="_78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6"}</definedName>
    <definedName name="_7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3"}</definedName>
    <definedName name="_78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5"}</definedName>
    <definedName name="_78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4"}</definedName>
    <definedName name="_78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3"}</definedName>
    <definedName name="_78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2"}</definedName>
    <definedName name="_78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1"}</definedName>
    <definedName name="_78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0"}</definedName>
    <definedName name="_78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9"}</definedName>
    <definedName name="_78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8"}</definedName>
    <definedName name="_78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7"}</definedName>
    <definedName name="_78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6"}</definedName>
    <definedName name="_7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2"}</definedName>
    <definedName name="_78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5"}</definedName>
    <definedName name="_78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4"}</definedName>
    <definedName name="_78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3"}</definedName>
    <definedName name="_78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2"}</definedName>
    <definedName name="_78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1"}</definedName>
    <definedName name="_78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0"}</definedName>
    <definedName name="_78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9"}</definedName>
    <definedName name="_78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8"}</definedName>
    <definedName name="_78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7"}</definedName>
    <definedName name="_78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6"}</definedName>
    <definedName name="_7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1"}</definedName>
    <definedName name="_78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5"}</definedName>
    <definedName name="_78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4"}</definedName>
    <definedName name="_78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3"}</definedName>
    <definedName name="_78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2"}</definedName>
    <definedName name="_78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1"}</definedName>
    <definedName name="_78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0"}</definedName>
    <definedName name="_78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9"}</definedName>
    <definedName name="_78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8"}</definedName>
    <definedName name="_78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7"}</definedName>
    <definedName name="_78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6"}</definedName>
    <definedName name="_7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80"}</definedName>
    <definedName name="_78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5"}</definedName>
    <definedName name="_78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4"}</definedName>
    <definedName name="_78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3"}</definedName>
    <definedName name="_78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2"}</definedName>
    <definedName name="_78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1"}</definedName>
    <definedName name="_78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0"}</definedName>
    <definedName name="_78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9"}</definedName>
    <definedName name="_78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8"}</definedName>
    <definedName name="_78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7"}</definedName>
    <definedName name="_78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6"}</definedName>
    <definedName name="_7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9"}</definedName>
    <definedName name="_78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5"}</definedName>
    <definedName name="_78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4"}</definedName>
    <definedName name="_78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3"}</definedName>
    <definedName name="_78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2"}</definedName>
    <definedName name="_78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1"}</definedName>
    <definedName name="_78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0"}</definedName>
    <definedName name="_78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9"}</definedName>
    <definedName name="_78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8"}</definedName>
    <definedName name="_78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7"}</definedName>
    <definedName name="_78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6"}</definedName>
    <definedName name="_7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8"}</definedName>
    <definedName name="_78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5"}</definedName>
    <definedName name="_78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4"}</definedName>
    <definedName name="_78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3"}</definedName>
    <definedName name="_78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2"}</definedName>
    <definedName name="_78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1"}</definedName>
    <definedName name="_78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0"}</definedName>
    <definedName name="_78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9"}</definedName>
    <definedName name="_78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8"}</definedName>
    <definedName name="_78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7"}</definedName>
    <definedName name="_78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6"}</definedName>
    <definedName name="_7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7"}</definedName>
    <definedName name="_78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5"}</definedName>
    <definedName name="_78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4"}</definedName>
    <definedName name="_78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3"}</definedName>
    <definedName name="_78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2"}</definedName>
    <definedName name="_78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1"}</definedName>
    <definedName name="_78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0"}</definedName>
    <definedName name="_78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9"}</definedName>
    <definedName name="_78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8"}</definedName>
    <definedName name="_78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7"}</definedName>
    <definedName name="_78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6"}</definedName>
    <definedName name="_7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80"}</definedName>
    <definedName name="_7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6"}</definedName>
    <definedName name="_79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5"}</definedName>
    <definedName name="_79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4"}</definedName>
    <definedName name="_79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3"}</definedName>
    <definedName name="_79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2"}</definedName>
    <definedName name="_79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1"}</definedName>
    <definedName name="_79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0"}</definedName>
    <definedName name="_79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9"}</definedName>
    <definedName name="_79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8"}</definedName>
    <definedName name="_79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7"}</definedName>
    <definedName name="_79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6"}</definedName>
    <definedName name="_7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5"}</definedName>
    <definedName name="_79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5"}</definedName>
    <definedName name="_79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4"}</definedName>
    <definedName name="_79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3"}</definedName>
    <definedName name="_79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2"}</definedName>
    <definedName name="_79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1"}</definedName>
    <definedName name="_79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0"}</definedName>
    <definedName name="_79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9"}</definedName>
    <definedName name="_79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8"}</definedName>
    <definedName name="_79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7"}</definedName>
    <definedName name="_79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6"}</definedName>
    <definedName name="_7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4"}</definedName>
    <definedName name="_79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5"}</definedName>
    <definedName name="_79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4"}</definedName>
    <definedName name="_79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3"}</definedName>
    <definedName name="_79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2"}</definedName>
    <definedName name="_79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1"}</definedName>
    <definedName name="_79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0"}</definedName>
    <definedName name="_79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9"}</definedName>
    <definedName name="_79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8"}</definedName>
    <definedName name="_79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7"}</definedName>
    <definedName name="_79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6"}</definedName>
    <definedName name="_7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3"}</definedName>
    <definedName name="_79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5"}</definedName>
    <definedName name="_79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4"}</definedName>
    <definedName name="_79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3"}</definedName>
    <definedName name="_79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2"}</definedName>
    <definedName name="_79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1"}</definedName>
    <definedName name="_79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0"}</definedName>
    <definedName name="_79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9"}</definedName>
    <definedName name="_79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8"}</definedName>
    <definedName name="_79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7"}</definedName>
    <definedName name="_79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6"}</definedName>
    <definedName name="_7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2"}</definedName>
    <definedName name="_79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5"}</definedName>
    <definedName name="_79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4"}</definedName>
    <definedName name="_79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3"}</definedName>
    <definedName name="_79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2"}</definedName>
    <definedName name="_79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1"}</definedName>
    <definedName name="_794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0"}</definedName>
    <definedName name="_794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9"}</definedName>
    <definedName name="_794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8"}</definedName>
    <definedName name="_794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7"}</definedName>
    <definedName name="_794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6"}</definedName>
    <definedName name="_7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1"}</definedName>
    <definedName name="_795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5"}</definedName>
    <definedName name="_795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4"}</definedName>
    <definedName name="_795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3"}</definedName>
    <definedName name="_795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2"}</definedName>
    <definedName name="_795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1"}</definedName>
    <definedName name="_795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0"}</definedName>
    <definedName name="_795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9"}</definedName>
    <definedName name="_795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8"}</definedName>
    <definedName name="_795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7"}</definedName>
    <definedName name="_795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6"}</definedName>
    <definedName name="_7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70"}</definedName>
    <definedName name="_796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5"}</definedName>
    <definedName name="_796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4"}</definedName>
    <definedName name="_796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3"}</definedName>
    <definedName name="_796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2"}</definedName>
    <definedName name="_796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1"}</definedName>
    <definedName name="_796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0"}</definedName>
    <definedName name="_796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9"}</definedName>
    <definedName name="_796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8"}</definedName>
    <definedName name="_796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7"}</definedName>
    <definedName name="_796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6"}</definedName>
    <definedName name="_7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9"}</definedName>
    <definedName name="_797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5"}</definedName>
    <definedName name="_797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4"}</definedName>
    <definedName name="_797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3"}</definedName>
    <definedName name="_797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2"}</definedName>
    <definedName name="_797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1"}</definedName>
    <definedName name="_797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0"}</definedName>
    <definedName name="_797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9"}</definedName>
    <definedName name="_797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8"}</definedName>
    <definedName name="_797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7"}</definedName>
    <definedName name="_797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6"}</definedName>
    <definedName name="_7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8"}</definedName>
    <definedName name="_798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5"}</definedName>
    <definedName name="_798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4"}</definedName>
    <definedName name="_798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3"}</definedName>
    <definedName name="_798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2"}</definedName>
    <definedName name="_798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1"}</definedName>
    <definedName name="_798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0"}</definedName>
    <definedName name="_798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9"}</definedName>
    <definedName name="_798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8"}</definedName>
    <definedName name="_798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7"}</definedName>
    <definedName name="_798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6"}</definedName>
    <definedName name="_7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7"}</definedName>
    <definedName name="_799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5"}</definedName>
    <definedName name="_799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4"}</definedName>
    <definedName name="_799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3"}</definedName>
    <definedName name="_799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2"}</definedName>
    <definedName name="_799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1"}</definedName>
    <definedName name="_799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0"}</definedName>
    <definedName name="_799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9"}</definedName>
    <definedName name="_799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8"}</definedName>
    <definedName name="_799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7"}</definedName>
    <definedName name="_799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6"}</definedName>
    <definedName name="_8__123Graph_LBL_CCHART_2" hidden="1">[7]DUCOCO!$B$36:$F$36</definedName>
    <definedName name="_8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3"}</definedName>
    <definedName name="_8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9"}</definedName>
    <definedName name="_8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6"}</definedName>
    <definedName name="_800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5"}</definedName>
    <definedName name="_800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4"}</definedName>
    <definedName name="_800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3"}</definedName>
    <definedName name="_800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2"}</definedName>
    <definedName name="_800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1"}</definedName>
    <definedName name="_800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0"}</definedName>
    <definedName name="_800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9"}</definedName>
    <definedName name="_800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8"}</definedName>
    <definedName name="_800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7"}</definedName>
    <definedName name="_800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6"}</definedName>
    <definedName name="_8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5"}</definedName>
    <definedName name="_801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5"}</definedName>
    <definedName name="_801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4"}</definedName>
    <definedName name="_801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3"}</definedName>
    <definedName name="_801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2"}</definedName>
    <definedName name="_801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1"}</definedName>
    <definedName name="_801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0"}</definedName>
    <definedName name="_801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9"}</definedName>
    <definedName name="_801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8"}</definedName>
    <definedName name="_801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7"}</definedName>
    <definedName name="_801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6"}</definedName>
    <definedName name="_8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4"}</definedName>
    <definedName name="_802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5"}</definedName>
    <definedName name="_802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4"}</definedName>
    <definedName name="_802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3"}</definedName>
    <definedName name="_802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2"}</definedName>
    <definedName name="_802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1"}</definedName>
    <definedName name="_802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0"}</definedName>
    <definedName name="_802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9"}</definedName>
    <definedName name="_802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8"}</definedName>
    <definedName name="_802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7"}</definedName>
    <definedName name="_802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6"}</definedName>
    <definedName name="_8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3"}</definedName>
    <definedName name="_803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5"}</definedName>
    <definedName name="_803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4"}</definedName>
    <definedName name="_803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3"}</definedName>
    <definedName name="_803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2"}</definedName>
    <definedName name="_803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1"}</definedName>
    <definedName name="_8035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0"}</definedName>
    <definedName name="_8036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9"}</definedName>
    <definedName name="_8037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8"}</definedName>
    <definedName name="_8038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7"}</definedName>
    <definedName name="_8039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6"}</definedName>
    <definedName name="_8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2"}</definedName>
    <definedName name="_8040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5"}</definedName>
    <definedName name="_8041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4"}</definedName>
    <definedName name="_8042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3"}</definedName>
    <definedName name="_8043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2"}</definedName>
    <definedName name="_8044__FDSAUDITLINK__" hidden="1">{"fdsup://directions/FAT Viewer?action=UPDATE&amp;creator=factset&amp;DYN_ARGS=TRUE&amp;DOC_NAME=FAT:FQL_AUDITING_CLIENT_TEMPLATE.FAT&amp;display_string=Audit&amp;VAR:KEY=YPQFSVCXMT&amp;VAR:QUERY=RkZfRU5UUlBSX1ZBTF9EQUlMWSgtMkFZLDQxMTcyLEQsLCwnRElMJyk=&amp;WINDOW=FIRST_POPUP&amp;HEIGHT=45","0&amp;WIDTH=450&amp;START_MAXIMIZED=FALSE&amp;VAR:CALENDAR=US&amp;VAR:SYMBOL=B1V74X&amp;VAR:INDEX=1"}</definedName>
    <definedName name="_8045__FDSAUDITLINK__" hidden="1">{"fdsup://directions/FAT Viewer?action=UPDATE&amp;creator=factset&amp;DYN_ARGS=TRUE&amp;DOC_NAME=FAT:FQL_AUDITING_CLIENT_TEMPLATE.FAT&amp;display_string=Audit&amp;VAR:KEY=HYFETMXCDY&amp;VAR:QUERY=RkZfRU5UUlBSX1ZBTF9EQUlMWSgtMkFZLDQxMTcyLEQsLCwnRElMJyk=&amp;WINDOW=FIRST_POPUP&amp;HEIGHT=45","0&amp;WIDTH=450&amp;START_MAXIMIZED=FALSE&amp;VAR:CALENDAR=US&amp;VAR:SYMBOL=203699&amp;VAR:INDEX=507"}</definedName>
    <definedName name="_80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6"}</definedName>
    <definedName name="_80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5"}</definedName>
    <definedName name="_80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4"}</definedName>
    <definedName name="_80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3"}</definedName>
    <definedName name="_8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1"}</definedName>
    <definedName name="_80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2"}</definedName>
    <definedName name="_80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1"}</definedName>
    <definedName name="_80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0"}</definedName>
    <definedName name="_80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9"}</definedName>
    <definedName name="_80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8"}</definedName>
    <definedName name="_80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7"}</definedName>
    <definedName name="_80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6"}</definedName>
    <definedName name="_80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5"}</definedName>
    <definedName name="_80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4"}</definedName>
    <definedName name="_80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3"}</definedName>
    <definedName name="_8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60"}</definedName>
    <definedName name="_80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2"}</definedName>
    <definedName name="_80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1"}</definedName>
    <definedName name="_80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0"}</definedName>
    <definedName name="_80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9"}</definedName>
    <definedName name="_80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8"}</definedName>
    <definedName name="_80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7"}</definedName>
    <definedName name="_80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6"}</definedName>
    <definedName name="_80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5"}</definedName>
    <definedName name="_80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4"}</definedName>
    <definedName name="_80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3"}</definedName>
    <definedName name="_8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9"}</definedName>
    <definedName name="_80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2"}</definedName>
    <definedName name="_80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1"}</definedName>
    <definedName name="_80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0"}</definedName>
    <definedName name="_80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9"}</definedName>
    <definedName name="_80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8"}</definedName>
    <definedName name="_80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7"}</definedName>
    <definedName name="_80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6"}</definedName>
    <definedName name="_80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5"}</definedName>
    <definedName name="_80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4"}</definedName>
    <definedName name="_80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3"}</definedName>
    <definedName name="_8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8"}</definedName>
    <definedName name="_80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2"}</definedName>
    <definedName name="_80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1"}</definedName>
    <definedName name="_80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0"}</definedName>
    <definedName name="_80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9"}</definedName>
    <definedName name="_80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8"}</definedName>
    <definedName name="_80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7"}</definedName>
    <definedName name="_80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6"}</definedName>
    <definedName name="_80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5"}</definedName>
    <definedName name="_80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4"}</definedName>
    <definedName name="_80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3"}</definedName>
    <definedName name="_8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7"}</definedName>
    <definedName name="_80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2"}</definedName>
    <definedName name="_80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1"}</definedName>
    <definedName name="_80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0"}</definedName>
    <definedName name="_80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9"}</definedName>
    <definedName name="_80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8"}</definedName>
    <definedName name="_80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7"}</definedName>
    <definedName name="_80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6"}</definedName>
    <definedName name="_80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5"}</definedName>
    <definedName name="_80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4"}</definedName>
    <definedName name="_80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3"}</definedName>
    <definedName name="_8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8"}</definedName>
    <definedName name="_8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6"}</definedName>
    <definedName name="_81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2"}</definedName>
    <definedName name="_81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1"}</definedName>
    <definedName name="_81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0"}</definedName>
    <definedName name="_81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9"}</definedName>
    <definedName name="_81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8"}</definedName>
    <definedName name="_81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7"}</definedName>
    <definedName name="_81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6"}</definedName>
    <definedName name="_81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5"}</definedName>
    <definedName name="_81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4"}</definedName>
    <definedName name="_81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3"}</definedName>
    <definedName name="_8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5"}</definedName>
    <definedName name="_81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2"}</definedName>
    <definedName name="_81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1"}</definedName>
    <definedName name="_81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0"}</definedName>
    <definedName name="_81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9"}</definedName>
    <definedName name="_81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8"}</definedName>
    <definedName name="_81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7"}</definedName>
    <definedName name="_81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6"}</definedName>
    <definedName name="_81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5"}</definedName>
    <definedName name="_81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4"}</definedName>
    <definedName name="_81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3"}</definedName>
    <definedName name="_8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4"}</definedName>
    <definedName name="_81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2"}</definedName>
    <definedName name="_81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1"}</definedName>
    <definedName name="_81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0"}</definedName>
    <definedName name="_81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9"}</definedName>
    <definedName name="_81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8"}</definedName>
    <definedName name="_81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7"}</definedName>
    <definedName name="_81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6"}</definedName>
    <definedName name="_81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5"}</definedName>
    <definedName name="_81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4"}</definedName>
    <definedName name="_81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3"}</definedName>
    <definedName name="_8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3"}</definedName>
    <definedName name="_81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2"}</definedName>
    <definedName name="_81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1"}</definedName>
    <definedName name="_81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0"}</definedName>
    <definedName name="_81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9"}</definedName>
    <definedName name="_81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8"}</definedName>
    <definedName name="_81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7"}</definedName>
    <definedName name="_81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6"}</definedName>
    <definedName name="_81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5"}</definedName>
    <definedName name="_81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4"}</definedName>
    <definedName name="_81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3"}</definedName>
    <definedName name="_8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2"}</definedName>
    <definedName name="_81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2"}</definedName>
    <definedName name="_81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1"}</definedName>
    <definedName name="_81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0"}</definedName>
    <definedName name="_81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9"}</definedName>
    <definedName name="_81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8"}</definedName>
    <definedName name="_81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7"}</definedName>
    <definedName name="_81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6"}</definedName>
    <definedName name="_81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5"}</definedName>
    <definedName name="_81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4"}</definedName>
    <definedName name="_81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3"}</definedName>
    <definedName name="_8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1"}</definedName>
    <definedName name="_81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2"}</definedName>
    <definedName name="_81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1"}</definedName>
    <definedName name="_81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0"}</definedName>
    <definedName name="_81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9"}</definedName>
    <definedName name="_81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8"}</definedName>
    <definedName name="_81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7"}</definedName>
    <definedName name="_81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6"}</definedName>
    <definedName name="_81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5"}</definedName>
    <definedName name="_81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4"}</definedName>
    <definedName name="_81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3"}</definedName>
    <definedName name="_8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50"}</definedName>
    <definedName name="_81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2"}</definedName>
    <definedName name="_81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1"}</definedName>
    <definedName name="_81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0"}</definedName>
    <definedName name="_81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9"}</definedName>
    <definedName name="_81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8"}</definedName>
    <definedName name="_81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7"}</definedName>
    <definedName name="_81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6"}</definedName>
    <definedName name="_81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5"}</definedName>
    <definedName name="_81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4"}</definedName>
    <definedName name="_81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3"}</definedName>
    <definedName name="_8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9"}</definedName>
    <definedName name="_81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2"}</definedName>
    <definedName name="_81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1"}</definedName>
    <definedName name="_81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0"}</definedName>
    <definedName name="_81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9"}</definedName>
    <definedName name="_81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8"}</definedName>
    <definedName name="_81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7"}</definedName>
    <definedName name="_81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6"}</definedName>
    <definedName name="_81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5"}</definedName>
    <definedName name="_81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4"}</definedName>
    <definedName name="_81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3"}</definedName>
    <definedName name="_8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8"}</definedName>
    <definedName name="_81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2"}</definedName>
    <definedName name="_81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1"}</definedName>
    <definedName name="_81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0"}</definedName>
    <definedName name="_81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9"}</definedName>
    <definedName name="_81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8"}</definedName>
    <definedName name="_81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7"}</definedName>
    <definedName name="_81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6"}</definedName>
    <definedName name="_81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5"}</definedName>
    <definedName name="_81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4"}</definedName>
    <definedName name="_81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3"}</definedName>
    <definedName name="_8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7"}</definedName>
    <definedName name="_81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2"}</definedName>
    <definedName name="_81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1"}</definedName>
    <definedName name="_81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0"}</definedName>
    <definedName name="_81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9"}</definedName>
    <definedName name="_81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8"}</definedName>
    <definedName name="_81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7"}</definedName>
    <definedName name="_81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6"}</definedName>
    <definedName name="_81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5"}</definedName>
    <definedName name="_81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4"}</definedName>
    <definedName name="_81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3"}</definedName>
    <definedName name="_8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7"}</definedName>
    <definedName name="_8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6"}</definedName>
    <definedName name="_82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2"}</definedName>
    <definedName name="_82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1"}</definedName>
    <definedName name="_82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0"}</definedName>
    <definedName name="_82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9"}</definedName>
    <definedName name="_82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8"}</definedName>
    <definedName name="_82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7"}</definedName>
    <definedName name="_82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6"}</definedName>
    <definedName name="_82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5"}</definedName>
    <definedName name="_82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4"}</definedName>
    <definedName name="_82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3"}</definedName>
    <definedName name="_8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5"}</definedName>
    <definedName name="_82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2"}</definedName>
    <definedName name="_82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1"}</definedName>
    <definedName name="_82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0"}</definedName>
    <definedName name="_82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9"}</definedName>
    <definedName name="_82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8"}</definedName>
    <definedName name="_82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7"}</definedName>
    <definedName name="_82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6"}</definedName>
    <definedName name="_82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5"}</definedName>
    <definedName name="_82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4"}</definedName>
    <definedName name="_82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3"}</definedName>
    <definedName name="_8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4"}</definedName>
    <definedName name="_82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2"}</definedName>
    <definedName name="_82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1"}</definedName>
    <definedName name="_82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0"}</definedName>
    <definedName name="_82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9"}</definedName>
    <definedName name="_82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8"}</definedName>
    <definedName name="_82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7"}</definedName>
    <definedName name="_82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6"}</definedName>
    <definedName name="_82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5"}</definedName>
    <definedName name="_82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4"}</definedName>
    <definedName name="_82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3"}</definedName>
    <definedName name="_8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3"}</definedName>
    <definedName name="_82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2"}</definedName>
    <definedName name="_82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1"}</definedName>
    <definedName name="_82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0"}</definedName>
    <definedName name="_82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9"}</definedName>
    <definedName name="_82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8"}</definedName>
    <definedName name="_82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7"}</definedName>
    <definedName name="_82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6"}</definedName>
    <definedName name="_82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5"}</definedName>
    <definedName name="_82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4"}</definedName>
    <definedName name="_82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3"}</definedName>
    <definedName name="_8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2"}</definedName>
    <definedName name="_82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2"}</definedName>
    <definedName name="_82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1"}</definedName>
    <definedName name="_82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0"}</definedName>
    <definedName name="_82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9"}</definedName>
    <definedName name="_82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8"}</definedName>
    <definedName name="_82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7"}</definedName>
    <definedName name="_82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6"}</definedName>
    <definedName name="_82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5"}</definedName>
    <definedName name="_82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4"}</definedName>
    <definedName name="_82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3"}</definedName>
    <definedName name="_8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1"}</definedName>
    <definedName name="_82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2"}</definedName>
    <definedName name="_82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1"}</definedName>
    <definedName name="_82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0"}</definedName>
    <definedName name="_82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9"}</definedName>
    <definedName name="_82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8"}</definedName>
    <definedName name="_82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7"}</definedName>
    <definedName name="_82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6"}</definedName>
    <definedName name="_82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5"}</definedName>
    <definedName name="_82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4"}</definedName>
    <definedName name="_82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3"}</definedName>
    <definedName name="_8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40"}</definedName>
    <definedName name="_82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2"}</definedName>
    <definedName name="_82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1"}</definedName>
    <definedName name="_82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0"}</definedName>
    <definedName name="_82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9"}</definedName>
    <definedName name="_82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8"}</definedName>
    <definedName name="_82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7"}</definedName>
    <definedName name="_82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6"}</definedName>
    <definedName name="_82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5"}</definedName>
    <definedName name="_82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4"}</definedName>
    <definedName name="_82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3"}</definedName>
    <definedName name="_8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9"}</definedName>
    <definedName name="_82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2"}</definedName>
    <definedName name="_82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1"}</definedName>
    <definedName name="_82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0"}</definedName>
    <definedName name="_82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9"}</definedName>
    <definedName name="_82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8"}</definedName>
    <definedName name="_82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7"}</definedName>
    <definedName name="_82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6"}</definedName>
    <definedName name="_82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5"}</definedName>
    <definedName name="_82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4"}</definedName>
    <definedName name="_82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3"}</definedName>
    <definedName name="_8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8"}</definedName>
    <definedName name="_82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2"}</definedName>
    <definedName name="_82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1"}</definedName>
    <definedName name="_82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0"}</definedName>
    <definedName name="_82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9"}</definedName>
    <definedName name="_82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8"}</definedName>
    <definedName name="_82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7"}</definedName>
    <definedName name="_82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6"}</definedName>
    <definedName name="_82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5"}</definedName>
    <definedName name="_82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4"}</definedName>
    <definedName name="_82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3"}</definedName>
    <definedName name="_8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7"}</definedName>
    <definedName name="_82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2"}</definedName>
    <definedName name="_82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1"}</definedName>
    <definedName name="_82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0"}</definedName>
    <definedName name="_82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9"}</definedName>
    <definedName name="_82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8"}</definedName>
    <definedName name="_82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7"}</definedName>
    <definedName name="_82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6"}</definedName>
    <definedName name="_82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5"}</definedName>
    <definedName name="_82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4"}</definedName>
    <definedName name="_82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3"}</definedName>
    <definedName name="_8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6"}</definedName>
    <definedName name="_8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6"}</definedName>
    <definedName name="_83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2"}</definedName>
    <definedName name="_83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1"}</definedName>
    <definedName name="_83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0"}</definedName>
    <definedName name="_83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9"}</definedName>
    <definedName name="_83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8"}</definedName>
    <definedName name="_83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7"}</definedName>
    <definedName name="_83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6"}</definedName>
    <definedName name="_83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5"}</definedName>
    <definedName name="_83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4"}</definedName>
    <definedName name="_83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3"}</definedName>
    <definedName name="_8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5"}</definedName>
    <definedName name="_83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2"}</definedName>
    <definedName name="_83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1"}</definedName>
    <definedName name="_83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0"}</definedName>
    <definedName name="_83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9"}</definedName>
    <definedName name="_83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8"}</definedName>
    <definedName name="_83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7"}</definedName>
    <definedName name="_83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6"}</definedName>
    <definedName name="_83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5"}</definedName>
    <definedName name="_83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4"}</definedName>
    <definedName name="_83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3"}</definedName>
    <definedName name="_8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4"}</definedName>
    <definedName name="_83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2"}</definedName>
    <definedName name="_83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1"}</definedName>
    <definedName name="_83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0"}</definedName>
    <definedName name="_83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9"}</definedName>
    <definedName name="_83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8"}</definedName>
    <definedName name="_83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7"}</definedName>
    <definedName name="_83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6"}</definedName>
    <definedName name="_83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5"}</definedName>
    <definedName name="_83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4"}</definedName>
    <definedName name="_83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3"}</definedName>
    <definedName name="_8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3"}</definedName>
    <definedName name="_83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2"}</definedName>
    <definedName name="_83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1"}</definedName>
    <definedName name="_83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0"}</definedName>
    <definedName name="_83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9"}</definedName>
    <definedName name="_83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8"}</definedName>
    <definedName name="_83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7"}</definedName>
    <definedName name="_83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6"}</definedName>
    <definedName name="_83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5"}</definedName>
    <definedName name="_83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4"}</definedName>
    <definedName name="_83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3"}</definedName>
    <definedName name="_8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2"}</definedName>
    <definedName name="_83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2"}</definedName>
    <definedName name="_83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1"}</definedName>
    <definedName name="_83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0"}</definedName>
    <definedName name="_83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9"}</definedName>
    <definedName name="_83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8"}</definedName>
    <definedName name="_83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7"}</definedName>
    <definedName name="_83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6"}</definedName>
    <definedName name="_83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5"}</definedName>
    <definedName name="_83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4"}</definedName>
    <definedName name="_83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3"}</definedName>
    <definedName name="_8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1"}</definedName>
    <definedName name="_83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2"}</definedName>
    <definedName name="_83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1"}</definedName>
    <definedName name="_83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0"}</definedName>
    <definedName name="_83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9"}</definedName>
    <definedName name="_83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8"}</definedName>
    <definedName name="_83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7"}</definedName>
    <definedName name="_83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6"}</definedName>
    <definedName name="_83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5"}</definedName>
    <definedName name="_83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4"}</definedName>
    <definedName name="_83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3"}</definedName>
    <definedName name="_8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30"}</definedName>
    <definedName name="_83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2"}</definedName>
    <definedName name="_83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1"}</definedName>
    <definedName name="_83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0"}</definedName>
    <definedName name="_83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9"}</definedName>
    <definedName name="_83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8"}</definedName>
    <definedName name="_83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7"}</definedName>
    <definedName name="_83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6"}</definedName>
    <definedName name="_83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5"}</definedName>
    <definedName name="_83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4"}</definedName>
    <definedName name="_83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3"}</definedName>
    <definedName name="_8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9"}</definedName>
    <definedName name="_83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2"}</definedName>
    <definedName name="_83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1"}</definedName>
    <definedName name="_83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0"}</definedName>
    <definedName name="_83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9"}</definedName>
    <definedName name="_83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8"}</definedName>
    <definedName name="_83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7"}</definedName>
    <definedName name="_83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6"}</definedName>
    <definedName name="_83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5"}</definedName>
    <definedName name="_83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4"}</definedName>
    <definedName name="_83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3"}</definedName>
    <definedName name="_8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8"}</definedName>
    <definedName name="_83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2"}</definedName>
    <definedName name="_83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1"}</definedName>
    <definedName name="_83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0"}</definedName>
    <definedName name="_83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9"}</definedName>
    <definedName name="_83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8"}</definedName>
    <definedName name="_83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7"}</definedName>
    <definedName name="_83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6"}</definedName>
    <definedName name="_83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5"}</definedName>
    <definedName name="_83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4"}</definedName>
    <definedName name="_83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3"}</definedName>
    <definedName name="_8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7"}</definedName>
    <definedName name="_83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2"}</definedName>
    <definedName name="_83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1"}</definedName>
    <definedName name="_83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0"}</definedName>
    <definedName name="_83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9"}</definedName>
    <definedName name="_83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8"}</definedName>
    <definedName name="_83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7"}</definedName>
    <definedName name="_83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6"}</definedName>
    <definedName name="_83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5"}</definedName>
    <definedName name="_83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4"}</definedName>
    <definedName name="_83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3"}</definedName>
    <definedName name="_8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5"}</definedName>
    <definedName name="_8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6"}</definedName>
    <definedName name="_84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2"}</definedName>
    <definedName name="_84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1"}</definedName>
    <definedName name="_84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0"}</definedName>
    <definedName name="_84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9"}</definedName>
    <definedName name="_84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8"}</definedName>
    <definedName name="_84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7"}</definedName>
    <definedName name="_84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6"}</definedName>
    <definedName name="_84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5"}</definedName>
    <definedName name="_84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4"}</definedName>
    <definedName name="_84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3"}</definedName>
    <definedName name="_8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5"}</definedName>
    <definedName name="_84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2"}</definedName>
    <definedName name="_84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1"}</definedName>
    <definedName name="_84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0"}</definedName>
    <definedName name="_84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9"}</definedName>
    <definedName name="_84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8"}</definedName>
    <definedName name="_84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7"}</definedName>
    <definedName name="_84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6"}</definedName>
    <definedName name="_84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5"}</definedName>
    <definedName name="_84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4"}</definedName>
    <definedName name="_84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3"}</definedName>
    <definedName name="_8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4"}</definedName>
    <definedName name="_84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2"}</definedName>
    <definedName name="_84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1"}</definedName>
    <definedName name="_84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0"}</definedName>
    <definedName name="_84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9"}</definedName>
    <definedName name="_84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8"}</definedName>
    <definedName name="_84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7"}</definedName>
    <definedName name="_84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6"}</definedName>
    <definedName name="_84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5"}</definedName>
    <definedName name="_84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4"}</definedName>
    <definedName name="_84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3"}</definedName>
    <definedName name="_8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3"}</definedName>
    <definedName name="_84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2"}</definedName>
    <definedName name="_84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1"}</definedName>
    <definedName name="_84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0"}</definedName>
    <definedName name="_84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9"}</definedName>
    <definedName name="_84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8"}</definedName>
    <definedName name="_84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7"}</definedName>
    <definedName name="_84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6"}</definedName>
    <definedName name="_84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5"}</definedName>
    <definedName name="_84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4"}</definedName>
    <definedName name="_84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3"}</definedName>
    <definedName name="_8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2"}</definedName>
    <definedName name="_84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2"}</definedName>
    <definedName name="_84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1"}</definedName>
    <definedName name="_84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0"}</definedName>
    <definedName name="_84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9"}</definedName>
    <definedName name="_84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8"}</definedName>
    <definedName name="_84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7"}</definedName>
    <definedName name="_84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6"}</definedName>
    <definedName name="_84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5"}</definedName>
    <definedName name="_84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4"}</definedName>
    <definedName name="_84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3"}</definedName>
    <definedName name="_8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1"}</definedName>
    <definedName name="_84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2"}</definedName>
    <definedName name="_84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1"}</definedName>
    <definedName name="_845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0"}</definedName>
    <definedName name="_845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9"}</definedName>
    <definedName name="_845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8"}</definedName>
    <definedName name="_845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7"}</definedName>
    <definedName name="_845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6"}</definedName>
    <definedName name="_845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5"}</definedName>
    <definedName name="_845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4"}</definedName>
    <definedName name="_845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3"}</definedName>
    <definedName name="_8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20"}</definedName>
    <definedName name="_846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2"}</definedName>
    <definedName name="_846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1"}</definedName>
    <definedName name="_846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0"}</definedName>
    <definedName name="_846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9"}</definedName>
    <definedName name="_846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8"}</definedName>
    <definedName name="_846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7"}</definedName>
    <definedName name="_846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6"}</definedName>
    <definedName name="_846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5"}</definedName>
    <definedName name="_846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4"}</definedName>
    <definedName name="_846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3"}</definedName>
    <definedName name="_8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9"}</definedName>
    <definedName name="_847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2"}</definedName>
    <definedName name="_847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1"}</definedName>
    <definedName name="_847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0"}</definedName>
    <definedName name="_847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9"}</definedName>
    <definedName name="_847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8"}</definedName>
    <definedName name="_847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7"}</definedName>
    <definedName name="_847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6"}</definedName>
    <definedName name="_847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5"}</definedName>
    <definedName name="_847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4"}</definedName>
    <definedName name="_847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3"}</definedName>
    <definedName name="_8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8"}</definedName>
    <definedName name="_848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2"}</definedName>
    <definedName name="_848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1"}</definedName>
    <definedName name="_848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0"}</definedName>
    <definedName name="_848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9"}</definedName>
    <definedName name="_848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8"}</definedName>
    <definedName name="_848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7"}</definedName>
    <definedName name="_848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6"}</definedName>
    <definedName name="_848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5"}</definedName>
    <definedName name="_848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4"}</definedName>
    <definedName name="_848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3"}</definedName>
    <definedName name="_8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7"}</definedName>
    <definedName name="_849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2"}</definedName>
    <definedName name="_849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1"}</definedName>
    <definedName name="_849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0"}</definedName>
    <definedName name="_849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9"}</definedName>
    <definedName name="_849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8"}</definedName>
    <definedName name="_849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7"}</definedName>
    <definedName name="_849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6"}</definedName>
    <definedName name="_849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5"}</definedName>
    <definedName name="_849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4"}</definedName>
    <definedName name="_849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3"}</definedName>
    <definedName name="_8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4"}</definedName>
    <definedName name="_8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6"}</definedName>
    <definedName name="_850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2"}</definedName>
    <definedName name="_850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1"}</definedName>
    <definedName name="_850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0"}</definedName>
    <definedName name="_850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9"}</definedName>
    <definedName name="_850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8"}</definedName>
    <definedName name="_850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7"}</definedName>
    <definedName name="_850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6"}</definedName>
    <definedName name="_850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5"}</definedName>
    <definedName name="_850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4"}</definedName>
    <definedName name="_850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3"}</definedName>
    <definedName name="_8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5"}</definedName>
    <definedName name="_851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2"}</definedName>
    <definedName name="_851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1"}</definedName>
    <definedName name="_851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0"}</definedName>
    <definedName name="_851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9"}</definedName>
    <definedName name="_851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8"}</definedName>
    <definedName name="_851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7"}</definedName>
    <definedName name="_851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6"}</definedName>
    <definedName name="_851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5"}</definedName>
    <definedName name="_851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4"}</definedName>
    <definedName name="_851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3"}</definedName>
    <definedName name="_8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4"}</definedName>
    <definedName name="_852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2"}</definedName>
    <definedName name="_852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1"}</definedName>
    <definedName name="_852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0"}</definedName>
    <definedName name="_852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9"}</definedName>
    <definedName name="_852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8"}</definedName>
    <definedName name="_852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7"}</definedName>
    <definedName name="_852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6"}</definedName>
    <definedName name="_852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5"}</definedName>
    <definedName name="_852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4"}</definedName>
    <definedName name="_852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3"}</definedName>
    <definedName name="_8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3"}</definedName>
    <definedName name="_853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2"}</definedName>
    <definedName name="_853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1"}</definedName>
    <definedName name="_853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0"}</definedName>
    <definedName name="_853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9"}</definedName>
    <definedName name="_853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8"}</definedName>
    <definedName name="_853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7"}</definedName>
    <definedName name="_853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6"}</definedName>
    <definedName name="_853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5"}</definedName>
    <definedName name="_853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4"}</definedName>
    <definedName name="_853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3"}</definedName>
    <definedName name="_8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2"}</definedName>
    <definedName name="_854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2"}</definedName>
    <definedName name="_854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1"}</definedName>
    <definedName name="_8542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0"}</definedName>
    <definedName name="_8543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9"}</definedName>
    <definedName name="_8544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8"}</definedName>
    <definedName name="_8545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7"}</definedName>
    <definedName name="_8546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6"}</definedName>
    <definedName name="_8547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5"}</definedName>
    <definedName name="_8548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4"}</definedName>
    <definedName name="_8549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3"}</definedName>
    <definedName name="_8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1"}</definedName>
    <definedName name="_8550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2"}</definedName>
    <definedName name="_8551__FDSAUDITLINK__" hidden="1">{"fdsup://directions/FAT Viewer?action=UPDATE&amp;creator=factset&amp;DYN_ARGS=TRUE&amp;DOC_NAME=FAT:FQL_AUDITING_CLIENT_TEMPLATE.FAT&amp;display_string=Audit&amp;VAR:KEY=HEXAPQDOVM&amp;VAR:QUERY=RkZfRU5UUlBSX1ZBTF9EQUlMWSgtMkFZLDQxMTcyLEQsLCwnRElMJyk=&amp;WINDOW=FIRST_POPUP&amp;HEIGHT=45","0&amp;WIDTH=450&amp;START_MAXIMIZED=FALSE&amp;VAR:CALENDAR=US&amp;VAR:SYMBOL=203699&amp;VAR:INDEX=1"}</definedName>
    <definedName name="_85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6"}</definedName>
    <definedName name="_85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5"}</definedName>
    <definedName name="_85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4"}</definedName>
    <definedName name="_85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3"}</definedName>
    <definedName name="_85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2"}</definedName>
    <definedName name="_85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1"}</definedName>
    <definedName name="_85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0"}</definedName>
    <definedName name="_85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9"}</definedName>
    <definedName name="_8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10"}</definedName>
    <definedName name="_85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8"}</definedName>
    <definedName name="_85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7"}</definedName>
    <definedName name="_85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6"}</definedName>
    <definedName name="_85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5"}</definedName>
    <definedName name="_85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4"}</definedName>
    <definedName name="_85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3"}</definedName>
    <definedName name="_85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2"}</definedName>
    <definedName name="_85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1"}</definedName>
    <definedName name="_85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0"}</definedName>
    <definedName name="_85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9"}</definedName>
    <definedName name="_8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9"}</definedName>
    <definedName name="_85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8"}</definedName>
    <definedName name="_85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7"}</definedName>
    <definedName name="_85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6"}</definedName>
    <definedName name="_85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5"}</definedName>
    <definedName name="_85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4"}</definedName>
    <definedName name="_85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3"}</definedName>
    <definedName name="_85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2"}</definedName>
    <definedName name="_85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1"}</definedName>
    <definedName name="_85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0"}</definedName>
    <definedName name="_85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9"}</definedName>
    <definedName name="_8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8"}</definedName>
    <definedName name="_85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8"}</definedName>
    <definedName name="_85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7"}</definedName>
    <definedName name="_85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6"}</definedName>
    <definedName name="_85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5"}</definedName>
    <definedName name="_85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4"}</definedName>
    <definedName name="_85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3"}</definedName>
    <definedName name="_85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2"}</definedName>
    <definedName name="_85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1"}</definedName>
    <definedName name="_85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0"}</definedName>
    <definedName name="_85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9"}</definedName>
    <definedName name="_8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7"}</definedName>
    <definedName name="_85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8"}</definedName>
    <definedName name="_85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7"}</definedName>
    <definedName name="_85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6"}</definedName>
    <definedName name="_85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5"}</definedName>
    <definedName name="_85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4"}</definedName>
    <definedName name="_85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3"}</definedName>
    <definedName name="_85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2"}</definedName>
    <definedName name="_85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1"}</definedName>
    <definedName name="_85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0"}</definedName>
    <definedName name="_85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9"}</definedName>
    <definedName name="_8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3"}</definedName>
    <definedName name="_8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6"}</definedName>
    <definedName name="_86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8"}</definedName>
    <definedName name="_86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7"}</definedName>
    <definedName name="_86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6"}</definedName>
    <definedName name="_86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5"}</definedName>
    <definedName name="_86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4"}</definedName>
    <definedName name="_86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3"}</definedName>
    <definedName name="_86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2"}</definedName>
    <definedName name="_86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1"}</definedName>
    <definedName name="_86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0"}</definedName>
    <definedName name="_86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9"}</definedName>
    <definedName name="_8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5"}</definedName>
    <definedName name="_86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8"}</definedName>
    <definedName name="_86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7"}</definedName>
    <definedName name="_86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6"}</definedName>
    <definedName name="_86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5"}</definedName>
    <definedName name="_86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4"}</definedName>
    <definedName name="_86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3"}</definedName>
    <definedName name="_86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2"}</definedName>
    <definedName name="_86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1"}</definedName>
    <definedName name="_86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0"}</definedName>
    <definedName name="_86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9"}</definedName>
    <definedName name="_8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4"}</definedName>
    <definedName name="_86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8"}</definedName>
    <definedName name="_86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7"}</definedName>
    <definedName name="_86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6"}</definedName>
    <definedName name="_86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5"}</definedName>
    <definedName name="_86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4"}</definedName>
    <definedName name="_86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3"}</definedName>
    <definedName name="_86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2"}</definedName>
    <definedName name="_86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1"}</definedName>
    <definedName name="_86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0"}</definedName>
    <definedName name="_86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9"}</definedName>
    <definedName name="_8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3"}</definedName>
    <definedName name="_86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8"}</definedName>
    <definedName name="_86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7"}</definedName>
    <definedName name="_86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6"}</definedName>
    <definedName name="_86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5"}</definedName>
    <definedName name="_86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4"}</definedName>
    <definedName name="_86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3"}</definedName>
    <definedName name="_86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2"}</definedName>
    <definedName name="_86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1"}</definedName>
    <definedName name="_86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0"}</definedName>
    <definedName name="_86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9"}</definedName>
    <definedName name="_8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2"}</definedName>
    <definedName name="_86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8"}</definedName>
    <definedName name="_86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7"}</definedName>
    <definedName name="_86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6"}</definedName>
    <definedName name="_86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5"}</definedName>
    <definedName name="_86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4"}</definedName>
    <definedName name="_86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3"}</definedName>
    <definedName name="_86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2"}</definedName>
    <definedName name="_86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1"}</definedName>
    <definedName name="_86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0"}</definedName>
    <definedName name="_86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9"}</definedName>
    <definedName name="_8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1"}</definedName>
    <definedName name="_86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8"}</definedName>
    <definedName name="_86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7"}</definedName>
    <definedName name="_86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6"}</definedName>
    <definedName name="_86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5"}</definedName>
    <definedName name="_86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4"}</definedName>
    <definedName name="_86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3"}</definedName>
    <definedName name="_86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2"}</definedName>
    <definedName name="_86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1"}</definedName>
    <definedName name="_86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0"}</definedName>
    <definedName name="_86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9"}</definedName>
    <definedName name="_8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200"}</definedName>
    <definedName name="_86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8"}</definedName>
    <definedName name="_86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7"}</definedName>
    <definedName name="_86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6"}</definedName>
    <definedName name="_86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5"}</definedName>
    <definedName name="_86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4"}</definedName>
    <definedName name="_86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3"}</definedName>
    <definedName name="_86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2"}</definedName>
    <definedName name="_86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1"}</definedName>
    <definedName name="_86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0"}</definedName>
    <definedName name="_86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9"}</definedName>
    <definedName name="_8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9"}</definedName>
    <definedName name="_86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8"}</definedName>
    <definedName name="_86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7"}</definedName>
    <definedName name="_86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6"}</definedName>
    <definedName name="_86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5"}</definedName>
    <definedName name="_86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4"}</definedName>
    <definedName name="_86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3"}</definedName>
    <definedName name="_86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2"}</definedName>
    <definedName name="_86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1"}</definedName>
    <definedName name="_86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0"}</definedName>
    <definedName name="_86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9"}</definedName>
    <definedName name="_8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8"}</definedName>
    <definedName name="_86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8"}</definedName>
    <definedName name="_86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7"}</definedName>
    <definedName name="_86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6"}</definedName>
    <definedName name="_86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5"}</definedName>
    <definedName name="_86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4"}</definedName>
    <definedName name="_86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3"}</definedName>
    <definedName name="_86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2"}</definedName>
    <definedName name="_86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1"}</definedName>
    <definedName name="_86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0"}</definedName>
    <definedName name="_86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9"}</definedName>
    <definedName name="_8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7"}</definedName>
    <definedName name="_86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8"}</definedName>
    <definedName name="_86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7"}</definedName>
    <definedName name="_86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6"}</definedName>
    <definedName name="_86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5"}</definedName>
    <definedName name="_86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4"}</definedName>
    <definedName name="_86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3"}</definedName>
    <definedName name="_86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2"}</definedName>
    <definedName name="_86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1"}</definedName>
    <definedName name="_86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0"}</definedName>
    <definedName name="_86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9"}</definedName>
    <definedName name="_8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2"}</definedName>
    <definedName name="_8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6"}</definedName>
    <definedName name="_87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8"}</definedName>
    <definedName name="_87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7"}</definedName>
    <definedName name="_87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6"}</definedName>
    <definedName name="_87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5"}</definedName>
    <definedName name="_87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4"}</definedName>
    <definedName name="_87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3"}</definedName>
    <definedName name="_87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2"}</definedName>
    <definedName name="_87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1"}</definedName>
    <definedName name="_87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0"}</definedName>
    <definedName name="_87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9"}</definedName>
    <definedName name="_8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5"}</definedName>
    <definedName name="_87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8"}</definedName>
    <definedName name="_87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7"}</definedName>
    <definedName name="_87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6"}</definedName>
    <definedName name="_87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5"}</definedName>
    <definedName name="_87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4"}</definedName>
    <definedName name="_87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3"}</definedName>
    <definedName name="_87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2"}</definedName>
    <definedName name="_87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1"}</definedName>
    <definedName name="_87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0"}</definedName>
    <definedName name="_87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9"}</definedName>
    <definedName name="_8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4"}</definedName>
    <definedName name="_87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8"}</definedName>
    <definedName name="_87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7"}</definedName>
    <definedName name="_87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6"}</definedName>
    <definedName name="_87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5"}</definedName>
    <definedName name="_87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4"}</definedName>
    <definedName name="_87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3"}</definedName>
    <definedName name="_87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2"}</definedName>
    <definedName name="_87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1"}</definedName>
    <definedName name="_87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0"}</definedName>
    <definedName name="_87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9"}</definedName>
    <definedName name="_8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3"}</definedName>
    <definedName name="_87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8"}</definedName>
    <definedName name="_87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7"}</definedName>
    <definedName name="_87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6"}</definedName>
    <definedName name="_87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5"}</definedName>
    <definedName name="_87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4"}</definedName>
    <definedName name="_87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3"}</definedName>
    <definedName name="_87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2"}</definedName>
    <definedName name="_87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1"}</definedName>
    <definedName name="_87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0"}</definedName>
    <definedName name="_87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9"}</definedName>
    <definedName name="_8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2"}</definedName>
    <definedName name="_87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8"}</definedName>
    <definedName name="_87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7"}</definedName>
    <definedName name="_87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6"}</definedName>
    <definedName name="_87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5"}</definedName>
    <definedName name="_87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4"}</definedName>
    <definedName name="_87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3"}</definedName>
    <definedName name="_87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2"}</definedName>
    <definedName name="_87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1"}</definedName>
    <definedName name="_87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0"}</definedName>
    <definedName name="_87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9"}</definedName>
    <definedName name="_8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1"}</definedName>
    <definedName name="_87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8"}</definedName>
    <definedName name="_87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7"}</definedName>
    <definedName name="_87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6"}</definedName>
    <definedName name="_87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5"}</definedName>
    <definedName name="_87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4"}</definedName>
    <definedName name="_87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3"}</definedName>
    <definedName name="_87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2"}</definedName>
    <definedName name="_87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1"}</definedName>
    <definedName name="_87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0"}</definedName>
    <definedName name="_87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9"}</definedName>
    <definedName name="_8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90"}</definedName>
    <definedName name="_87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8"}</definedName>
    <definedName name="_87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7"}</definedName>
    <definedName name="_87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6"}</definedName>
    <definedName name="_87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5"}</definedName>
    <definedName name="_87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4"}</definedName>
    <definedName name="_87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3"}</definedName>
    <definedName name="_87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2"}</definedName>
    <definedName name="_87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1"}</definedName>
    <definedName name="_87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0"}</definedName>
    <definedName name="_87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9"}</definedName>
    <definedName name="_8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9"}</definedName>
    <definedName name="_87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8"}</definedName>
    <definedName name="_87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7"}</definedName>
    <definedName name="_87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6"}</definedName>
    <definedName name="_87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5"}</definedName>
    <definedName name="_87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4"}</definedName>
    <definedName name="_87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3"}</definedName>
    <definedName name="_87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2"}</definedName>
    <definedName name="_87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1"}</definedName>
    <definedName name="_87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0"}</definedName>
    <definedName name="_87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9"}</definedName>
    <definedName name="_8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8"}</definedName>
    <definedName name="_87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8"}</definedName>
    <definedName name="_87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7"}</definedName>
    <definedName name="_87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6"}</definedName>
    <definedName name="_87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5"}</definedName>
    <definedName name="_87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4"}</definedName>
    <definedName name="_87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3"}</definedName>
    <definedName name="_87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2"}</definedName>
    <definedName name="_87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1"}</definedName>
    <definedName name="_87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0"}</definedName>
    <definedName name="_87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9"}</definedName>
    <definedName name="_8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7"}</definedName>
    <definedName name="_87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8"}</definedName>
    <definedName name="_87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7"}</definedName>
    <definedName name="_87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6"}</definedName>
    <definedName name="_87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5"}</definedName>
    <definedName name="_87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4"}</definedName>
    <definedName name="_87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3"}</definedName>
    <definedName name="_87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2"}</definedName>
    <definedName name="_87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1"}</definedName>
    <definedName name="_87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0"}</definedName>
    <definedName name="_87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9"}</definedName>
    <definedName name="_8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1"}</definedName>
    <definedName name="_8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6"}</definedName>
    <definedName name="_88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8"}</definedName>
    <definedName name="_88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7"}</definedName>
    <definedName name="_88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6"}</definedName>
    <definedName name="_88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5"}</definedName>
    <definedName name="_88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4"}</definedName>
    <definedName name="_88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3"}</definedName>
    <definedName name="_88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2"}</definedName>
    <definedName name="_88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1"}</definedName>
    <definedName name="_88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0"}</definedName>
    <definedName name="_88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9"}</definedName>
    <definedName name="_8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5"}</definedName>
    <definedName name="_88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8"}</definedName>
    <definedName name="_88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7"}</definedName>
    <definedName name="_88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6"}</definedName>
    <definedName name="_88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5"}</definedName>
    <definedName name="_88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4"}</definedName>
    <definedName name="_88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3"}</definedName>
    <definedName name="_88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2"}</definedName>
    <definedName name="_88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1"}</definedName>
    <definedName name="_88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0"}</definedName>
    <definedName name="_88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9"}</definedName>
    <definedName name="_8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4"}</definedName>
    <definedName name="_88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8"}</definedName>
    <definedName name="_88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7"}</definedName>
    <definedName name="_88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6"}</definedName>
    <definedName name="_88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5"}</definedName>
    <definedName name="_88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4"}</definedName>
    <definedName name="_88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3"}</definedName>
    <definedName name="_88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2"}</definedName>
    <definedName name="_88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1"}</definedName>
    <definedName name="_88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0"}</definedName>
    <definedName name="_88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9"}</definedName>
    <definedName name="_8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3"}</definedName>
    <definedName name="_88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8"}</definedName>
    <definedName name="_88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7"}</definedName>
    <definedName name="_88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6"}</definedName>
    <definedName name="_88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5"}</definedName>
    <definedName name="_88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4"}</definedName>
    <definedName name="_88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3"}</definedName>
    <definedName name="_88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2"}</definedName>
    <definedName name="_88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1"}</definedName>
    <definedName name="_88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0"}</definedName>
    <definedName name="_88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9"}</definedName>
    <definedName name="_8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2"}</definedName>
    <definedName name="_88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8"}</definedName>
    <definedName name="_88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7"}</definedName>
    <definedName name="_88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6"}</definedName>
    <definedName name="_88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5"}</definedName>
    <definedName name="_88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4"}</definedName>
    <definedName name="_88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3"}</definedName>
    <definedName name="_88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2"}</definedName>
    <definedName name="_88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1"}</definedName>
    <definedName name="_88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0"}</definedName>
    <definedName name="_88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9"}</definedName>
    <definedName name="_8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1"}</definedName>
    <definedName name="_88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8"}</definedName>
    <definedName name="_88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7"}</definedName>
    <definedName name="_88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6"}</definedName>
    <definedName name="_88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5"}</definedName>
    <definedName name="_88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4"}</definedName>
    <definedName name="_88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3"}</definedName>
    <definedName name="_88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2"}</definedName>
    <definedName name="_88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1"}</definedName>
    <definedName name="_88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0"}</definedName>
    <definedName name="_88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9"}</definedName>
    <definedName name="_8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80"}</definedName>
    <definedName name="_88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8"}</definedName>
    <definedName name="_88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7"}</definedName>
    <definedName name="_88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6"}</definedName>
    <definedName name="_88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5"}</definedName>
    <definedName name="_88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4"}</definedName>
    <definedName name="_88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3"}</definedName>
    <definedName name="_88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2"}</definedName>
    <definedName name="_88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1"}</definedName>
    <definedName name="_88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0"}</definedName>
    <definedName name="_88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9"}</definedName>
    <definedName name="_8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9"}</definedName>
    <definedName name="_88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8"}</definedName>
    <definedName name="_88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7"}</definedName>
    <definedName name="_88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6"}</definedName>
    <definedName name="_88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5"}</definedName>
    <definedName name="_88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4"}</definedName>
    <definedName name="_88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3"}</definedName>
    <definedName name="_88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2"}</definedName>
    <definedName name="_88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1"}</definedName>
    <definedName name="_88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0"}</definedName>
    <definedName name="_88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9"}</definedName>
    <definedName name="_8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8"}</definedName>
    <definedName name="_88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8"}</definedName>
    <definedName name="_88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7"}</definedName>
    <definedName name="_88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6"}</definedName>
    <definedName name="_88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5"}</definedName>
    <definedName name="_88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4"}</definedName>
    <definedName name="_88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3"}</definedName>
    <definedName name="_88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2"}</definedName>
    <definedName name="_88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1"}</definedName>
    <definedName name="_88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0"}</definedName>
    <definedName name="_88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9"}</definedName>
    <definedName name="_8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7"}</definedName>
    <definedName name="_88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8"}</definedName>
    <definedName name="_88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7"}</definedName>
    <definedName name="_88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6"}</definedName>
    <definedName name="_88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5"}</definedName>
    <definedName name="_88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4"}</definedName>
    <definedName name="_88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3"}</definedName>
    <definedName name="_88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2"}</definedName>
    <definedName name="_88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1"}</definedName>
    <definedName name="_88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0"}</definedName>
    <definedName name="_88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9"}</definedName>
    <definedName name="_8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70"}</definedName>
    <definedName name="_8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6"}</definedName>
    <definedName name="_89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8"}</definedName>
    <definedName name="_89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7"}</definedName>
    <definedName name="_89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6"}</definedName>
    <definedName name="_89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5"}</definedName>
    <definedName name="_89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4"}</definedName>
    <definedName name="_89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3"}</definedName>
    <definedName name="_89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2"}</definedName>
    <definedName name="_89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1"}</definedName>
    <definedName name="_89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0"}</definedName>
    <definedName name="_89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9"}</definedName>
    <definedName name="_8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5"}</definedName>
    <definedName name="_89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8"}</definedName>
    <definedName name="_89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7"}</definedName>
    <definedName name="_89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6"}</definedName>
    <definedName name="_89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5"}</definedName>
    <definedName name="_89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4"}</definedName>
    <definedName name="_89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3"}</definedName>
    <definedName name="_89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2"}</definedName>
    <definedName name="_89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1"}</definedName>
    <definedName name="_89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0"}</definedName>
    <definedName name="_89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9"}</definedName>
    <definedName name="_8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4"}</definedName>
    <definedName name="_89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8"}</definedName>
    <definedName name="_89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7"}</definedName>
    <definedName name="_89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6"}</definedName>
    <definedName name="_89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5"}</definedName>
    <definedName name="_89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4"}</definedName>
    <definedName name="_89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3"}</definedName>
    <definedName name="_89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2"}</definedName>
    <definedName name="_89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1"}</definedName>
    <definedName name="_89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0"}</definedName>
    <definedName name="_89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9"}</definedName>
    <definedName name="_8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3"}</definedName>
    <definedName name="_89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8"}</definedName>
    <definedName name="_89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7"}</definedName>
    <definedName name="_89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6"}</definedName>
    <definedName name="_89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5"}</definedName>
    <definedName name="_89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4"}</definedName>
    <definedName name="_89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3"}</definedName>
    <definedName name="_89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2"}</definedName>
    <definedName name="_89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1"}</definedName>
    <definedName name="_89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0"}</definedName>
    <definedName name="_89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9"}</definedName>
    <definedName name="_8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2"}</definedName>
    <definedName name="_89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8"}</definedName>
    <definedName name="_89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7"}</definedName>
    <definedName name="_89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6"}</definedName>
    <definedName name="_89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5"}</definedName>
    <definedName name="_89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4"}</definedName>
    <definedName name="_89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3"}</definedName>
    <definedName name="_89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2"}</definedName>
    <definedName name="_89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1"}</definedName>
    <definedName name="_89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0"}</definedName>
    <definedName name="_89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9"}</definedName>
    <definedName name="_8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1"}</definedName>
    <definedName name="_89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8"}</definedName>
    <definedName name="_89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7"}</definedName>
    <definedName name="_89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6"}</definedName>
    <definedName name="_89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5"}</definedName>
    <definedName name="_89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4"}</definedName>
    <definedName name="_89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3"}</definedName>
    <definedName name="_89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2"}</definedName>
    <definedName name="_89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1"}</definedName>
    <definedName name="_895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0"}</definedName>
    <definedName name="_895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9"}</definedName>
    <definedName name="_8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70"}</definedName>
    <definedName name="_896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8"}</definedName>
    <definedName name="_896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7"}</definedName>
    <definedName name="_896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6"}</definedName>
    <definedName name="_896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5"}</definedName>
    <definedName name="_896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4"}</definedName>
    <definedName name="_896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3"}</definedName>
    <definedName name="_896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2"}</definedName>
    <definedName name="_896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1"}</definedName>
    <definedName name="_896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0"}</definedName>
    <definedName name="_896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9"}</definedName>
    <definedName name="_8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9"}</definedName>
    <definedName name="_897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8"}</definedName>
    <definedName name="_897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7"}</definedName>
    <definedName name="_897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6"}</definedName>
    <definedName name="_897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5"}</definedName>
    <definedName name="_897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4"}</definedName>
    <definedName name="_897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3"}</definedName>
    <definedName name="_897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2"}</definedName>
    <definedName name="_897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1"}</definedName>
    <definedName name="_897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0"}</definedName>
    <definedName name="_897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9"}</definedName>
    <definedName name="_8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8"}</definedName>
    <definedName name="_898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8"}</definedName>
    <definedName name="_898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7"}</definedName>
    <definedName name="_898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6"}</definedName>
    <definedName name="_898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5"}</definedName>
    <definedName name="_898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4"}</definedName>
    <definedName name="_898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3"}</definedName>
    <definedName name="_898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2"}</definedName>
    <definedName name="_898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1"}</definedName>
    <definedName name="_898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0"}</definedName>
    <definedName name="_898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9"}</definedName>
    <definedName name="_8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7"}</definedName>
    <definedName name="_899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8"}</definedName>
    <definedName name="_899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7"}</definedName>
    <definedName name="_899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6"}</definedName>
    <definedName name="_899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5"}</definedName>
    <definedName name="_899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4"}</definedName>
    <definedName name="_899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3"}</definedName>
    <definedName name="_899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2"}</definedName>
    <definedName name="_899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1"}</definedName>
    <definedName name="_899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0"}</definedName>
    <definedName name="_899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9"}</definedName>
    <definedName name="_9__123Graph_XCHART_1" hidden="1">[7]DUCOCO!$D$108:$N$108</definedName>
    <definedName name="_9__FDSAUDITLINK__" hidden="1">{"fdsup://directions/FAT Viewer?action=UPDATE&amp;creator=factset&amp;DYN_ARGS=TRUE&amp;DOC_NAME=FAT:FQL_AUDITING_CLIENT_TEMPLATE.FAT&amp;display_string=Audit&amp;VAR:KEY=ZQZUZUZAFU&amp;VAR:QUERY=RkZfRUJJVERBX09QRVIoQU5OLDAsLTVBWSk=&amp;WINDOW=FIRST_POPUP&amp;HEIGHT=450&amp;WIDTH=450&amp;START_MA","XIMIZED=FALSE&amp;VAR:CALENDAR=US&amp;VAR:SYMBOL=B1YWHR&amp;VAR:INDEX=2"}</definedName>
    <definedName name="_90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9"}</definedName>
    <definedName name="_90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6"}</definedName>
    <definedName name="_900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8"}</definedName>
    <definedName name="_900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7"}</definedName>
    <definedName name="_900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6"}</definedName>
    <definedName name="_900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5"}</definedName>
    <definedName name="_900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4"}</definedName>
    <definedName name="_900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3"}</definedName>
    <definedName name="_900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2"}</definedName>
    <definedName name="_900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1"}</definedName>
    <definedName name="_900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0"}</definedName>
    <definedName name="_900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9"}</definedName>
    <definedName name="_90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5"}</definedName>
    <definedName name="_901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8"}</definedName>
    <definedName name="_901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7"}</definedName>
    <definedName name="_901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6"}</definedName>
    <definedName name="_901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5"}</definedName>
    <definedName name="_901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4"}</definedName>
    <definedName name="_901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3"}</definedName>
    <definedName name="_901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2"}</definedName>
    <definedName name="_901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1"}</definedName>
    <definedName name="_901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0"}</definedName>
    <definedName name="_901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9"}</definedName>
    <definedName name="_90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4"}</definedName>
    <definedName name="_902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8"}</definedName>
    <definedName name="_902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7"}</definedName>
    <definedName name="_902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6"}</definedName>
    <definedName name="_902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5"}</definedName>
    <definedName name="_902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4"}</definedName>
    <definedName name="_902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3"}</definedName>
    <definedName name="_902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2"}</definedName>
    <definedName name="_902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1"}</definedName>
    <definedName name="_902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0"}</definedName>
    <definedName name="_902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9"}</definedName>
    <definedName name="_90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3"}</definedName>
    <definedName name="_903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8"}</definedName>
    <definedName name="_903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7"}</definedName>
    <definedName name="_903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6"}</definedName>
    <definedName name="_903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5"}</definedName>
    <definedName name="_903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4"}</definedName>
    <definedName name="_903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3"}</definedName>
    <definedName name="_903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2"}</definedName>
    <definedName name="_903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1"}</definedName>
    <definedName name="_903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0"}</definedName>
    <definedName name="_903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9"}</definedName>
    <definedName name="_90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2"}</definedName>
    <definedName name="_904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8"}</definedName>
    <definedName name="_904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7"}</definedName>
    <definedName name="_904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6"}</definedName>
    <definedName name="_904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5"}</definedName>
    <definedName name="_904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4"}</definedName>
    <definedName name="_904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3"}</definedName>
    <definedName name="_904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2"}</definedName>
    <definedName name="_904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1"}</definedName>
    <definedName name="_9048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0"}</definedName>
    <definedName name="_9049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9"}</definedName>
    <definedName name="_90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1"}</definedName>
    <definedName name="_9050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8"}</definedName>
    <definedName name="_9051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7"}</definedName>
    <definedName name="_9052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6"}</definedName>
    <definedName name="_9053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5"}</definedName>
    <definedName name="_9054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4"}</definedName>
    <definedName name="_9055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3"}</definedName>
    <definedName name="_9056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2"}</definedName>
    <definedName name="_9057__FDSAUDITLINK__" hidden="1">{"fdsup://directions/FAT Viewer?action=UPDATE&amp;creator=factset&amp;DYN_ARGS=TRUE&amp;DOC_NAME=FAT:FQL_AUDITING_CLIENT_TEMPLATE.FAT&amp;display_string=Audit&amp;VAR:KEY=GBMZGBYDYV&amp;VAR:QUERY=RkZfRU5UUlBSX1ZBTF9EQUlMWSgtMkFZLDQxMTcyLEQsLCwnRElMJyk=&amp;WINDOW=FIRST_POPUP&amp;HEIGHT=45","0&amp;WIDTH=450&amp;START_MAXIMIZED=FALSE&amp;VAR:CALENDAR=US&amp;VAR:SYMBOL=B1FRH8&amp;VAR:INDEX=1"}</definedName>
    <definedName name="_9058__FDSAUDITLINK__" hidden="1">{"fdsup://directions/FAT Viewer?action=UPDATE&amp;creator=factset&amp;DYN_ARGS=TRUE&amp;DOC_NAME=FAT:FQL_AUDITING_CLIENT_TEMPLATE.FAT&amp;display_string=Audit&amp;VAR:KEY=ZINYVYTSPQ&amp;VAR:QUERY=RkZfRU5UUlBSX1ZBTF9EQUlMWSgtMkFZLDQxMTcyLEQsLCwnRElMJyk=&amp;WINDOW=FIRST_POPUP&amp;HEIGHT=45","0&amp;WIDTH=450&amp;START_MAXIMIZED=FALSE&amp;VAR:CALENDAR=US&amp;VAR:SYMBOL=236197&amp;VAR:INDEX=507"}</definedName>
    <definedName name="_90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6"}</definedName>
    <definedName name="_90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60"}</definedName>
    <definedName name="_90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5"}</definedName>
    <definedName name="_90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4"}</definedName>
    <definedName name="_90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3"}</definedName>
    <definedName name="_90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2"}</definedName>
    <definedName name="_90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1"}</definedName>
    <definedName name="_90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0"}</definedName>
    <definedName name="_90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9"}</definedName>
    <definedName name="_90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8"}</definedName>
    <definedName name="_90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7"}</definedName>
    <definedName name="_90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6"}</definedName>
    <definedName name="_90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9"}</definedName>
    <definedName name="_90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5"}</definedName>
    <definedName name="_90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4"}</definedName>
    <definedName name="_90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3"}</definedName>
    <definedName name="_90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2"}</definedName>
    <definedName name="_90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1"}</definedName>
    <definedName name="_90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0"}</definedName>
    <definedName name="_90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9"}</definedName>
    <definedName name="_90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8"}</definedName>
    <definedName name="_90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7"}</definedName>
    <definedName name="_90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6"}</definedName>
    <definedName name="_90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8"}</definedName>
    <definedName name="_90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5"}</definedName>
    <definedName name="_90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4"}</definedName>
    <definedName name="_90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3"}</definedName>
    <definedName name="_90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2"}</definedName>
    <definedName name="_90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1"}</definedName>
    <definedName name="_90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0"}</definedName>
    <definedName name="_90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9"}</definedName>
    <definedName name="_90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8"}</definedName>
    <definedName name="_90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7"}</definedName>
    <definedName name="_90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6"}</definedName>
    <definedName name="_90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7"}</definedName>
    <definedName name="_90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5"}</definedName>
    <definedName name="_90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4"}</definedName>
    <definedName name="_90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3"}</definedName>
    <definedName name="_90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2"}</definedName>
    <definedName name="_90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1"}</definedName>
    <definedName name="_90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0"}</definedName>
    <definedName name="_90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9"}</definedName>
    <definedName name="_90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8"}</definedName>
    <definedName name="_90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7"}</definedName>
    <definedName name="_90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6"}</definedName>
    <definedName name="_91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8"}</definedName>
    <definedName name="_91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6"}</definedName>
    <definedName name="_91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5"}</definedName>
    <definedName name="_91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4"}</definedName>
    <definedName name="_91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3"}</definedName>
    <definedName name="_91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2"}</definedName>
    <definedName name="_91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1"}</definedName>
    <definedName name="_91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0"}</definedName>
    <definedName name="_91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9"}</definedName>
    <definedName name="_91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8"}</definedName>
    <definedName name="_91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7"}</definedName>
    <definedName name="_91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6"}</definedName>
    <definedName name="_91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5"}</definedName>
    <definedName name="_91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5"}</definedName>
    <definedName name="_91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4"}</definedName>
    <definedName name="_91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3"}</definedName>
    <definedName name="_91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2"}</definedName>
    <definedName name="_91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1"}</definedName>
    <definedName name="_91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0"}</definedName>
    <definedName name="_91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9"}</definedName>
    <definedName name="_91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8"}</definedName>
    <definedName name="_91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7"}</definedName>
    <definedName name="_91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6"}</definedName>
    <definedName name="_91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4"}</definedName>
    <definedName name="_91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5"}</definedName>
    <definedName name="_91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4"}</definedName>
    <definedName name="_91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3"}</definedName>
    <definedName name="_91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2"}</definedName>
    <definedName name="_91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1"}</definedName>
    <definedName name="_91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0"}</definedName>
    <definedName name="_91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9"}</definedName>
    <definedName name="_91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8"}</definedName>
    <definedName name="_91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7"}</definedName>
    <definedName name="_91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6"}</definedName>
    <definedName name="_91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3"}</definedName>
    <definedName name="_91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5"}</definedName>
    <definedName name="_91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4"}</definedName>
    <definedName name="_91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3"}</definedName>
    <definedName name="_91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2"}</definedName>
    <definedName name="_91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1"}</definedName>
    <definedName name="_91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0"}</definedName>
    <definedName name="_91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9"}</definedName>
    <definedName name="_91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8"}</definedName>
    <definedName name="_91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7"}</definedName>
    <definedName name="_91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6"}</definedName>
    <definedName name="_91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2"}</definedName>
    <definedName name="_91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5"}</definedName>
    <definedName name="_91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4"}</definedName>
    <definedName name="_91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3"}</definedName>
    <definedName name="_91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2"}</definedName>
    <definedName name="_91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1"}</definedName>
    <definedName name="_91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0"}</definedName>
    <definedName name="_91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9"}</definedName>
    <definedName name="_91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8"}</definedName>
    <definedName name="_91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7"}</definedName>
    <definedName name="_91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6"}</definedName>
    <definedName name="_91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1"}</definedName>
    <definedName name="_91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5"}</definedName>
    <definedName name="_91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4"}</definedName>
    <definedName name="_91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3"}</definedName>
    <definedName name="_91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2"}</definedName>
    <definedName name="_91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1"}</definedName>
    <definedName name="_91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0"}</definedName>
    <definedName name="_91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9"}</definedName>
    <definedName name="_91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8"}</definedName>
    <definedName name="_91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7"}</definedName>
    <definedName name="_91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6"}</definedName>
    <definedName name="_91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50"}</definedName>
    <definedName name="_91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5"}</definedName>
    <definedName name="_91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4"}</definedName>
    <definedName name="_91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3"}</definedName>
    <definedName name="_91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2"}</definedName>
    <definedName name="_91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1"}</definedName>
    <definedName name="_91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0"}</definedName>
    <definedName name="_91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9"}</definedName>
    <definedName name="_91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8"}</definedName>
    <definedName name="_91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7"}</definedName>
    <definedName name="_91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6"}</definedName>
    <definedName name="_91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9"}</definedName>
    <definedName name="_91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5"}</definedName>
    <definedName name="_91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4"}</definedName>
    <definedName name="_91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3"}</definedName>
    <definedName name="_91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2"}</definedName>
    <definedName name="_91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1"}</definedName>
    <definedName name="_91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0"}</definedName>
    <definedName name="_91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9"}</definedName>
    <definedName name="_91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8"}</definedName>
    <definedName name="_91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7"}</definedName>
    <definedName name="_91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6"}</definedName>
    <definedName name="_91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8"}</definedName>
    <definedName name="_91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5"}</definedName>
    <definedName name="_91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4"}</definedName>
    <definedName name="_91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3"}</definedName>
    <definedName name="_91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2"}</definedName>
    <definedName name="_91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1"}</definedName>
    <definedName name="_91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0"}</definedName>
    <definedName name="_91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9"}</definedName>
    <definedName name="_91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8"}</definedName>
    <definedName name="_91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7"}</definedName>
    <definedName name="_91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6"}</definedName>
    <definedName name="_91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7"}</definedName>
    <definedName name="_91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5"}</definedName>
    <definedName name="_91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4"}</definedName>
    <definedName name="_91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3"}</definedName>
    <definedName name="_91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2"}</definedName>
    <definedName name="_91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1"}</definedName>
    <definedName name="_91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0"}</definedName>
    <definedName name="_91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9"}</definedName>
    <definedName name="_91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8"}</definedName>
    <definedName name="_91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7"}</definedName>
    <definedName name="_91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6"}</definedName>
    <definedName name="_92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7"}</definedName>
    <definedName name="_92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6"}</definedName>
    <definedName name="_92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5"}</definedName>
    <definedName name="_92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4"}</definedName>
    <definedName name="_92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3"}</definedName>
    <definedName name="_92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2"}</definedName>
    <definedName name="_92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1"}</definedName>
    <definedName name="_92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0"}</definedName>
    <definedName name="_92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9"}</definedName>
    <definedName name="_92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8"}</definedName>
    <definedName name="_92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7"}</definedName>
    <definedName name="_92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6"}</definedName>
    <definedName name="_92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5"}</definedName>
    <definedName name="_92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5"}</definedName>
    <definedName name="_92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4"}</definedName>
    <definedName name="_92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3"}</definedName>
    <definedName name="_92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2"}</definedName>
    <definedName name="_92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1"}</definedName>
    <definedName name="_92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0"}</definedName>
    <definedName name="_92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9"}</definedName>
    <definedName name="_92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8"}</definedName>
    <definedName name="_92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7"}</definedName>
    <definedName name="_92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6"}</definedName>
    <definedName name="_92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4"}</definedName>
    <definedName name="_92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5"}</definedName>
    <definedName name="_92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4"}</definedName>
    <definedName name="_92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3"}</definedName>
    <definedName name="_92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2"}</definedName>
    <definedName name="_92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1"}</definedName>
    <definedName name="_92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0"}</definedName>
    <definedName name="_92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9"}</definedName>
    <definedName name="_92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8"}</definedName>
    <definedName name="_92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7"}</definedName>
    <definedName name="_92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6"}</definedName>
    <definedName name="_92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3"}</definedName>
    <definedName name="_92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5"}</definedName>
    <definedName name="_92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4"}</definedName>
    <definedName name="_92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3"}</definedName>
    <definedName name="_92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2"}</definedName>
    <definedName name="_92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1"}</definedName>
    <definedName name="_92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0"}</definedName>
    <definedName name="_92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9"}</definedName>
    <definedName name="_92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8"}</definedName>
    <definedName name="_92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7"}</definedName>
    <definedName name="_92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6"}</definedName>
    <definedName name="_92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2"}</definedName>
    <definedName name="_92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5"}</definedName>
    <definedName name="_92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4"}</definedName>
    <definedName name="_92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3"}</definedName>
    <definedName name="_92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2"}</definedName>
    <definedName name="_92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1"}</definedName>
    <definedName name="_92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0"}</definedName>
    <definedName name="_92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9"}</definedName>
    <definedName name="_92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8"}</definedName>
    <definedName name="_92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7"}</definedName>
    <definedName name="_92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6"}</definedName>
    <definedName name="_92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1"}</definedName>
    <definedName name="_92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5"}</definedName>
    <definedName name="_92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4"}</definedName>
    <definedName name="_92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3"}</definedName>
    <definedName name="_92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2"}</definedName>
    <definedName name="_92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1"}</definedName>
    <definedName name="_92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0"}</definedName>
    <definedName name="_92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9"}</definedName>
    <definedName name="_92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8"}</definedName>
    <definedName name="_92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7"}</definedName>
    <definedName name="_92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6"}</definedName>
    <definedName name="_92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40"}</definedName>
    <definedName name="_92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5"}</definedName>
    <definedName name="_92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4"}</definedName>
    <definedName name="_92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3"}</definedName>
    <definedName name="_92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2"}</definedName>
    <definedName name="_92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1"}</definedName>
    <definedName name="_92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0"}</definedName>
    <definedName name="_92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9"}</definedName>
    <definedName name="_92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8"}</definedName>
    <definedName name="_92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7"}</definedName>
    <definedName name="_92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6"}</definedName>
    <definedName name="_92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9"}</definedName>
    <definedName name="_92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5"}</definedName>
    <definedName name="_92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4"}</definedName>
    <definedName name="_92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3"}</definedName>
    <definedName name="_92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2"}</definedName>
    <definedName name="_92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1"}</definedName>
    <definedName name="_92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0"}</definedName>
    <definedName name="_92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9"}</definedName>
    <definedName name="_92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8"}</definedName>
    <definedName name="_92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7"}</definedName>
    <definedName name="_92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6"}</definedName>
    <definedName name="_92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8"}</definedName>
    <definedName name="_92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5"}</definedName>
    <definedName name="_92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4"}</definedName>
    <definedName name="_92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3"}</definedName>
    <definedName name="_92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2"}</definedName>
    <definedName name="_92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1"}</definedName>
    <definedName name="_92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0"}</definedName>
    <definedName name="_92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9"}</definedName>
    <definedName name="_92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8"}</definedName>
    <definedName name="_92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7"}</definedName>
    <definedName name="_92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6"}</definedName>
    <definedName name="_92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7"}</definedName>
    <definedName name="_92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5"}</definedName>
    <definedName name="_92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4"}</definedName>
    <definedName name="_92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3"}</definedName>
    <definedName name="_92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2"}</definedName>
    <definedName name="_92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1"}</definedName>
    <definedName name="_92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0"}</definedName>
    <definedName name="_92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9"}</definedName>
    <definedName name="_92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8"}</definedName>
    <definedName name="_92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7"}</definedName>
    <definedName name="_92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6"}</definedName>
    <definedName name="_93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6"}</definedName>
    <definedName name="_93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6"}</definedName>
    <definedName name="_93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5"}</definedName>
    <definedName name="_93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4"}</definedName>
    <definedName name="_93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3"}</definedName>
    <definedName name="_93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2"}</definedName>
    <definedName name="_93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1"}</definedName>
    <definedName name="_93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0"}</definedName>
    <definedName name="_93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9"}</definedName>
    <definedName name="_93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8"}</definedName>
    <definedName name="_93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7"}</definedName>
    <definedName name="_93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6"}</definedName>
    <definedName name="_93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5"}</definedName>
    <definedName name="_93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5"}</definedName>
    <definedName name="_93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4"}</definedName>
    <definedName name="_93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3"}</definedName>
    <definedName name="_93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2"}</definedName>
    <definedName name="_93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1"}</definedName>
    <definedName name="_93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0"}</definedName>
    <definedName name="_93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9"}</definedName>
    <definedName name="_93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8"}</definedName>
    <definedName name="_93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7"}</definedName>
    <definedName name="_93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6"}</definedName>
    <definedName name="_93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4"}</definedName>
    <definedName name="_93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5"}</definedName>
    <definedName name="_93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4"}</definedName>
    <definedName name="_93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3"}</definedName>
    <definedName name="_93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2"}</definedName>
    <definedName name="_93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1"}</definedName>
    <definedName name="_93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0"}</definedName>
    <definedName name="_93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9"}</definedName>
    <definedName name="_93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8"}</definedName>
    <definedName name="_93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7"}</definedName>
    <definedName name="_93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6"}</definedName>
    <definedName name="_93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3"}</definedName>
    <definedName name="_93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5"}</definedName>
    <definedName name="_93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4"}</definedName>
    <definedName name="_93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3"}</definedName>
    <definedName name="_93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2"}</definedName>
    <definedName name="_93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1"}</definedName>
    <definedName name="_93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0"}</definedName>
    <definedName name="_93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9"}</definedName>
    <definedName name="_93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8"}</definedName>
    <definedName name="_93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7"}</definedName>
    <definedName name="_93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6"}</definedName>
    <definedName name="_93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2"}</definedName>
    <definedName name="_93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5"}</definedName>
    <definedName name="_93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4"}</definedName>
    <definedName name="_93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3"}</definedName>
    <definedName name="_93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2"}</definedName>
    <definedName name="_93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1"}</definedName>
    <definedName name="_93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0"}</definedName>
    <definedName name="_93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9"}</definedName>
    <definedName name="_93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8"}</definedName>
    <definedName name="_93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7"}</definedName>
    <definedName name="_93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6"}</definedName>
    <definedName name="_93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1"}</definedName>
    <definedName name="_93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5"}</definedName>
    <definedName name="_93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4"}</definedName>
    <definedName name="_93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3"}</definedName>
    <definedName name="_93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2"}</definedName>
    <definedName name="_93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1"}</definedName>
    <definedName name="_93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0"}</definedName>
    <definedName name="_93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9"}</definedName>
    <definedName name="_93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8"}</definedName>
    <definedName name="_93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7"}</definedName>
    <definedName name="_93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6"}</definedName>
    <definedName name="_93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30"}</definedName>
    <definedName name="_93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5"}</definedName>
    <definedName name="_93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4"}</definedName>
    <definedName name="_93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3"}</definedName>
    <definedName name="_93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2"}</definedName>
    <definedName name="_93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1"}</definedName>
    <definedName name="_93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0"}</definedName>
    <definedName name="_93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9"}</definedName>
    <definedName name="_93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8"}</definedName>
    <definedName name="_93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7"}</definedName>
    <definedName name="_93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6"}</definedName>
    <definedName name="_93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9"}</definedName>
    <definedName name="_93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5"}</definedName>
    <definedName name="_93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4"}</definedName>
    <definedName name="_93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3"}</definedName>
    <definedName name="_93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2"}</definedName>
    <definedName name="_93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1"}</definedName>
    <definedName name="_93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0"}</definedName>
    <definedName name="_93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9"}</definedName>
    <definedName name="_93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8"}</definedName>
    <definedName name="_93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7"}</definedName>
    <definedName name="_93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6"}</definedName>
    <definedName name="_93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8"}</definedName>
    <definedName name="_93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5"}</definedName>
    <definedName name="_93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4"}</definedName>
    <definedName name="_93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3"}</definedName>
    <definedName name="_93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2"}</definedName>
    <definedName name="_93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1"}</definedName>
    <definedName name="_93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0"}</definedName>
    <definedName name="_93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9"}</definedName>
    <definedName name="_93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8"}</definedName>
    <definedName name="_93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7"}</definedName>
    <definedName name="_93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6"}</definedName>
    <definedName name="_93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7"}</definedName>
    <definedName name="_93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5"}</definedName>
    <definedName name="_93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4"}</definedName>
    <definedName name="_93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3"}</definedName>
    <definedName name="_93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2"}</definedName>
    <definedName name="_93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1"}</definedName>
    <definedName name="_93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0"}</definedName>
    <definedName name="_93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9"}</definedName>
    <definedName name="_93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8"}</definedName>
    <definedName name="_93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7"}</definedName>
    <definedName name="_93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6"}</definedName>
    <definedName name="_94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5"}</definedName>
    <definedName name="_94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6"}</definedName>
    <definedName name="_94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5"}</definedName>
    <definedName name="_94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4"}</definedName>
    <definedName name="_94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3"}</definedName>
    <definedName name="_94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2"}</definedName>
    <definedName name="_94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1"}</definedName>
    <definedName name="_94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0"}</definedName>
    <definedName name="_94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9"}</definedName>
    <definedName name="_94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8"}</definedName>
    <definedName name="_94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7"}</definedName>
    <definedName name="_94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6"}</definedName>
    <definedName name="_94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5"}</definedName>
    <definedName name="_94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5"}</definedName>
    <definedName name="_94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4"}</definedName>
    <definedName name="_94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3"}</definedName>
    <definedName name="_94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2"}</definedName>
    <definedName name="_94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1"}</definedName>
    <definedName name="_94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0"}</definedName>
    <definedName name="_94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9"}</definedName>
    <definedName name="_94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8"}</definedName>
    <definedName name="_94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7"}</definedName>
    <definedName name="_94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6"}</definedName>
    <definedName name="_94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4"}</definedName>
    <definedName name="_94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5"}</definedName>
    <definedName name="_94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4"}</definedName>
    <definedName name="_94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3"}</definedName>
    <definedName name="_94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2"}</definedName>
    <definedName name="_94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1"}</definedName>
    <definedName name="_94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0"}</definedName>
    <definedName name="_94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9"}</definedName>
    <definedName name="_94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8"}</definedName>
    <definedName name="_94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7"}</definedName>
    <definedName name="_94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6"}</definedName>
    <definedName name="_94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3"}</definedName>
    <definedName name="_94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5"}</definedName>
    <definedName name="_94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4"}</definedName>
    <definedName name="_94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3"}</definedName>
    <definedName name="_94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2"}</definedName>
    <definedName name="_94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1"}</definedName>
    <definedName name="_94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0"}</definedName>
    <definedName name="_94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9"}</definedName>
    <definedName name="_94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8"}</definedName>
    <definedName name="_94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7"}</definedName>
    <definedName name="_94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6"}</definedName>
    <definedName name="_94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2"}</definedName>
    <definedName name="_94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5"}</definedName>
    <definedName name="_94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4"}</definedName>
    <definedName name="_94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3"}</definedName>
    <definedName name="_94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2"}</definedName>
    <definedName name="_94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1"}</definedName>
    <definedName name="_94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0"}</definedName>
    <definedName name="_94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9"}</definedName>
    <definedName name="_94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8"}</definedName>
    <definedName name="_94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7"}</definedName>
    <definedName name="_94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6"}</definedName>
    <definedName name="_94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1"}</definedName>
    <definedName name="_94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5"}</definedName>
    <definedName name="_94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4"}</definedName>
    <definedName name="_94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3"}</definedName>
    <definedName name="_94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2"}</definedName>
    <definedName name="_94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1"}</definedName>
    <definedName name="_94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0"}</definedName>
    <definedName name="_94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9"}</definedName>
    <definedName name="_94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8"}</definedName>
    <definedName name="_94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7"}</definedName>
    <definedName name="_94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6"}</definedName>
    <definedName name="_94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20"}</definedName>
    <definedName name="_94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5"}</definedName>
    <definedName name="_94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4"}</definedName>
    <definedName name="_94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3"}</definedName>
    <definedName name="_94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2"}</definedName>
    <definedName name="_94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1"}</definedName>
    <definedName name="_946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0"}</definedName>
    <definedName name="_946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9"}</definedName>
    <definedName name="_946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8"}</definedName>
    <definedName name="_946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7"}</definedName>
    <definedName name="_946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6"}</definedName>
    <definedName name="_94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9"}</definedName>
    <definedName name="_947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5"}</definedName>
    <definedName name="_947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4"}</definedName>
    <definedName name="_947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3"}</definedName>
    <definedName name="_947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2"}</definedName>
    <definedName name="_947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1"}</definedName>
    <definedName name="_947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0"}</definedName>
    <definedName name="_947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9"}</definedName>
    <definedName name="_947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8"}</definedName>
    <definedName name="_947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7"}</definedName>
    <definedName name="_947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6"}</definedName>
    <definedName name="_94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8"}</definedName>
    <definedName name="_948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5"}</definedName>
    <definedName name="_948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4"}</definedName>
    <definedName name="_948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3"}</definedName>
    <definedName name="_948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2"}</definedName>
    <definedName name="_948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1"}</definedName>
    <definedName name="_948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0"}</definedName>
    <definedName name="_948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9"}</definedName>
    <definedName name="_948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8"}</definedName>
    <definedName name="_948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7"}</definedName>
    <definedName name="_948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6"}</definedName>
    <definedName name="_94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7"}</definedName>
    <definedName name="_949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5"}</definedName>
    <definedName name="_949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4"}</definedName>
    <definedName name="_949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3"}</definedName>
    <definedName name="_949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2"}</definedName>
    <definedName name="_949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1"}</definedName>
    <definedName name="_949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0"}</definedName>
    <definedName name="_949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9"}</definedName>
    <definedName name="_949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8"}</definedName>
    <definedName name="_949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7"}</definedName>
    <definedName name="_949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6"}</definedName>
    <definedName name="_95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4"}</definedName>
    <definedName name="_95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6"}</definedName>
    <definedName name="_950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5"}</definedName>
    <definedName name="_950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4"}</definedName>
    <definedName name="_950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3"}</definedName>
    <definedName name="_950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2"}</definedName>
    <definedName name="_950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1"}</definedName>
    <definedName name="_950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0"}</definedName>
    <definedName name="_950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9"}</definedName>
    <definedName name="_950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8"}</definedName>
    <definedName name="_950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7"}</definedName>
    <definedName name="_950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6"}</definedName>
    <definedName name="_95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5"}</definedName>
    <definedName name="_951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5"}</definedName>
    <definedName name="_951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4"}</definedName>
    <definedName name="_951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3"}</definedName>
    <definedName name="_951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2"}</definedName>
    <definedName name="_951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1"}</definedName>
    <definedName name="_951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0"}</definedName>
    <definedName name="_951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9"}</definedName>
    <definedName name="_951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8"}</definedName>
    <definedName name="_951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7"}</definedName>
    <definedName name="_951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6"}</definedName>
    <definedName name="_95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4"}</definedName>
    <definedName name="_952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5"}</definedName>
    <definedName name="_952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4"}</definedName>
    <definedName name="_952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3"}</definedName>
    <definedName name="_952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2"}</definedName>
    <definedName name="_952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1"}</definedName>
    <definedName name="_952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0"}</definedName>
    <definedName name="_952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9"}</definedName>
    <definedName name="_952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8"}</definedName>
    <definedName name="_952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7"}</definedName>
    <definedName name="_952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6"}</definedName>
    <definedName name="_95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3"}</definedName>
    <definedName name="_953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5"}</definedName>
    <definedName name="_953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4"}</definedName>
    <definedName name="_953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3"}</definedName>
    <definedName name="_953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2"}</definedName>
    <definedName name="_953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1"}</definedName>
    <definedName name="_953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0"}</definedName>
    <definedName name="_953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9"}</definedName>
    <definedName name="_953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8"}</definedName>
    <definedName name="_953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7"}</definedName>
    <definedName name="_953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6"}</definedName>
    <definedName name="_95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2"}</definedName>
    <definedName name="_954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5"}</definedName>
    <definedName name="_954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4"}</definedName>
    <definedName name="_954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3"}</definedName>
    <definedName name="_954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2"}</definedName>
    <definedName name="_954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1"}</definedName>
    <definedName name="_954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0"}</definedName>
    <definedName name="_954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9"}</definedName>
    <definedName name="_954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8"}</definedName>
    <definedName name="_954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7"}</definedName>
    <definedName name="_954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6"}</definedName>
    <definedName name="_95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1"}</definedName>
    <definedName name="_955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5"}</definedName>
    <definedName name="_955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4"}</definedName>
    <definedName name="_955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3"}</definedName>
    <definedName name="_955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2"}</definedName>
    <definedName name="_955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1"}</definedName>
    <definedName name="_9555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0"}</definedName>
    <definedName name="_9556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9"}</definedName>
    <definedName name="_9557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8"}</definedName>
    <definedName name="_9558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7"}</definedName>
    <definedName name="_9559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6"}</definedName>
    <definedName name="_95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10"}</definedName>
    <definedName name="_9560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5"}</definedName>
    <definedName name="_9561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4"}</definedName>
    <definedName name="_9562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3"}</definedName>
    <definedName name="_9563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2"}</definedName>
    <definedName name="_9564__FDSAUDITLINK__" hidden="1">{"fdsup://directions/FAT Viewer?action=UPDATE&amp;creator=factset&amp;DYN_ARGS=TRUE&amp;DOC_NAME=FAT:FQL_AUDITING_CLIENT_TEMPLATE.FAT&amp;display_string=Audit&amp;VAR:KEY=LETAPWXYVO&amp;VAR:QUERY=RkZfRU5UUlBSX1ZBTF9EQUlMWSgtMkFZLDQxMTcyLEQsLCwnRElMJyk=&amp;WINDOW=FIRST_POPUP&amp;HEIGHT=45","0&amp;WIDTH=450&amp;START_MAXIMIZED=FALSE&amp;VAR:CALENDAR=US&amp;VAR:SYMBOL=236197&amp;VAR:INDEX=1"}</definedName>
    <definedName name="_9565__FDSAUDITLINK__" hidden="1">{"fdsup://directions/FAT Viewer?action=UPDATE&amp;creator=factset&amp;DYN_ARGS=TRUE&amp;DOC_NAME=FAT:FQL_AUDITING_CLIENT_TEMPLATE.FAT&amp;display_string=Audit&amp;VAR:KEY=MJSNOLUHOL&amp;VAR:QUERY=RkZfRU5UUlBSX1ZBTF9EQUlMWSgtMkFZLDQxMTcyLEQsLCwnRElMJyk=&amp;WINDOW=FIRST_POPUP&amp;HEIGHT=45","0&amp;WIDTH=450&amp;START_MAXIMIZED=FALSE&amp;VAR:CALENDAR=US&amp;VAR:SYMBOL=B23GH5&amp;VAR:INDEX=507"}</definedName>
    <definedName name="_95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6"}</definedName>
    <definedName name="_95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5"}</definedName>
    <definedName name="_95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4"}</definedName>
    <definedName name="_95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3"}</definedName>
    <definedName name="_95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9"}</definedName>
    <definedName name="_95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2"}</definedName>
    <definedName name="_95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1"}</definedName>
    <definedName name="_95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500"}</definedName>
    <definedName name="_95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9"}</definedName>
    <definedName name="_95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8"}</definedName>
    <definedName name="_95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7"}</definedName>
    <definedName name="_95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6"}</definedName>
    <definedName name="_95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5"}</definedName>
    <definedName name="_95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4"}</definedName>
    <definedName name="_95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3"}</definedName>
    <definedName name="_95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8"}</definedName>
    <definedName name="_95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2"}</definedName>
    <definedName name="_95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1"}</definedName>
    <definedName name="_95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90"}</definedName>
    <definedName name="_95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9"}</definedName>
    <definedName name="_95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8"}</definedName>
    <definedName name="_95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7"}</definedName>
    <definedName name="_95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6"}</definedName>
    <definedName name="_95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5"}</definedName>
    <definedName name="_95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4"}</definedName>
    <definedName name="_95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3"}</definedName>
    <definedName name="_95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7"}</definedName>
    <definedName name="_95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2"}</definedName>
    <definedName name="_95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1"}</definedName>
    <definedName name="_95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80"}</definedName>
    <definedName name="_95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9"}</definedName>
    <definedName name="_95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8"}</definedName>
    <definedName name="_95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7"}</definedName>
    <definedName name="_95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6"}</definedName>
    <definedName name="_95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5"}</definedName>
    <definedName name="_95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4"}</definedName>
    <definedName name="_95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3"}</definedName>
    <definedName name="_96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3"}</definedName>
    <definedName name="_96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6"}</definedName>
    <definedName name="_96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2"}</definedName>
    <definedName name="_96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1"}</definedName>
    <definedName name="_96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70"}</definedName>
    <definedName name="_96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9"}</definedName>
    <definedName name="_96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8"}</definedName>
    <definedName name="_96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7"}</definedName>
    <definedName name="_96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6"}</definedName>
    <definedName name="_96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5"}</definedName>
    <definedName name="_96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4"}</definedName>
    <definedName name="_96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3"}</definedName>
    <definedName name="_96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5"}</definedName>
    <definedName name="_96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2"}</definedName>
    <definedName name="_96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1"}</definedName>
    <definedName name="_96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60"}</definedName>
    <definedName name="_96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9"}</definedName>
    <definedName name="_96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8"}</definedName>
    <definedName name="_96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7"}</definedName>
    <definedName name="_96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6"}</definedName>
    <definedName name="_96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5"}</definedName>
    <definedName name="_96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4"}</definedName>
    <definedName name="_96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3"}</definedName>
    <definedName name="_96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4"}</definedName>
    <definedName name="_96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2"}</definedName>
    <definedName name="_96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1"}</definedName>
    <definedName name="_96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50"}</definedName>
    <definedName name="_96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9"}</definedName>
    <definedName name="_96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8"}</definedName>
    <definedName name="_96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7"}</definedName>
    <definedName name="_96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6"}</definedName>
    <definedName name="_96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5"}</definedName>
    <definedName name="_96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4"}</definedName>
    <definedName name="_96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3"}</definedName>
    <definedName name="_96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3"}</definedName>
    <definedName name="_96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2"}</definedName>
    <definedName name="_96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1"}</definedName>
    <definedName name="_96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40"}</definedName>
    <definedName name="_96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9"}</definedName>
    <definedName name="_96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8"}</definedName>
    <definedName name="_96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7"}</definedName>
    <definedName name="_96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6"}</definedName>
    <definedName name="_96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5"}</definedName>
    <definedName name="_96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4"}</definedName>
    <definedName name="_96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3"}</definedName>
    <definedName name="_96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2"}</definedName>
    <definedName name="_96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2"}</definedName>
    <definedName name="_96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1"}</definedName>
    <definedName name="_96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30"}</definedName>
    <definedName name="_96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9"}</definedName>
    <definedName name="_96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8"}</definedName>
    <definedName name="_96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7"}</definedName>
    <definedName name="_96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6"}</definedName>
    <definedName name="_96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5"}</definedName>
    <definedName name="_96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4"}</definedName>
    <definedName name="_96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3"}</definedName>
    <definedName name="_96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1"}</definedName>
    <definedName name="_96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2"}</definedName>
    <definedName name="_96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1"}</definedName>
    <definedName name="_96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20"}</definedName>
    <definedName name="_96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9"}</definedName>
    <definedName name="_96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8"}</definedName>
    <definedName name="_96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7"}</definedName>
    <definedName name="_96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6"}</definedName>
    <definedName name="_96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5"}</definedName>
    <definedName name="_96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4"}</definedName>
    <definedName name="_96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3"}</definedName>
    <definedName name="_96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100"}</definedName>
    <definedName name="_96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2"}</definedName>
    <definedName name="_96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1"}</definedName>
    <definedName name="_96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10"}</definedName>
    <definedName name="_96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9"}</definedName>
    <definedName name="_96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8"}</definedName>
    <definedName name="_96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7"}</definedName>
    <definedName name="_96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6"}</definedName>
    <definedName name="_96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5"}</definedName>
    <definedName name="_96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4"}</definedName>
    <definedName name="_96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3"}</definedName>
    <definedName name="_96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9"}</definedName>
    <definedName name="_96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2"}</definedName>
    <definedName name="_96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1"}</definedName>
    <definedName name="_96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400"}</definedName>
    <definedName name="_96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9"}</definedName>
    <definedName name="_96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8"}</definedName>
    <definedName name="_96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7"}</definedName>
    <definedName name="_96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6"}</definedName>
    <definedName name="_96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5"}</definedName>
    <definedName name="_96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4"}</definedName>
    <definedName name="_96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3"}</definedName>
    <definedName name="_96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8"}</definedName>
    <definedName name="_96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2"}</definedName>
    <definedName name="_96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1"}</definedName>
    <definedName name="_96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90"}</definedName>
    <definedName name="_96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9"}</definedName>
    <definedName name="_96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8"}</definedName>
    <definedName name="_96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7"}</definedName>
    <definedName name="_96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6"}</definedName>
    <definedName name="_96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5"}</definedName>
    <definedName name="_96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4"}</definedName>
    <definedName name="_96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3"}</definedName>
    <definedName name="_96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7"}</definedName>
    <definedName name="_96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2"}</definedName>
    <definedName name="_96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1"}</definedName>
    <definedName name="_96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80"}</definedName>
    <definedName name="_96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9"}</definedName>
    <definedName name="_96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8"}</definedName>
    <definedName name="_96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7"}</definedName>
    <definedName name="_96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6"}</definedName>
    <definedName name="_96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5"}</definedName>
    <definedName name="_96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4"}</definedName>
    <definedName name="_96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3"}</definedName>
    <definedName name="_97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2"}</definedName>
    <definedName name="_97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6"}</definedName>
    <definedName name="_97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2"}</definedName>
    <definedName name="_97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1"}</definedName>
    <definedName name="_97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70"}</definedName>
    <definedName name="_97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9"}</definedName>
    <definedName name="_97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8"}</definedName>
    <definedName name="_97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7"}</definedName>
    <definedName name="_97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6"}</definedName>
    <definedName name="_97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5"}</definedName>
    <definedName name="_97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4"}</definedName>
    <definedName name="_97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3"}</definedName>
    <definedName name="_97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5"}</definedName>
    <definedName name="_97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2"}</definedName>
    <definedName name="_97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1"}</definedName>
    <definedName name="_97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60"}</definedName>
    <definedName name="_97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9"}</definedName>
    <definedName name="_97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8"}</definedName>
    <definedName name="_97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7"}</definedName>
    <definedName name="_97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6"}</definedName>
    <definedName name="_97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5"}</definedName>
    <definedName name="_97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4"}</definedName>
    <definedName name="_97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3"}</definedName>
    <definedName name="_97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4"}</definedName>
    <definedName name="_97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2"}</definedName>
    <definedName name="_97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1"}</definedName>
    <definedName name="_97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50"}</definedName>
    <definedName name="_97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9"}</definedName>
    <definedName name="_97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8"}</definedName>
    <definedName name="_97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7"}</definedName>
    <definedName name="_97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6"}</definedName>
    <definedName name="_97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5"}</definedName>
    <definedName name="_97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4"}</definedName>
    <definedName name="_97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3"}</definedName>
    <definedName name="_97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3"}</definedName>
    <definedName name="_97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2"}</definedName>
    <definedName name="_97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1"}</definedName>
    <definedName name="_97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40"}</definedName>
    <definedName name="_97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9"}</definedName>
    <definedName name="_97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8"}</definedName>
    <definedName name="_97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7"}</definedName>
    <definedName name="_97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6"}</definedName>
    <definedName name="_97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5"}</definedName>
    <definedName name="_97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4"}</definedName>
    <definedName name="_97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3"}</definedName>
    <definedName name="_97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2"}</definedName>
    <definedName name="_97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2"}</definedName>
    <definedName name="_97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1"}</definedName>
    <definedName name="_97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30"}</definedName>
    <definedName name="_97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9"}</definedName>
    <definedName name="_97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8"}</definedName>
    <definedName name="_97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7"}</definedName>
    <definedName name="_97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6"}</definedName>
    <definedName name="_97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5"}</definedName>
    <definedName name="_97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4"}</definedName>
    <definedName name="_97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3"}</definedName>
    <definedName name="_97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1"}</definedName>
    <definedName name="_97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2"}</definedName>
    <definedName name="_97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1"}</definedName>
    <definedName name="_97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20"}</definedName>
    <definedName name="_97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9"}</definedName>
    <definedName name="_97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8"}</definedName>
    <definedName name="_97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7"}</definedName>
    <definedName name="_97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6"}</definedName>
    <definedName name="_97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5"}</definedName>
    <definedName name="_97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4"}</definedName>
    <definedName name="_97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3"}</definedName>
    <definedName name="_97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90"}</definedName>
    <definedName name="_97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2"}</definedName>
    <definedName name="_97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1"}</definedName>
    <definedName name="_97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10"}</definedName>
    <definedName name="_97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9"}</definedName>
    <definedName name="_97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8"}</definedName>
    <definedName name="_97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7"}</definedName>
    <definedName name="_97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6"}</definedName>
    <definedName name="_97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5"}</definedName>
    <definedName name="_97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4"}</definedName>
    <definedName name="_97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3"}</definedName>
    <definedName name="_97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9"}</definedName>
    <definedName name="_97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2"}</definedName>
    <definedName name="_97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1"}</definedName>
    <definedName name="_97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300"}</definedName>
    <definedName name="_97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9"}</definedName>
    <definedName name="_97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8"}</definedName>
    <definedName name="_97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7"}</definedName>
    <definedName name="_97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6"}</definedName>
    <definedName name="_97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5"}</definedName>
    <definedName name="_97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4"}</definedName>
    <definedName name="_97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3"}</definedName>
    <definedName name="_97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8"}</definedName>
    <definedName name="_97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2"}</definedName>
    <definedName name="_97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1"}</definedName>
    <definedName name="_97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90"}</definedName>
    <definedName name="_97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9"}</definedName>
    <definedName name="_97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8"}</definedName>
    <definedName name="_97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7"}</definedName>
    <definedName name="_97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6"}</definedName>
    <definedName name="_97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5"}</definedName>
    <definedName name="_97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4"}</definedName>
    <definedName name="_97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3"}</definedName>
    <definedName name="_97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7"}</definedName>
    <definedName name="_97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2"}</definedName>
    <definedName name="_97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1"}</definedName>
    <definedName name="_97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80"}</definedName>
    <definedName name="_97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9"}</definedName>
    <definedName name="_97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8"}</definedName>
    <definedName name="_97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7"}</definedName>
    <definedName name="_97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6"}</definedName>
    <definedName name="_97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5"}</definedName>
    <definedName name="_97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4"}</definedName>
    <definedName name="_97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3"}</definedName>
    <definedName name="_98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1"}</definedName>
    <definedName name="_98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6"}</definedName>
    <definedName name="_98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2"}</definedName>
    <definedName name="_98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1"}</definedName>
    <definedName name="_98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70"}</definedName>
    <definedName name="_98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9"}</definedName>
    <definedName name="_98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8"}</definedName>
    <definedName name="_98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7"}</definedName>
    <definedName name="_98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6"}</definedName>
    <definedName name="_98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5"}</definedName>
    <definedName name="_98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4"}</definedName>
    <definedName name="_98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3"}</definedName>
    <definedName name="_98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5"}</definedName>
    <definedName name="_98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2"}</definedName>
    <definedName name="_98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1"}</definedName>
    <definedName name="_98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60"}</definedName>
    <definedName name="_98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9"}</definedName>
    <definedName name="_98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8"}</definedName>
    <definedName name="_98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7"}</definedName>
    <definedName name="_98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6"}</definedName>
    <definedName name="_98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5"}</definedName>
    <definedName name="_98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4"}</definedName>
    <definedName name="_98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3"}</definedName>
    <definedName name="_98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4"}</definedName>
    <definedName name="_98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2"}</definedName>
    <definedName name="_98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1"}</definedName>
    <definedName name="_98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50"}</definedName>
    <definedName name="_98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9"}</definedName>
    <definedName name="_98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8"}</definedName>
    <definedName name="_98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7"}</definedName>
    <definedName name="_98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6"}</definedName>
    <definedName name="_98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5"}</definedName>
    <definedName name="_98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4"}</definedName>
    <definedName name="_98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3"}</definedName>
    <definedName name="_98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3"}</definedName>
    <definedName name="_98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2"}</definedName>
    <definedName name="_98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1"}</definedName>
    <definedName name="_98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40"}</definedName>
    <definedName name="_98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9"}</definedName>
    <definedName name="_98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8"}</definedName>
    <definedName name="_98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7"}</definedName>
    <definedName name="_98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6"}</definedName>
    <definedName name="_98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5"}</definedName>
    <definedName name="_98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4"}</definedName>
    <definedName name="_98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3"}</definedName>
    <definedName name="_98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2"}</definedName>
    <definedName name="_98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2"}</definedName>
    <definedName name="_98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1"}</definedName>
    <definedName name="_98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30"}</definedName>
    <definedName name="_98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9"}</definedName>
    <definedName name="_98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8"}</definedName>
    <definedName name="_98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7"}</definedName>
    <definedName name="_98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6"}</definedName>
    <definedName name="_98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5"}</definedName>
    <definedName name="_98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4"}</definedName>
    <definedName name="_98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3"}</definedName>
    <definedName name="_98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1"}</definedName>
    <definedName name="_98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2"}</definedName>
    <definedName name="_98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1"}</definedName>
    <definedName name="_98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20"}</definedName>
    <definedName name="_98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9"}</definedName>
    <definedName name="_98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8"}</definedName>
    <definedName name="_98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7"}</definedName>
    <definedName name="_98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6"}</definedName>
    <definedName name="_98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5"}</definedName>
    <definedName name="_98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4"}</definedName>
    <definedName name="_98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3"}</definedName>
    <definedName name="_98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80"}</definedName>
    <definedName name="_98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2"}</definedName>
    <definedName name="_98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1"}</definedName>
    <definedName name="_98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10"}</definedName>
    <definedName name="_98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9"}</definedName>
    <definedName name="_98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8"}</definedName>
    <definedName name="_98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7"}</definedName>
    <definedName name="_98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6"}</definedName>
    <definedName name="_98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5"}</definedName>
    <definedName name="_98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4"}</definedName>
    <definedName name="_98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3"}</definedName>
    <definedName name="_98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9"}</definedName>
    <definedName name="_98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2"}</definedName>
    <definedName name="_98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1"}</definedName>
    <definedName name="_98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200"}</definedName>
    <definedName name="_98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9"}</definedName>
    <definedName name="_98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8"}</definedName>
    <definedName name="_98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7"}</definedName>
    <definedName name="_98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6"}</definedName>
    <definedName name="_98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5"}</definedName>
    <definedName name="_98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4"}</definedName>
    <definedName name="_98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3"}</definedName>
    <definedName name="_98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8"}</definedName>
    <definedName name="_98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2"}</definedName>
    <definedName name="_98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1"}</definedName>
    <definedName name="_98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90"}</definedName>
    <definedName name="_98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9"}</definedName>
    <definedName name="_98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8"}</definedName>
    <definedName name="_98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7"}</definedName>
    <definedName name="_98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6"}</definedName>
    <definedName name="_98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5"}</definedName>
    <definedName name="_98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4"}</definedName>
    <definedName name="_98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3"}</definedName>
    <definedName name="_98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7"}</definedName>
    <definedName name="_98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2"}</definedName>
    <definedName name="_98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1"}</definedName>
    <definedName name="_98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80"}</definedName>
    <definedName name="_98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9"}</definedName>
    <definedName name="_98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8"}</definedName>
    <definedName name="_98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7"}</definedName>
    <definedName name="_98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6"}</definedName>
    <definedName name="_98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5"}</definedName>
    <definedName name="_98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4"}</definedName>
    <definedName name="_98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3"}</definedName>
    <definedName name="_99__FDSAUDITLINK__" hidden="1">{"fdsup://directions/FAT Viewer?action=UPDATE&amp;creator=factset&amp;DYN_ARGS=TRUE&amp;DOC_NAME=FAT:FQL_AUDITING_CLIENT_TEMPLATE.FAT&amp;display_string=Audit&amp;VAR:KEY=RSLYHGBOTG&amp;VAR:QUERY=RkZfRU5UUlBSX1ZBTF9EQUlMWSgtMkFZLDQxMTEzLEQsLCwnRElMJyk=&amp;WINDOW=FIRST_POPUP&amp;HEIGHT=45","0&amp;WIDTH=450&amp;START_MAXIMIZED=FALSE&amp;VAR:CALENDAR=US&amp;VAR:SYMBOL=B23GH5&amp;VAR:INDEX=460"}</definedName>
    <definedName name="_990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6"}</definedName>
    <definedName name="_990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2"}</definedName>
    <definedName name="_990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1"}</definedName>
    <definedName name="_990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70"}</definedName>
    <definedName name="_990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9"}</definedName>
    <definedName name="_990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8"}</definedName>
    <definedName name="_990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7"}</definedName>
    <definedName name="_990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6"}</definedName>
    <definedName name="_990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5"}</definedName>
    <definedName name="_990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4"}</definedName>
    <definedName name="_990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3"}</definedName>
    <definedName name="_991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5"}</definedName>
    <definedName name="_991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2"}</definedName>
    <definedName name="_991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1"}</definedName>
    <definedName name="_991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60"}</definedName>
    <definedName name="_991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9"}</definedName>
    <definedName name="_991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8"}</definedName>
    <definedName name="_991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7"}</definedName>
    <definedName name="_991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6"}</definedName>
    <definedName name="_991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5"}</definedName>
    <definedName name="_991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4"}</definedName>
    <definedName name="_991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3"}</definedName>
    <definedName name="_992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4"}</definedName>
    <definedName name="_992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2"}</definedName>
    <definedName name="_992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1"}</definedName>
    <definedName name="_992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50"}</definedName>
    <definedName name="_992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9"}</definedName>
    <definedName name="_992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8"}</definedName>
    <definedName name="_992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7"}</definedName>
    <definedName name="_992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6"}</definedName>
    <definedName name="_992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5"}</definedName>
    <definedName name="_992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4"}</definedName>
    <definedName name="_992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3"}</definedName>
    <definedName name="_993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3"}</definedName>
    <definedName name="_993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2"}</definedName>
    <definedName name="_993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1"}</definedName>
    <definedName name="_993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40"}</definedName>
    <definedName name="_993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9"}</definedName>
    <definedName name="_993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8"}</definedName>
    <definedName name="_993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7"}</definedName>
    <definedName name="_993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6"}</definedName>
    <definedName name="_993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5"}</definedName>
    <definedName name="_993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4"}</definedName>
    <definedName name="_993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3"}</definedName>
    <definedName name="_994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2"}</definedName>
    <definedName name="_994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2"}</definedName>
    <definedName name="_994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1"}</definedName>
    <definedName name="_994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30"}</definedName>
    <definedName name="_994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9"}</definedName>
    <definedName name="_994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8"}</definedName>
    <definedName name="_994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7"}</definedName>
    <definedName name="_994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6"}</definedName>
    <definedName name="_994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5"}</definedName>
    <definedName name="_994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4"}</definedName>
    <definedName name="_994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3"}</definedName>
    <definedName name="_995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1"}</definedName>
    <definedName name="_995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2"}</definedName>
    <definedName name="_995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1"}</definedName>
    <definedName name="_995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20"}</definedName>
    <definedName name="_995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9"}</definedName>
    <definedName name="_995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8"}</definedName>
    <definedName name="_995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7"}</definedName>
    <definedName name="_995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6"}</definedName>
    <definedName name="_995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5"}</definedName>
    <definedName name="_995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4"}</definedName>
    <definedName name="_995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3"}</definedName>
    <definedName name="_996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70"}</definedName>
    <definedName name="_996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2"}</definedName>
    <definedName name="_996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1"}</definedName>
    <definedName name="_996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10"}</definedName>
    <definedName name="_996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9"}</definedName>
    <definedName name="_996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8"}</definedName>
    <definedName name="_996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7"}</definedName>
    <definedName name="_996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6"}</definedName>
    <definedName name="_996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5"}</definedName>
    <definedName name="_996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4"}</definedName>
    <definedName name="_996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3"}</definedName>
    <definedName name="_997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9"}</definedName>
    <definedName name="_997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2"}</definedName>
    <definedName name="_997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1"}</definedName>
    <definedName name="_997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100"}</definedName>
    <definedName name="_997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9"}</definedName>
    <definedName name="_997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8"}</definedName>
    <definedName name="_997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7"}</definedName>
    <definedName name="_997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6"}</definedName>
    <definedName name="_997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5"}</definedName>
    <definedName name="_997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4"}</definedName>
    <definedName name="_997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3"}</definedName>
    <definedName name="_998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8"}</definedName>
    <definedName name="_998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2"}</definedName>
    <definedName name="_998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1"}</definedName>
    <definedName name="_998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90"}</definedName>
    <definedName name="_998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9"}</definedName>
    <definedName name="_998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8"}</definedName>
    <definedName name="_998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7"}</definedName>
    <definedName name="_998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6"}</definedName>
    <definedName name="_998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5"}</definedName>
    <definedName name="_998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4"}</definedName>
    <definedName name="_998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3"}</definedName>
    <definedName name="_999__FDSAUDITLINK__" hidden="1">{"fdsup://directions/FAT Viewer?action=UPDATE&amp;creator=factset&amp;DYN_ARGS=TRUE&amp;DOC_NAME=FAT:FQL_AUDITING_CLIENT_TEMPLATE.FAT&amp;display_string=Audit&amp;VAR:KEY=LUNOZQJELQ&amp;VAR:QUERY=RkZfRU5UUlBSX1ZBTF9EQUlMWSgtMkFZLDQxMTEzLEQsLCwnRElMJyk=&amp;WINDOW=FIRST_POPUP&amp;HEIGHT=45","0&amp;WIDTH=450&amp;START_MAXIMIZED=FALSE&amp;VAR:CALENDAR=US&amp;VAR:SYMBOL=B1YWHR&amp;VAR:INDEX=67"}</definedName>
    <definedName name="_9990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2"}</definedName>
    <definedName name="_9991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1"}</definedName>
    <definedName name="_9992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80"}</definedName>
    <definedName name="_9993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9"}</definedName>
    <definedName name="_9994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8"}</definedName>
    <definedName name="_9995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7"}</definedName>
    <definedName name="_9996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6"}</definedName>
    <definedName name="_9997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5"}</definedName>
    <definedName name="_9998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4"}</definedName>
    <definedName name="_9999__FDSAUDITLINK__" hidden="1">{"fdsup://directions/FAT Viewer?action=UPDATE&amp;creator=factset&amp;DYN_ARGS=TRUE&amp;DOC_NAME=FAT:FQL_AUDITING_CLIENT_TEMPLATE.FAT&amp;display_string=Audit&amp;VAR:KEY=QTCREVYDYN&amp;VAR:QUERY=RkZfRU5UUlBSX1ZBTF9EQUlMWSgtMkFZLDQxMTcyLEQsLCwnRElMJyk=&amp;WINDOW=FIRST_POPUP&amp;HEIGHT=45","0&amp;WIDTH=450&amp;START_MAXIMIZED=FALSE&amp;VAR:CALENDAR=US&amp;VAR:SYMBOL=B23GH5&amp;VAR:INDEX=73"}</definedName>
    <definedName name="_a10" hidden="1">{#N/A,#N/A,FALSE,"SIM95"}</definedName>
    <definedName name="_a11" hidden="1">{#N/A,#N/A,FALSE,"SIM95"}</definedName>
    <definedName name="_a12" hidden="1">{#N/A,#N/A,FALSE,"SIM95"}</definedName>
    <definedName name="_a13" hidden="1">{#N/A,#N/A,FALSE,"SIM95"}</definedName>
    <definedName name="_a14" hidden="1">{#N/A,#N/A,FALSE,"SIM95"}</definedName>
    <definedName name="_a15" hidden="1">{#N/A,#N/A,FALSE,"SIM95"}</definedName>
    <definedName name="_a16" hidden="1">{#N/A,#N/A,FALSE,"SIM95"}</definedName>
    <definedName name="_a17" hidden="1">{#N/A,#N/A,FALSE,"SIM95"}</definedName>
    <definedName name="_a2" hidden="1">{#N/A,#N/A,FALSE,"SIM95"}</definedName>
    <definedName name="_a3" hidden="1">{#N/A,#N/A,FALSE,"SIM95"}</definedName>
    <definedName name="_a4" hidden="1">{#N/A,#N/A,FALSE,"SIM95"}</definedName>
    <definedName name="_a5" hidden="1">{#N/A,#N/A,FALSE,"SIM95"}</definedName>
    <definedName name="_a6" hidden="1">{#N/A,#N/A,FALSE,"SIM95"}</definedName>
    <definedName name="_a7"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a8" hidden="1">{#N/A,#N/A,FALSE,"SIM95"}</definedName>
    <definedName name="_a9" hidden="1">{#N/A,#N/A,FALSE,"SIM95"}</definedName>
    <definedName name="_abr03" hidden="1">{"Econ Consolidado",#N/A,FALSE,"Econ Consol";"Fluxo de Caixa",#N/A,FALSE,"Fluxo Caixa";"Investimentos",#N/A,FALSE,"Investimentos"}</definedName>
    <definedName name="_AtRisk_SimSetting_AutomaticallyGenerateReports" hidden="1">FALSE</definedName>
    <definedName name="_AtRisk_SimSetting_AutomaticResultsDisplayMode" hidden="1">0</definedName>
    <definedName name="_AtRisk_SimSetting_ConvergenceConfidenceLevel" hidden="1">0.95</definedName>
    <definedName name="_AtRisk_SimSetting_ConvergencePercentileToTest" hidden="1">0.9</definedName>
    <definedName name="_AtRisk_SimSetting_ConvergencePerformMeanTest" hidden="1">TRUE</definedName>
    <definedName name="_AtRisk_SimSetting_ConvergencePerformPercentileTest" hidden="1">FALSE</definedName>
    <definedName name="_AtRisk_SimSetting_ConvergencePerformStdDeviationTest" hidden="1">FALSE</definedName>
    <definedName name="_AtRisk_SimSetting_ConvergenceTestAllOutputs" hidden="1">TRUE</definedName>
    <definedName name="_AtRisk_SimSetting_ConvergenceTestingPeriod" hidden="1">100</definedName>
    <definedName name="_AtRisk_SimSetting_ConvergenceTolerance" hidden="1">0.03</definedName>
    <definedName name="_AtRisk_SimSetting_LiveUpdate" hidden="1">TRUE</definedName>
    <definedName name="_AtRisk_SimSetting_LiveUpdatePeriod" hidden="1">-1</definedName>
    <definedName name="_AtRisk_SimSetting_MacroRecalculationBehavior" hidden="1">0</definedName>
    <definedName name="_AtRisk_SimSetting_RandomNumberGenerator" hidden="1">0</definedName>
    <definedName name="_AtRisk_SimSetting_ReportsList" hidden="1">1</definedName>
    <definedName name="_AtRisk_SimSetting_ShowSimulationProgressWindow" hidden="1">TRUE</definedName>
    <definedName name="_AtRisk_SimSetting_SimNameCount" hidden="1">0</definedName>
    <definedName name="_AtRisk_SimSetting_SmartSensitivityAnalysisEnabled" hidden="1">TRUE</definedName>
    <definedName name="_AtRisk_SimSetting_StatisticFunctionUpdating" hidden="1">1</definedName>
    <definedName name="_AtRisk_SimSetting_StdRecalcActiveSimulationNumber" hidden="1">1</definedName>
    <definedName name="_AtRisk_SimSetting_StdRecalcBehavior" hidden="1">0</definedName>
    <definedName name="_AtRisk_SimSetting_StdRecalcWithoutRiskStatic" hidden="1">0</definedName>
    <definedName name="_AtRisk_SimSetting_StdRecalcWithoutRiskStaticPercentile" hidden="1">0.5</definedName>
    <definedName name="_B1" hidden="1">{#N/A,#N/A,FALSE,"LLAVE";#N/A,#N/A,FALSE,"EERR";#N/A,#N/A,FALSE,"ESP";#N/A,#N/A,FALSE,"EOAF";#N/A,#N/A,FALSE,"CASH";#N/A,#N/A,FALSE,"FINANZAS";#N/A,#N/A,FALSE,"DEUDA";#N/A,#N/A,FALSE,"INVERSION";#N/A,#N/A,FALSE,"PERSONAL"}</definedName>
    <definedName name="_b2" hidden="1">{#N/A,#N/A,FALSE,"SIM95"}</definedName>
    <definedName name="_b3" hidden="1">{#N/A,#N/A,FALSE,"SIM95"}</definedName>
    <definedName name="_bb1" hidden="1">{#N/A,#N/A,FALSE,"ENERGIA";#N/A,#N/A,FALSE,"PERDIDAS";#N/A,#N/A,FALSE,"CLIENTES";#N/A,#N/A,FALSE,"ESTADO";#N/A,#N/A,FALSE,"TECNICA"}</definedName>
    <definedName name="_bbb1" hidden="1">{#N/A,#N/A,FALSE,"LLAVE";#N/A,#N/A,FALSE,"EERR";#N/A,#N/A,FALSE,"ESP";#N/A,#N/A,FALSE,"EOAF";#N/A,#N/A,FALSE,"CASH";#N/A,#N/A,FALSE,"FINANZAS";#N/A,#N/A,FALSE,"DEUDA";#N/A,#N/A,FALSE,"INVERSION";#N/A,#N/A,FALSE,"PERSONAL"}</definedName>
    <definedName name="_bdm.01D0D21F6215471E9703D455F6C684EB.edm" hidden="1">#REF!</definedName>
    <definedName name="_bdm.0289bbde646840e598599ab05d3ceca8.edm" hidden="1">#REF!</definedName>
    <definedName name="_bdm.0327E0B0FBC341D49BE7500A0645E21E.edm" hidden="1">#REF!</definedName>
    <definedName name="_bdm.03bb98b3c29045dbbc92c45bc76bd142.edm" hidden="1">#REF!</definedName>
    <definedName name="_bdm.071605D84FE74EBBA1511A640B957B46.edm" hidden="1">#REF!</definedName>
    <definedName name="_bdm.076e86b25e4d465fae5a8c506f4a7e74.edm" hidden="1">#REF!</definedName>
    <definedName name="_bdm.0828D0A6DF7E49DEA787BB24AF6CEA44.edm" hidden="1">#REF!</definedName>
    <definedName name="_bdm.088E402A4E154EE08D2A9FAC7197B95E.edm" hidden="1">#REF!</definedName>
    <definedName name="_bdm.09CE505E772D423FAD55C766D841A687.edm" hidden="1">#REF!</definedName>
    <definedName name="_bdm.0c65ec7895ba4deb8fb449872c9043ee.edm" hidden="1">#REF!</definedName>
    <definedName name="_bdm.0cb5241f8de74af4845b9807b36978dc.edm" hidden="1">#REF!</definedName>
    <definedName name="_bdm.0e827b4009184636b8d80587fa6b72cd.edm" hidden="1">#REF!</definedName>
    <definedName name="_bdm.0F5AADE11CC04FDB84EAA3AF6A2D2DAF.edm" hidden="1">#REF!</definedName>
    <definedName name="_bdm.103463415095487B99D0848F5ED6C62B.edm" hidden="1">#REF!</definedName>
    <definedName name="_bdm.142c6241d9904b7b8fb14c912a5dec02.edm" hidden="1">#REF!</definedName>
    <definedName name="_bdm.144E8BA9FC9E402984AA61DF80DAE771.edm" hidden="1">#REF!</definedName>
    <definedName name="_bdm.1651651C73834BADA8946430BF48C9DF.edm" hidden="1">#REF!</definedName>
    <definedName name="_bdm.166f5db015084b62a1cfd7e10fe73c30.edm" hidden="1">#REF!</definedName>
    <definedName name="_bdm.17882638A6B844F18CBB558CAC1B59A5.edm" hidden="1">#REF!</definedName>
    <definedName name="_bdm.1B4292C7CCC54A9985537E36D9BC5D16.edm" hidden="1">#REF!</definedName>
    <definedName name="_bdm.1e9c4cf99f67472e8312f66653f9c26a.edm" hidden="1">#REF!</definedName>
    <definedName name="_bdm.200B2DEC1F8446DF97F11EFB93B6CCA1.edm" hidden="1">#REF!</definedName>
    <definedName name="_bdm.211660F7A2F34A37BE6DEDDEB07CE316.edm" hidden="1">#REF!</definedName>
    <definedName name="_bdm.21ce6c96c8e046c08b068795712d2835.edm" hidden="1">#REF!</definedName>
    <definedName name="_bdm.2623C463DA404B26B71CCC88885DAB2D.edm" hidden="1">#REF!</definedName>
    <definedName name="_bdm.26EFF83230064DC1ADFBB18FE7EEF1C5.edm" hidden="1">#REF!</definedName>
    <definedName name="_bdm.270A6F6F15824CBAA88022A63D3149E4.edm" hidden="1">#REF!</definedName>
    <definedName name="_bdm.29364D3547964AC7BF256CA8FA2E2A87.edm" hidden="1">#REF!</definedName>
    <definedName name="_bdm.2a3a31910c1442ed9ba761e065e19336.edm" hidden="1">#REF!</definedName>
    <definedName name="_bdm.2c0c1c78225148499d92a91a822d5e1c.edm" hidden="1">#REF!</definedName>
    <definedName name="_bdm.2C7261CA769242E1A3DCA0E0D7C9E200.edm" hidden="1">#REF!</definedName>
    <definedName name="_bdm.2DD582D84B644822BE40E1CF6E51A0BC.edm" hidden="1">#REF!</definedName>
    <definedName name="_bdm.2E78ECD48F2040959EF71320676D85A6.edm" hidden="1">#REF!</definedName>
    <definedName name="_bdm.2f61bec9ae034155afd49e557fca8d54.edm" hidden="1">#REF!</definedName>
    <definedName name="_bdm.31E0450D311E4478ACDFB543094AA262.edm" hidden="1">#REF!</definedName>
    <definedName name="_bdm.3208c8f2958440dc92a14357c26f46cf.edm" hidden="1">#REF!</definedName>
    <definedName name="_bdm.34746c056f744213a4ec8b55e90cfe70.edm" hidden="1">#REF!</definedName>
    <definedName name="_bdm.35572e21c32b47559349f66ae43be028.edm" hidden="1">#REF!</definedName>
    <definedName name="_bdm.374793EF6A0244028293ED80BDCEB2AC.edm" hidden="1">#REF!</definedName>
    <definedName name="_bdm.3813cd7747a64696b51478cd9727a53b.edm" hidden="1">#REF!</definedName>
    <definedName name="_bdm.38e4618c09c4493d8ccf846a7fefc57c.edm" hidden="1">#REF!</definedName>
    <definedName name="_bdm.38F9B9C3E71442D28BE9FAD80C7CE4A6.edm" hidden="1">#REF!</definedName>
    <definedName name="_bdm.3a2b1c990e3d4c39bb06f23928cc5279.edm" hidden="1">#REF!</definedName>
    <definedName name="_bdm.3a946d5590224a3398006e7f6ed459a2.edm" hidden="1">#REF!</definedName>
    <definedName name="_bdm.3b6e4d199c5048648fe755e48bdba04e.edm" hidden="1">#REF!</definedName>
    <definedName name="_bdm.3D23BD689614460E80684258285194E3.edm" hidden="1">#REF!</definedName>
    <definedName name="_bdm.3df7194ebe7b41bb83f6cc140d96c30a.edm" hidden="1">#REF!</definedName>
    <definedName name="_bdm.4117c25d3a8a44e390bba4dec1ac316d.edm" hidden="1">#REF!</definedName>
    <definedName name="_bdm.42EA9232BC05413785A1808FDE9D2E8E.edm" hidden="1">#REF!</definedName>
    <definedName name="_bdm.46389B8724B7460FB60540CE14754DF6.edm" hidden="1">#REF!</definedName>
    <definedName name="_bdm.47877c6cdb0f4fd8ae1775212aa9649c.edm" hidden="1">#REF!</definedName>
    <definedName name="_bdm.4877C1A8BB7144918BF500599C2C8D3A.edm" hidden="1">#REF!</definedName>
    <definedName name="_bdm.4b6fa3b178524b1aa2d95f31e40f102e.edm" hidden="1">#REF!</definedName>
    <definedName name="_bdm.4E2CE88B96DF4440BBAE8FB39A4640AC.edm" hidden="1">#REF!</definedName>
    <definedName name="_bdm.4E90352AA7C7466F9C0FECB7A9CD3121.edm" hidden="1">#REF!</definedName>
    <definedName name="_bdm.510DEEB22F7C4FF197D1B76853EC519A.edm" hidden="1">#REF!</definedName>
    <definedName name="_bdm.51805233111c49299ef977d199b672af.edm" hidden="1">#REF!</definedName>
    <definedName name="_bdm.519FFEFC74BB47ED9A8A7E6B467460B7.edm" hidden="1">#REF!</definedName>
    <definedName name="_bdm.54BF13B4E5A340268FF453A4AF3CE844.edm" hidden="1">#REF!</definedName>
    <definedName name="_bdm.550AAAEC1E8B481481855EBBDA0F3976.edm" hidden="1">#REF!</definedName>
    <definedName name="_bdm.559459AD8F2942A6BBBE6BDEC7FDF942.edm" hidden="1">#REF!</definedName>
    <definedName name="_bdm.57350A29B97B4C8DAACB57778822E961.edm" hidden="1">#REF!</definedName>
    <definedName name="_bdm.578dff2e8bf44ac2878811027357ddb4.edm" hidden="1">#REF!</definedName>
    <definedName name="_bdm.5851D954EA9A43389F0CC039041C92C1.edm" hidden="1">#REF!</definedName>
    <definedName name="_bdm.58afbffba0a841c7bb622c1be2d1a720.edm" hidden="1">#REF!</definedName>
    <definedName name="_bdm.59D0601107324A93BDF8736AF658C50E.edm" hidden="1">#REF!</definedName>
    <definedName name="_bdm.5A7716047C2E4227BBE4249811C37105.edm" hidden="1">#REF!</definedName>
    <definedName name="_bdm.5bbd0d6ac69a4801aeefe958a709e015.edm" hidden="1">#REF!</definedName>
    <definedName name="_bdm.5e553cdcc1694a6f980f41d344a94fe8.edm" hidden="1">#REF!</definedName>
    <definedName name="_bdm.60D2713E68424E03AC55F05D190856CE.edm" hidden="1">#REF!</definedName>
    <definedName name="_bdm.62b78d9d791b4414ae93d67f9b9a5d4e.edm" hidden="1">#REF!</definedName>
    <definedName name="_bdm.63EC3BCBD67741D9A25F070DF12CD443.edm" hidden="1">#REF!</definedName>
    <definedName name="_bdm.666C7A450EF34C3A94C6DDD6D1D59038.edm" hidden="1">#REF!</definedName>
    <definedName name="_bdm.66A16537283C410188C0478FF480C5D0.edm" hidden="1">#REF!</definedName>
    <definedName name="_bdm.671df1811c0b411381025c68c2f98894.edm" hidden="1">#REF!</definedName>
    <definedName name="_bdm.6996049a88e5439da64188bd2fe5deee.edm" hidden="1">#REF!</definedName>
    <definedName name="_bdm.6f846ac01b844dabbb668e0fd11c79a3.edm" hidden="1">#REF!</definedName>
    <definedName name="_bdm.7084caf504a249179ee3cc8f1e7e31be.edm" hidden="1">#REF!</definedName>
    <definedName name="_bdm.723F95CA6DA047C6BE081488A7CA881F.edm" hidden="1">#REF!</definedName>
    <definedName name="_bdm.742187bd138b4b19b22ffec8d32cbc55.edm" hidden="1">#REF!</definedName>
    <definedName name="_bdm.755D4734F716462A904766B9CE951ADB.edm" hidden="1">#REF!</definedName>
    <definedName name="_bdm.7ADE88BB1A65441A8C97D0EDCC70E996.edm" hidden="1">#REF!</definedName>
    <definedName name="_bdm.7f5f2d490e6641049a6cbb901fc42d88.edm" hidden="1">#REF!</definedName>
    <definedName name="_bdm.7FCE4EE8E7DD4F5C9D494D1402878D0C.edm" hidden="1">#REF!</definedName>
    <definedName name="_bdm.8073d0e6288749c2861f9a571bee0727.edm" hidden="1">#REF!</definedName>
    <definedName name="_bdm.8160F92AAC6B461188B790E6F98432DD.edm" hidden="1">#REF!</definedName>
    <definedName name="_bdm.82980ab09a72423ab4f8d02be5aa9c6d.edm" hidden="1">#REF!</definedName>
    <definedName name="_bdm.84B9B69CE86A4BBE820762632A10486C.edm" hidden="1">#REF!</definedName>
    <definedName name="_bdm.85d2f045260347d7ac42a86475c7a1c9.edm" hidden="1">#REF!</definedName>
    <definedName name="_bdm.87EC38C9D9B34AF280734B793AA6680A.edm" hidden="1">#REF!</definedName>
    <definedName name="_bdm.88A2D15040E346B1A7974F152F1F2CDB.edm" hidden="1">#REF!</definedName>
    <definedName name="_bdm.8ad44113f03c4df091d3fecbaccd34b6.edm" hidden="1">#REF!</definedName>
    <definedName name="_bdm.8B8B68AC60694E719C45D2608316E98C.edm" hidden="1">#REF!</definedName>
    <definedName name="_bdm.8E386B5F822D459CA5BA6AF60DFBB86B.edm" hidden="1">#REF!</definedName>
    <definedName name="_bdm.8F7D5AA492BD44E2A4B30D2C865E8A9D.edm" hidden="1">#REF!</definedName>
    <definedName name="_bdm.90B3B62F8E0B47978FE01676648EC040.edm" hidden="1">#REF!</definedName>
    <definedName name="_bdm.91B543E0FC864B5AADA47502F3D2BDD7.edm" hidden="1">#REF!</definedName>
    <definedName name="_bdm.922ccbc201cb45419cb3311ab585e8a1.edm" hidden="1">#REF!</definedName>
    <definedName name="_bdm.92b15148cf0d4f71b27d7e2b5e32beb2.edm" hidden="1">#REF!</definedName>
    <definedName name="_bdm.92edcf9bf954484d8168dd108c6b052d.edm" hidden="1">#REF!</definedName>
    <definedName name="_bdm.93BF0878EE5A4F5DAED9D7A101C969E1.edm" hidden="1">#REF!</definedName>
    <definedName name="_bdm.9b01caabac394452a799389f7dc1ac84.edm" hidden="1">#REF!</definedName>
    <definedName name="_bdm.9B84F4EEF1714709B27854491DC4C0EF.edm" hidden="1">#REF!</definedName>
    <definedName name="_bdm.9c7bdc8f9a32499ca595ef2b6193c747.edm" hidden="1">#REF!</definedName>
    <definedName name="_bdm.9E115220D0EF4BD59A2D96F995099FF0.edm" hidden="1">#REF!</definedName>
    <definedName name="_bdm.9fb9f5051e6f439e92eb60a9d47c8077.edm" hidden="1">#REF!</definedName>
    <definedName name="_bdm.A1919B431CD442B48A6E6682AB346A31.edm" hidden="1">#REF!</definedName>
    <definedName name="_bdm.A25D0A6BB1144C9EACCB06C54933A2BA.edm" hidden="1">#REF!</definedName>
    <definedName name="_bdm.A48C6B3E82234A0B873510538160B33C.edm" hidden="1">#REF!</definedName>
    <definedName name="_bdm.a597238a036c4e45b2d401dffb1b8ace.edm" hidden="1">#REF!</definedName>
    <definedName name="_bdm.aa0e1335a3524d8887b842c66017cf95.edm" hidden="1">#REF!</definedName>
    <definedName name="_bdm.ABB2EE95FE984D7C957CACB5AADD0BDC.edm" hidden="1">#REF!</definedName>
    <definedName name="_bdm.ACF37B2C276F4539B7CF8F9912E39710.edm" hidden="1">#REF!</definedName>
    <definedName name="_bdm.AD3AD52F4AD9477EABDA62DC84064E78.edm" hidden="1">#REF!</definedName>
    <definedName name="_bdm.b49550972be94f37bc5c33a31b6adafe.edm" hidden="1">#REF!</definedName>
    <definedName name="_bdm.B4B207281F3A43A0A8CAA0C9393EFFBE.edm" hidden="1">#REF!</definedName>
    <definedName name="_bdm.b54f0e0557ae48ea922b87a43f382b05.edm" hidden="1">#REF!</definedName>
    <definedName name="_bdm.B768E58A197049048A247363EF267D46.edm" hidden="1">#REF!</definedName>
    <definedName name="_bdm.B88BABE1771A492CA117DDBE2581A961.edm" hidden="1">#REF!</definedName>
    <definedName name="_bdm.B94DB42ECB1045BFA6DC074863FAE103.edm" hidden="1">#REF!</definedName>
    <definedName name="_bdm.BA86B9149C4F4F7492B71F571BD59EB4.edm" hidden="1">#REF!</definedName>
    <definedName name="_bdm.BC05531AA5ED452587A7BE48A5FCA6C2.edm" hidden="1">#REF!</definedName>
    <definedName name="_bdm.bd9a0455d520435c82dcca9077c7e0fd.edm" hidden="1">#REF!</definedName>
    <definedName name="_bdm.BDD0D4AFDAB14B6985FC118D9ACCD4DA.edm" hidden="1">#REF!</definedName>
    <definedName name="_bdm.C217C6FE02084923841594BDECA3C718.edm" hidden="1">#REF!</definedName>
    <definedName name="_bdm.c293b2eb2b3d46b9be018d0660d9637b.edm" hidden="1">#REF!</definedName>
    <definedName name="_bdm.C39742D6ADD748E0BC06CE8DBB6B92A4.edm" hidden="1">#REF!</definedName>
    <definedName name="_bdm.C42496CD720F48C2BF0A6F073ADCFAB3.edm" hidden="1">#REF!</definedName>
    <definedName name="_bdm.C87DDD79EA4844F48151CD33B86D9ADB.edm" hidden="1">#REF!</definedName>
    <definedName name="_bdm.cacce5c4db194dcc8129d438c9c99615.edm" hidden="1">#REF!</definedName>
    <definedName name="_bdm.ceb1bb24f27f4f74b0b715dcc76a9d7a.edm" hidden="1">#REF!</definedName>
    <definedName name="_bdm.CF6B8BF6C7854B8182D430FD5A8CCC00.edm" hidden="1">#REF!</definedName>
    <definedName name="_bdm.d079d29203ab48b0b718ee2d311c9c5e.edm" hidden="1">#REF!</definedName>
    <definedName name="_bdm.d4cd5fb04aac431b8b2c974d67736340.edm" hidden="1">#REF!</definedName>
    <definedName name="_bdm.D57F149ECA76451EB958EF6E5F1F8507.edm" hidden="1">#REF!</definedName>
    <definedName name="_bdm.d62f37406ff844c987b40aed2b2298c9.edm" hidden="1">#REF!</definedName>
    <definedName name="_bdm.DA91D05246E34EDD9C47063FA35655BF.edm" hidden="1">#REF!</definedName>
    <definedName name="_bdm.DB2015E549EC466DBB05B55192F1029C.edm" hidden="1">#REF!</definedName>
    <definedName name="_bdm.DBF59D5A0BF14E98BD49F42217A3EA67.edm" hidden="1">#REF!</definedName>
    <definedName name="_bdm.DC6A801FCBBF4484A87770B82EE76B83.edm" hidden="1">#REF!</definedName>
    <definedName name="_bdm.DCBFD6725F814DD7A639D3B6E99C7F42.edm" hidden="1">#REF!</definedName>
    <definedName name="_bdm.DE1019BDCEF242A09B6413B708885576.edm" hidden="1">#REF!</definedName>
    <definedName name="_bdm.DE9CDE480B5A45EAA997E5FA39B67659.edm" hidden="1">#REF!</definedName>
    <definedName name="_bdm.dee26e6c3a2e4bd5bcc59fd414ea2a2d.edm" hidden="1">#REF!</definedName>
    <definedName name="_bdm.DF01DBF0B1C54E4AB7AEDBAD75616897.edm" hidden="1">#REF!</definedName>
    <definedName name="_bdm.E03227973AF043169031E520E35709A2.edm" hidden="1">#REF!</definedName>
    <definedName name="_bdm.E37D8394401547B0817BF323EFB4372F.edm" hidden="1">#REF!</definedName>
    <definedName name="_bdm.e3baa86c3cc44e4cba25a0d0434e1e45.edm" hidden="1">#REF!</definedName>
    <definedName name="_bdm.E48C5CD78CB5420BA4E16C83FDA74187.edm" hidden="1">#REF!</definedName>
    <definedName name="_bdm.e718c7c83e704177a8f28292d2221dec.edm" hidden="1">#REF!</definedName>
    <definedName name="_bdm.e7854be591b44679b599aaef3b00be06.edm" hidden="1">#REF!</definedName>
    <definedName name="_bdm.e8df60a714124278bf7842249bae6b12.edm" hidden="1">#REF!</definedName>
    <definedName name="_bdm.E8E31207F99F4F5894A3A9857863C325.edm" hidden="1">#REF!</definedName>
    <definedName name="_bdm.E8E3130FE0CA4E9F95D86DBC56E7E607.edm" hidden="1">#REF!</definedName>
    <definedName name="_bdm.E9CEAEE02E8D4C21ABFAAC9FD0F1EB6D.edm" hidden="1">#REF!</definedName>
    <definedName name="_bdm.EB352C56121343EC8624382B294C9F78.edm" hidden="1">#REF!</definedName>
    <definedName name="_bdm.EBDDBD1AE9D140089F5926F6ACFDB027.edm" hidden="1">#REF!</definedName>
    <definedName name="_bdm.ec2dd91d2a1d47d3b7f2b0184da77565.edm" hidden="1">#REF!</definedName>
    <definedName name="_bdm.ECD09A2FA6C743228C8401A614D8EE85.edm" hidden="1">#REF!</definedName>
    <definedName name="_bdm.ECED44FA3CAE41029690000E878D617A.edm" hidden="1">#REF!</definedName>
    <definedName name="_bdm.ED52DD6761CC481D9AEBD676E4CF7BBA.edm" hidden="1">#REF!</definedName>
    <definedName name="_bdm.edc5b603bfdb4f878893f2bb7f0cc93c.edm" hidden="1">#REF!</definedName>
    <definedName name="_bdm.f0dcf2806c624f78bda0dade26cbe5c8.edm" hidden="1">#REF!</definedName>
    <definedName name="_bdm.f11031b9be2b4c2abdd6b616d509db89.edm" hidden="1">#REF!</definedName>
    <definedName name="_bdm.F14DFC01753640D19A0B860F3D66012E.edm" hidden="1">#REF!</definedName>
    <definedName name="_bdm.f2ffe0785a534b6fad430cb41b5886e9.edm" hidden="1">#REF!</definedName>
    <definedName name="_bdm.F51EBA2166C443ADA8ADC703DFFBABFE.edm" hidden="1">#REF!</definedName>
    <definedName name="_bdm.F61A848EDD5F4D749A72007ABA746DF0.edm" hidden="1">#REF!</definedName>
    <definedName name="_bdm.F93CA02D10C644018E9EBB2DC65F16EB.edm" hidden="1">#REF!</definedName>
    <definedName name="_bdm.f94c2b34241e471984a1023862cd9371.edm" hidden="1">#REF!</definedName>
    <definedName name="_bdm.fa4a494e3e66495b9dc03c2ca7e0e53f.edm" hidden="1" xml:space="preserve">                                                                '[8]P&amp;L'!$1:$1048576</definedName>
    <definedName name="_bdm.FastTrackBookmark.04_02_2014_10_43_14.edm" hidden="1">#REF!</definedName>
    <definedName name="_bdm.FastTrackBookmark.04_02_2014_10_43_17.edm" hidden="1">#REF!</definedName>
    <definedName name="_bdm.FastTrackBookmark.04_02_2014_10_43_18.edm" hidden="1">#REF!</definedName>
    <definedName name="_bdm.fb11c91138f843cda150372c75f6e48f.edm" hidden="1">#REF!</definedName>
    <definedName name="_bdm.fb13bad7fec44f72a4da267d369e0083.edm" hidden="1">#REF!</definedName>
    <definedName name="_bx1" hidden="1">{#N/A,#N/A,FALSE,"LLAVE";#N/A,#N/A,FALSE,"EERR";#N/A,#N/A,FALSE,"ESP";#N/A,#N/A,FALSE,"EOAF";#N/A,#N/A,FALSE,"CASH";#N/A,#N/A,FALSE,"FINANZAS";#N/A,#N/A,FALSE,"DEUDA";#N/A,#N/A,FALSE,"INVERSION";#N/A,#N/A,FALSE,"PERSONAL"}</definedName>
    <definedName name="_CD1" hidden="1">{#N/A,#N/A,FALSE,"LLAVE";#N/A,#N/A,FALSE,"EERR";#N/A,#N/A,FALSE,"ESP";#N/A,#N/A,FALSE,"EOAF";#N/A,#N/A,FALSE,"CASH";#N/A,#N/A,FALSE,"FINANZAS";#N/A,#N/A,FALSE,"DEUDA";#N/A,#N/A,FALSE,"INVERSION";#N/A,#N/A,FALSE,"PERSONAL"}</definedName>
    <definedName name="_cdx1" hidden="1">{#N/A,#N/A,FALSE,"LLAVE";#N/A,#N/A,FALSE,"EERR";#N/A,#N/A,FALSE,"ESP";#N/A,#N/A,FALSE,"EOAF";#N/A,#N/A,FALSE,"CASH";#N/A,#N/A,FALSE,"FINANZAS";#N/A,#N/A,FALSE,"DEUDA";#N/A,#N/A,FALSE,"INVERSION";#N/A,#N/A,FALSE,"PERSONAL"}</definedName>
    <definedName name="_d1" hidden="1">{#N/A,#N/A,FALSE,"SIM95"}</definedName>
    <definedName name="_d2" hidden="1">{#N/A,#N/A,FALSE,"SIM95"}</definedName>
    <definedName name="_d4" hidden="1">{#N/A,#N/A,FALSE,"SIM95"}</definedName>
    <definedName name="_df1" hidden="1">{#N/A,#N/A,FALSE,"LLAVE";#N/A,#N/A,FALSE,"EERR";#N/A,#N/A,FALSE,"ESP";#N/A,#N/A,FALSE,"EOAF";#N/A,#N/A,FALSE,"CASH";#N/A,#N/A,FALSE,"FINANZAS";#N/A,#N/A,FALSE,"DEUDA";#N/A,#N/A,FALSE,"INVERSION";#N/A,#N/A,FALSE,"PERSONAL"}</definedName>
    <definedName name="_DFG4"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Dist_Bin" hidden="1">[9]BALANCINHO!#REF!</definedName>
    <definedName name="_Dist_Values" hidden="1">#REF!</definedName>
    <definedName name="_DRE0700" hidden="1">{"'PXR_6500'!$A$1:$I$124"}</definedName>
    <definedName name="_e1" hidden="1">{#N/A,#N/A,FALSE,"ENERGIA";#N/A,#N/A,FALSE,"PERDIDAS";#N/A,#N/A,FALSE,"CLIENTES";#N/A,#N/A,FALSE,"ESTADO";#N/A,#N/A,FALSE,"TECNICA"}</definedName>
    <definedName name="_E21" hidden="1">{"Despesas Diferidas Indedutíveis de 1998",#N/A,FALSE,"Impressão"}</definedName>
    <definedName name="_E9" localSheetId="0" hidden="1">{#N/A,#N/A,FALSE,"Aging Summary";#N/A,#N/A,FALSE,"Ratio Analysis";#N/A,#N/A,FALSE,"Test 120 Day Accts";#N/A,#N/A,FALSE,"Tickmarks"}</definedName>
    <definedName name="_E9" hidden="1">{#N/A,#N/A,FALSE,"Aging Summary";#N/A,#N/A,FALSE,"Ratio Analysis";#N/A,#N/A,FALSE,"Test 120 Day Accts";#N/A,#N/A,FALSE,"Tickmarks"}</definedName>
    <definedName name="_Fill" localSheetId="0" hidden="1">#REF!</definedName>
    <definedName name="_Fill" hidden="1">#REF!</definedName>
    <definedName name="_xlnm._FilterDatabase" hidden="1">#REF!</definedName>
    <definedName name="_g1" localSheetId="0" hidden="1">{#N/A,#N/A,FALSE,"HEADALU";#N/A,#N/A,FALSE,"REVHEAD";#N/A,#N/A,FALSE,"ESTAGIARIOS";#N/A,#N/A,FALSE,"VAGAS"}</definedName>
    <definedName name="_g1" hidden="1">{#N/A,#N/A,FALSE,"HEADALU";#N/A,#N/A,FALSE,"REVHEAD";#N/A,#N/A,FALSE,"ESTAGIARIOS";#N/A,#N/A,FALSE,"VAGAS"}</definedName>
    <definedName name="_Ger2001" hidden="1">{#N/A,#N/A,FALSE,"B061196P";#N/A,#N/A,FALSE,"B061196";#N/A,#N/A,FALSE,"Relatório1";#N/A,#N/A,FALSE,"Relatório2";#N/A,#N/A,FALSE,"Relatório3";#N/A,#N/A,FALSE,"Relatório4 ";#N/A,#N/A,FALSE,"Relatório5";#N/A,#N/A,FALSE,"Relatório6";#N/A,#N/A,FALSE,"Relatório7";#N/A,#N/A,FALSE,"Relatório8"}</definedName>
    <definedName name="_JAN02" localSheetId="0" hidden="1">{"VENTAS1",#N/A,FALSE,"VENTAS";"VENTAS2",#N/A,FALSE,"VENTAS";"VENTAS3",#N/A,FALSE,"VENTAS";"VENTAS4",#N/A,FALSE,"VENTAS";"VENTAS5",#N/A,FALSE,"VENTAS";"VENTAS6",#N/A,FALSE,"VENTAS";"VENTAS7",#N/A,FALSE,"VENTAS";"VENTAS8",#N/A,FALSE,"VENTAS"}</definedName>
    <definedName name="_JAN02" hidden="1">{"VENTAS1",#N/A,FALSE,"VENTAS";"VENTAS2",#N/A,FALSE,"VENTAS";"VENTAS3",#N/A,FALSE,"VENTAS";"VENTAS4",#N/A,FALSE,"VENTAS";"VENTAS5",#N/A,FALSE,"VENTAS";"VENTAS6",#N/A,FALSE,"VENTAS";"VENTAS7",#N/A,FALSE,"VENTAS";"VENTAS8",#N/A,FALSE,"VENTAS"}</definedName>
    <definedName name="_JU7"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Key1" localSheetId="0" hidden="1">#REF!</definedName>
    <definedName name="_Key1" hidden="1">#REF!</definedName>
    <definedName name="_Key2" hidden="1">#REF!</definedName>
    <definedName name="_kj14"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kj16"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kj4"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kj8"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_LOp2" hidden="1">{#N/A,#N/A,FALSE,"Dutos";#N/A,#N/A,FALSE,"Terminais"}</definedName>
    <definedName name="_LOp3" hidden="1">{#N/A,#N/A,FALSE,"Dutos";#N/A,#N/A,FALSE,"Terminais"}</definedName>
    <definedName name="_o12" hidden="1">{#N/A,#N/A,FALSE,"Aging Summary";#N/A,#N/A,FALSE,"Ratio Analysis";#N/A,#N/A,FALSE,"Test 120 Day Accts";#N/A,#N/A,FALSE,"Tickmarks"}</definedName>
    <definedName name="_Order1" hidden="1">255</definedName>
    <definedName name="_Order2" hidden="1">255</definedName>
    <definedName name="_P8" hidden="1">{"SCH73",#N/A,FALSE,"eva";"SCH74",#N/A,FALSE,"eva";"SCH75",#N/A,FALSE,"eva"}</definedName>
    <definedName name="_q1" hidden="1">{"Cimesa",#N/A,FALSE,"Cimesa";"Cipasa",#N/A,FALSE,"Cipasa";"Cearense",#N/A,FALSE,"Cearense"}</definedName>
    <definedName name="_q2" hidden="1">{"Econ Consolidado",#N/A,FALSE,"Econ Consol";"Fluxo de Caixa",#N/A,FALSE,"Fluxo Caixa";"Investimentos",#N/A,FALSE,"Investimentos"}</definedName>
    <definedName name="_q32" hidden="1">{"Econ Consolidado",#N/A,FALSE,"Econ Consol";"Fluxo de Caixa",#N/A,FALSE,"Fluxo Caixa";"Investimentos",#N/A,FALSE,"Investimentos"}</definedName>
    <definedName name="_R" hidden="1">{"Rio Branco",#N/A,FALSE,"Rio Branco";"Itajaí",#N/A,FALSE,"Itajaí";"Pinheiro Machado",#N/A,FALSE,"PMachado";"Esteio",#N/A,FALSE,"Esteio"}</definedName>
    <definedName name="_Regression_Int" hidden="1">1</definedName>
    <definedName name="_Regression_Out" hidden="1">[2]Plan1!#REF!</definedName>
    <definedName name="_Regression_X" hidden="1">[2]Plan1!#REF!</definedName>
    <definedName name="_Sort" localSheetId="0" hidden="1">#REF!</definedName>
    <definedName name="_Sort" hidden="1">#REF!</definedName>
    <definedName name="_Table1_In1" hidden="1">#REF!</definedName>
    <definedName name="_Table1_Out" hidden="1">#REF!</definedName>
    <definedName name="_tan1" localSheetId="0" hidden="1">{#N/A,#N/A,FALSE,"GRefetivo";#N/A,#N/A,FALSE,"PLefetivo";#N/A,#N/A,FALSE,"GRabsent";#N/A,#N/A,FALSE,"GRmovpes";#N/A,#N/A,FALSE,"GReh";#N/A,#N/A,FALSE,"PLhe";#N/A,#N/A,FALSE,"Aumentos";#N/A,#N/A,FALSE,"Sugest"}</definedName>
    <definedName name="_tan1" hidden="1">{#N/A,#N/A,FALSE,"GRefetivo";#N/A,#N/A,FALSE,"PLefetivo";#N/A,#N/A,FALSE,"GRabsent";#N/A,#N/A,FALSE,"GRmovpes";#N/A,#N/A,FALSE,"GReh";#N/A,#N/A,FALSE,"PLhe";#N/A,#N/A,FALSE,"Aumentos";#N/A,#N/A,FALSE,"Sugest"}</definedName>
    <definedName name="_w1" localSheetId="0" hidden="1">{#N/A,#N/A,FALSE,"HEADALU";#N/A,#N/A,FALSE,"REVHEAD";#N/A,#N/A,FALSE,"ESTAGIARIOS";#N/A,#N/A,FALSE,"VAGAS"}</definedName>
    <definedName name="_w1" hidden="1">{#N/A,#N/A,FALSE,"HEADALU";#N/A,#N/A,FALSE,"REVHEAD";#N/A,#N/A,FALSE,"ESTAGIARIOS";#N/A,#N/A,FALSE,"VAGAS"}</definedName>
    <definedName name="_x1"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_x1"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A" hidden="1">{"'TG'!$A$1:$L$37"}</definedName>
    <definedName name="aa"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AAA" hidden="1">#REF!</definedName>
    <definedName name="aaaa" hidden="1">{"Rio Branco",#N/A,FALSE,"Rio Branco";"Itajaí",#N/A,FALSE,"Itajaí";"Pinheiro Machado",#N/A,FALSE,"PMachado";"Esteio",#N/A,FALSE,"Esteio"}</definedName>
    <definedName name="aaaaa" hidden="1">{"CaixaCons",#N/A,FALSE,"Caixa - Consolidado";"CaixaCim",#N/A,FALSE,"Caixa - Cimento";"CaixaCal",#N/A,FALSE,"Caixa - Cal e Outros";"CaixaVC",#N/A,FALSE,"Caixa - VC"}</definedName>
    <definedName name="aaaaaa" hidden="1">{"CaixaCons",#N/A,FALSE,"Caixa - Consolidado";"CaixaCim",#N/A,FALSE,"Caixa - Cimento";"CaixaCal",#N/A,FALSE,"Caixa - Cal e Outros";"CaixaVC",#N/A,FALSE,"Caixa - VC"}</definedName>
    <definedName name="aaaaaaaaaaaaa" hidden="1">{#N/A,#N/A,FALSE,"LLAVE";#N/A,#N/A,FALSE,"EERR";#N/A,#N/A,FALSE,"ESP";#N/A,#N/A,FALSE,"EOAF";#N/A,#N/A,FALSE,"CASH";#N/A,#N/A,FALSE,"FINANZAS";#N/A,#N/A,FALSE,"DEUDA";#N/A,#N/A,FALSE,"INVERSION";#N/A,#N/A,FALSE,"PERSONAL"}</definedName>
    <definedName name="aaaassss" hidden="1">{"Cimesa",#N/A,FALSE,"Cimesa";"Cipasa",#N/A,FALSE,"Cipasa";"Cearense",#N/A,FALSE,"Cearense"}</definedName>
    <definedName name="aaafsds" hidden="1">{#N/A,#N/A,FALSE,"ENERGIA";#N/A,#N/A,FALSE,"PERDIDAS";#N/A,#N/A,FALSE,"CLIENTES";#N/A,#N/A,FALSE,"ESTADO";#N/A,#N/A,FALSE,"TECNICA"}</definedName>
    <definedName name="aaas" hidden="1">{"Econ Consolidado",#N/A,FALSE,"Econ Consol";"Fluxo de Caixa",#N/A,FALSE,"Fluxo Caixa";"Investimentos",#N/A,FALSE,"Investimentos"}</definedName>
    <definedName name="AAB_Addin5" hidden="1">"AAB_Description for addin 5,Description for addin 5,Description for addin 5,Description for addin 5,Description for addin 5,Description for addin 5"</definedName>
    <definedName name="AAB_GSPPG" hidden="1">"AAB_Goldman Sachs PPG Chart Utilities 1.0g"</definedName>
    <definedName name="aast" hidden="1">{"Rio Branco",#N/A,FALSE,"Rio Branco";"Itajaí",#N/A,FALSE,"Itajaí";"Pinheiro Machado",#N/A,FALSE,"PMachado";"Esteio",#N/A,FALSE,"Esteio"}</definedName>
    <definedName name="aba" hidden="1">{#N/A,#N/A,FALSE,"SIM95"}</definedName>
    <definedName name="abc"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abcdef" hidden="1">{"'PXR_6500'!$A$1:$I$124"}</definedName>
    <definedName name="abernardo" localSheetId="0" hidden="1">{#N/A,#N/A,FALSE,"HEADALU";#N/A,#N/A,FALSE,"REVHEAD";#N/A,#N/A,FALSE,"ESTAGIARIOS";#N/A,#N/A,FALSE,"VAGAS"}</definedName>
    <definedName name="abernardo" hidden="1">{#N/A,#N/A,FALSE,"HEADALU";#N/A,#N/A,FALSE,"REVHEAD";#N/A,#N/A,FALSE,"ESTAGIARIOS";#N/A,#N/A,FALSE,"VAGAS"}</definedName>
    <definedName name="ABN" hidden="1">{"'PXR_6500'!$A$1:$I$124"}</definedName>
    <definedName name="Abril" hidden="1">{#N/A,#N/A,FALSE,"Acum Julio - 00"}</definedName>
    <definedName name="AccessDatabase" hidden="1">"C:\LIXO\Novo\2001_Simulação ARA_MAR_MGA(Atual)(92MICXU)1.mdb"</definedName>
    <definedName name="Acum_Ano" localSheetId="0">'[10]Master Trimestre Abertura'!$19:$19</definedName>
    <definedName name="Acum_Ano">'[11]Master Trimestre Abertura'!$19:$19</definedName>
    <definedName name="Acumulada" hidden="1">{#N/A,#N/A,FALSE,"LLAVE";#N/A,#N/A,FALSE,"EERR";#N/A,#N/A,FALSE,"ESP";#N/A,#N/A,FALSE,"EOAF";#N/A,#N/A,FALSE,"CASH";#N/A,#N/A,FALSE,"FINANZAS";#N/A,#N/A,FALSE,"DEUDA";#N/A,#N/A,FALSE,"INVERSION";#N/A,#N/A,FALSE,"PERSONAL"}</definedName>
    <definedName name="adfasdasdfasdfasf" hidden="1">{"Econ Consolidado",#N/A,FALSE,"Econ Consol";"Fluxo de Caixa",#N/A,FALSE,"Fluxo Caixa";"Investimentos",#N/A,FALSE,"Investimentos"}</definedName>
    <definedName name="adfasdfa" hidden="1">{"Econ Consolidado",#N/A,FALSE,"Econ Consol";"Fluxo de Caixa",#N/A,FALSE,"Fluxo Caixa";"Investimentos",#N/A,FALSE,"Investimentos"}</definedName>
    <definedName name="Adicáo"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aga" hidden="1">#REF!</definedName>
    <definedName name="ago"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ago"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almena" hidden="1">#REF!</definedName>
    <definedName name="amarilio" hidden="1">{"SCH73",#N/A,FALSE,"eva";"SCH74",#N/A,FALSE,"eva";"SCH75",#N/A,FALSE,"eva"}</definedName>
    <definedName name="anabel" hidden="1">{#N/A,#N/A,FALSE,"Eastern";#N/A,#N/A,FALSE,"Western"}</definedName>
    <definedName name="anabel_1" hidden="1">{#N/A,#N/A,FALSE,"Eastern";#N/A,#N/A,FALSE,"Western"}</definedName>
    <definedName name="anabel_2" hidden="1">{#N/A,#N/A,FALSE,"Eastern";#N/A,#N/A,FALSE,"Western"}</definedName>
    <definedName name="anabel_3" hidden="1">{#N/A,#N/A,FALSE,"Eastern";#N/A,#N/A,FALSE,"Western"}</definedName>
    <definedName name="anabel_4" hidden="1">{#N/A,#N/A,FALSE,"Eastern";#N/A,#N/A,FALSE,"Western"}</definedName>
    <definedName name="anabel_5" hidden="1">{#N/A,#N/A,FALSE,"Eastern";#N/A,#N/A,FALSE,"Western"}</definedName>
    <definedName name="andrea" hidden="1">{"Econ Consolidado",#N/A,FALSE,"Econ Consol";"Fluxo de Caixa",#N/A,FALSE,"Fluxo Caixa";"Investimentos",#N/A,FALSE,"Investimentos"}</definedName>
    <definedName name="anscount" hidden="1">1</definedName>
    <definedName name="anything" hidden="1">{#N/A,#N/A,FALSE,"Output";#N/A,#N/A,FALSE,"Cover Sheet";#N/A,#N/A,FALSE,"Current Mkt. Projections"}</definedName>
    <definedName name="AprilSBEP">'[12]Data SBEP'!$1286:$1702</definedName>
    <definedName name="aqz" hidden="1">{#N/A,#N/A,FALSE,"Eastern";#N/A,#N/A,FALSE,"Western"}</definedName>
    <definedName name="aqz_1" hidden="1">{#N/A,#N/A,FALSE,"Eastern";#N/A,#N/A,FALSE,"Western"}</definedName>
    <definedName name="aqz_2" hidden="1">{#N/A,#N/A,FALSE,"Eastern";#N/A,#N/A,FALSE,"Western"}</definedName>
    <definedName name="aqz_3" hidden="1">{#N/A,#N/A,FALSE,"Eastern";#N/A,#N/A,FALSE,"Western"}</definedName>
    <definedName name="aqz_4" hidden="1">{#N/A,#N/A,FALSE,"Eastern";#N/A,#N/A,FALSE,"Western"}</definedName>
    <definedName name="aqz_5" hidden="1">{#N/A,#N/A,FALSE,"Eastern";#N/A,#N/A,FALSE,"Western"}</definedName>
    <definedName name="AS" hidden="1">{"'TG'!$A$1:$L$37"}</definedName>
    <definedName name="AS2DocOpenMode" hidden="1">"AS2DocumentEdit"</definedName>
    <definedName name="AS2HasNoAutoHeaderFooter" hidden="1">" "</definedName>
    <definedName name="AS2NamedRange" hidden="1">4</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de" hidden="1">{"EconCons",#N/A,TRUE,"Econômico - Consolidado";"EconCim",#N/A,TRUE,"Econômico - Cimento";"EconCal",#N/A,TRUE,"Econômico - Cal e Outros";"CaixaCons",#N/A,TRUE,"Caixa - Consolidado";"CaixaCim",#N/A,TRUE,"Caixa - Cimento";"CaixaCal",#N/A,TRUE,"Caixa - Cal e Outros";"InvestCons",#N/A,TRUE,"Invest Consolidado"}</definedName>
    <definedName name="asdfasdfasdfasdfasdf" hidden="1">{"Econ Consolidado",#N/A,FALSE,"Econ Consol";"Fluxo de Caixa",#N/A,FALSE,"Fluxo Caixa";"Investimentos",#N/A,FALSE,"Investimentos"}</definedName>
    <definedName name="ASF" hidden="1">{TRUE,TRUE,-1.25,-15.5,604.5,369,FALSE,FALSE,TRUE,TRUE,0,1,83,1,38,4,5,4,TRUE,TRUE,3,TRUE,1,TRUE,75,"Swvu.inputs._.raw._.data.","ACwvu.inputs._.raw._.data.",#N/A,FALSE,FALSE,0.5,0.5,0.5,0.5,2,"&amp;F","&amp;A&amp;RPage &amp;P",FALSE,FALSE,FALSE,FALSE,1,60,#N/A,#N/A,"=R1C61:R53C89","=C1:C5",#N/A,#N/A,FALSE,FALSE,FALSE,1,600,600,FALSE,FALSE,TRUE,TRUE,TRUE}</definedName>
    <definedName name="ASF_1" hidden="1">{TRUE,TRUE,-1.25,-15.5,604.5,369,FALSE,FALSE,TRUE,TRUE,0,1,83,1,38,4,5,4,TRUE,TRUE,3,TRUE,1,TRUE,75,"Swvu.inputs._.raw._.data.","ACwvu.inputs._.raw._.data.",#N/A,FALSE,FALSE,0.5,0.5,0.5,0.5,2,"&amp;F","&amp;A&amp;RPage &amp;P",FALSE,FALSE,FALSE,FALSE,1,60,#N/A,#N/A,"=R1C61:R53C89","=C1:C5",#N/A,#N/A,FALSE,FALSE,FALSE,1,600,600,FALSE,FALSE,TRUE,TRUE,TRUE}</definedName>
    <definedName name="ASF_2" hidden="1">{TRUE,TRUE,-1.25,-15.5,604.5,369,FALSE,FALSE,TRUE,TRUE,0,1,83,1,38,4,5,4,TRUE,TRUE,3,TRUE,1,TRUE,75,"Swvu.inputs._.raw._.data.","ACwvu.inputs._.raw._.data.",#N/A,FALSE,FALSE,0.5,0.5,0.5,0.5,2,"&amp;F","&amp;A&amp;RPage &amp;P",FALSE,FALSE,FALSE,FALSE,1,60,#N/A,#N/A,"=R1C61:R53C89","=C1:C5",#N/A,#N/A,FALSE,FALSE,FALSE,1,600,600,FALSE,FALSE,TRUE,TRUE,TRUE}</definedName>
    <definedName name="ASF_3" hidden="1">{TRUE,TRUE,-1.25,-15.5,604.5,369,FALSE,FALSE,TRUE,TRUE,0,1,83,1,38,4,5,4,TRUE,TRUE,3,TRUE,1,TRUE,75,"Swvu.inputs._.raw._.data.","ACwvu.inputs._.raw._.data.",#N/A,FALSE,FALSE,0.5,0.5,0.5,0.5,2,"&amp;F","&amp;A&amp;RPage &amp;P",FALSE,FALSE,FALSE,FALSE,1,60,#N/A,#N/A,"=R1C61:R53C89","=C1:C5",#N/A,#N/A,FALSE,FALSE,FALSE,1,600,600,FALSE,FALSE,TRUE,TRUE,TRUE}</definedName>
    <definedName name="ASF_4" hidden="1">{TRUE,TRUE,-1.25,-15.5,604.5,369,FALSE,FALSE,TRUE,TRUE,0,1,83,1,38,4,5,4,TRUE,TRUE,3,TRUE,1,TRUE,75,"Swvu.inputs._.raw._.data.","ACwvu.inputs._.raw._.data.",#N/A,FALSE,FALSE,0.5,0.5,0.5,0.5,2,"&amp;F","&amp;A&amp;RPage &amp;P",FALSE,FALSE,FALSE,FALSE,1,60,#N/A,#N/A,"=R1C61:R53C89","=C1:C5",#N/A,#N/A,FALSE,FALSE,FALSE,1,600,600,FALSE,FALSE,TRUE,TRUE,TRUE}</definedName>
    <definedName name="ASF_5" hidden="1">{TRUE,TRUE,-1.25,-15.5,604.5,369,FALSE,FALSE,TRUE,TRUE,0,1,83,1,38,4,5,4,TRUE,TRUE,3,TRUE,1,TRUE,75,"Swvu.inputs._.raw._.data.","ACwvu.inputs._.raw._.data.",#N/A,FALSE,FALSE,0.5,0.5,0.5,0.5,2,"&amp;F","&amp;A&amp;RPage &amp;P",FALSE,FALSE,FALSE,FALSE,1,60,#N/A,#N/A,"=R1C61:R53C89","=C1:C5",#N/A,#N/A,FALSE,FALSE,FALSE,1,600,600,FALSE,FALSE,TRUE,TRUE,TRUE}</definedName>
    <definedName name="ASFD"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ASFD"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ASFD_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ASFD_2"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ASFD_3"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ASFD_4"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ASFD_5"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ASSAD"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AD_1"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AD_2"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AD_3"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AD_4"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AD_5" hidden="1">{TRUE,TRUE,-1.25,-15.5,484.5,278.25,FALSE,FALSE,TRUE,FALSE,0,1,#N/A,183,#N/A,5.92592592592593,22.5714285714286,1,FALSE,FALSE,3,TRUE,1,FALSE,100,"Swvu.ESTOQUES.","ACwvu.ESTOQUES.",#N/A,FALSE,FALSE,0,0,0,0,2,"","",FALSE,FALSE,FALSE,FALSE,1,90,#N/A,#N/A,"=R1C1:R650C11",FALSE,#N/A,#N/A,FALSE,FALSE,FALSE,1,65532,65532,FALSE,FALSE,TRUE,TRUE,TRUE}</definedName>
    <definedName name="assss" hidden="1">[2]Plan1!#REF!</definedName>
    <definedName name="att" hidden="1">{#N/A,#N/A,FALSE,"COVER PAGE";#N/A,#N/A,FALSE,"Page 2";#N/A,#N/A,FALSE,"Page 2";#N/A,#N/A,FALSE,"Page 4";#N/A,#N/A,FALSE,"Page5";#N/A,#N/A,FALSE,"Page 6";#N/A,#N/A,FALSE,"Page 7";#N/A,#N/A,FALSE,"Page 8";#N/A,#N/A,FALSE,"Page 10";#N/A,#N/A,FALSE,"Long-Term OCF Mult.";#N/A,#N/A,FALSE,"PCS Comp";#N/A,#N/A,FALSE,"OCS-CAPEX";#N/A,#N/A,FALSE,"Blank"}</definedName>
    <definedName name="atualjunho" hidden="1">{#N/A,#N/A,FALSE,"Count";#N/A,#N/A,FALSE,"Cash-Flow";#N/A,#N/A,FALSE,"Assumptions";#N/A,#N/A,FALSE,"Right"}</definedName>
    <definedName name="AugustSBEP">'[12]Data SBEP'!$2977:$3392</definedName>
    <definedName name="avds" hidden="1">{"EconCons",#N/A,TRUE,"Econômico - Consolidado";"EconCim",#N/A,TRUE,"Econômico - Cimento";"EconCal",#N/A,TRUE,"Econômico - Cal e Outros";"CaixaCons",#N/A,TRUE,"Caixa - Consolidado";"CaixaCim",#N/A,TRUE,"Caixa - Cimento";"CaixaCal",#N/A,TRUE,"Caixa - Cal e Outros";"InvestCons",#N/A,TRUE,"Invest Consolidado"}</definedName>
    <definedName name="azerty4"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b" hidden="1">{#N/A,#N/A,FALSE,"Output";#N/A,#N/A,FALSE,"Cover Sheet";#N/A,#N/A,FALSE,"Current Mkt. Projections"}</definedName>
    <definedName name="BAL" hidden="1">{#N/A,#N/A,FALSE,"BalanBC";#N/A,#N/A,FALSE,"Mutação PL BC";#N/A,#N/A,FALSE,"BalanCF";#N/A,#N/A,FALSE,"Mutação PL CF";#N/A,#N/A,FALSE,"BalanCONS"}</definedName>
    <definedName name="balancete" localSheetId="0" hidden="1">{"VENTAS1",#N/A,FALSE,"VENTAS";"VENTAS2",#N/A,FALSE,"VENTAS";"VENTAS3",#N/A,FALSE,"VENTAS";"VENTAS4",#N/A,FALSE,"VENTAS";"VENTAS5",#N/A,FALSE,"VENTAS";"VENTAS6",#N/A,FALSE,"VENTAS";"VENTAS7",#N/A,FALSE,"VENTAS";"VENTAS8",#N/A,FALSE,"VENTAS"}</definedName>
    <definedName name="balancete" hidden="1">{"VENTAS1",#N/A,FALSE,"VENTAS";"VENTAS2",#N/A,FALSE,"VENTAS";"VENTAS3",#N/A,FALSE,"VENTAS";"VENTAS4",#N/A,FALSE,"VENTAS";"VENTAS5",#N/A,FALSE,"VENTAS";"VENTAS6",#N/A,FALSE,"VENTAS";"VENTAS7",#N/A,FALSE,"VENTAS";"VENTAS8",#N/A,FALSE,"VENTAS"}</definedName>
    <definedName name="BalType" hidden="1">TRUE</definedName>
    <definedName name="BANCO1" hidden="1">[2]Plan1!#REF!</definedName>
    <definedName name="bb"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bbb" hidden="1">{"Cimesa",#N/A,FALSE,"Cimesa";"Cipasa",#N/A,FALSE,"Cipasa";"Cearense",#N/A,FALSE,"Cearense"}</definedName>
    <definedName name="bbbb" hidden="1">{"CaixaCons",#N/A,FALSE,"Caixa - Consolidado";"CaixaCim",#N/A,FALSE,"Caixa - Cimento";"CaixaCal",#N/A,FALSE,"Caixa - Cal e Outros";"CaixaVC",#N/A,FALSE,"Caixa - VC"}</definedName>
    <definedName name="bbbbbbbb" hidden="1">{"CaixaCons",#N/A,FALSE,"Caixa - Consolidado";"CaixaCim",#N/A,FALSE,"Caixa - Cimento";"CaixaCal",#N/A,FALSE,"Caixa - Cal e Outros";"CaixaVC",#N/A,FALSE,"Caixa - VC"}</definedName>
    <definedName name="bbbbbbbbbbbbbbbbbbbbbbbbbbbbbbbbb" hidden="1">{#N/A,#N/A,FALSE,"LLAVE";#N/A,#N/A,FALSE,"EERR";#N/A,#N/A,FALSE,"ESP";#N/A,#N/A,FALSE,"EOAF";#N/A,#N/A,FALSE,"CASH";#N/A,#N/A,FALSE,"FINANZAS";#N/A,#N/A,FALSE,"DEUDA";#N/A,#N/A,FALSE,"INVERSION";#N/A,#N/A,FALSE,"PERSONAL"}</definedName>
    <definedName name="bbbosta" hidden="1">{#N/A,#N/A,FALSE,"LLAVE";#N/A,#N/A,FALSE,"EERR";#N/A,#N/A,FALSE,"ESP";#N/A,#N/A,FALSE,"EOAF";#N/A,#N/A,FALSE,"CASH";#N/A,#N/A,FALSE,"FINANZAS";#N/A,#N/A,FALSE,"DEUDA";#N/A,#N/A,FALSE,"INVERSION";#N/A,#N/A,FALSE,"PERSONAL"}</definedName>
    <definedName name="bbosta" hidden="1">{#N/A,#N/A,FALSE,"ENERGIA";#N/A,#N/A,FALSE,"PERDIDAS";#N/A,#N/A,FALSE,"CLIENTES";#N/A,#N/A,FALSE,"ESTADO";#N/A,#N/A,FALSE,"TECNICA"}</definedName>
    <definedName name="BD" hidden="1">#REF!</definedName>
    <definedName name="BD_YTS" hidden="1">{TRUE,TRUE,-1.25,-15.5,484.5,278.25,FALSE,FALSE,TRUE,FALSE,0,1,#N/A,452,#N/A,5.92592592592593,22.5714285714286,1,FALSE,FALSE,3,TRUE,1,FALSE,100,"Swvu.ACC.","ACwvu.ACC.",#N/A,FALSE,FALSE,0,0,0,0,2,"","",FALSE,FALSE,FALSE,FALSE,1,90,#N/A,#N/A,"=R1C1:R650C11",FALSE,#N/A,#N/A,FALSE,FALSE,FALSE,1,65532,65532,FALSE,FALSE,TRUE,TRUE,TRUE}</definedName>
    <definedName name="BD_YTS_1" hidden="1">{TRUE,TRUE,-1.25,-15.5,484.5,278.25,FALSE,FALSE,TRUE,FALSE,0,1,#N/A,452,#N/A,5.92592592592593,22.5714285714286,1,FALSE,FALSE,3,TRUE,1,FALSE,100,"Swvu.ACC.","ACwvu.ACC.",#N/A,FALSE,FALSE,0,0,0,0,2,"","",FALSE,FALSE,FALSE,FALSE,1,90,#N/A,#N/A,"=R1C1:R650C11",FALSE,#N/A,#N/A,FALSE,FALSE,FALSE,1,65532,65532,FALSE,FALSE,TRUE,TRUE,TRUE}</definedName>
    <definedName name="BD_YTS_2" hidden="1">{TRUE,TRUE,-1.25,-15.5,484.5,278.25,FALSE,FALSE,TRUE,FALSE,0,1,#N/A,452,#N/A,5.92592592592593,22.5714285714286,1,FALSE,FALSE,3,TRUE,1,FALSE,100,"Swvu.ACC.","ACwvu.ACC.",#N/A,FALSE,FALSE,0,0,0,0,2,"","",FALSE,FALSE,FALSE,FALSE,1,90,#N/A,#N/A,"=R1C1:R650C11",FALSE,#N/A,#N/A,FALSE,FALSE,FALSE,1,65532,65532,FALSE,FALSE,TRUE,TRUE,TRUE}</definedName>
    <definedName name="BD_YTS_3" hidden="1">{TRUE,TRUE,-1.25,-15.5,484.5,278.25,FALSE,FALSE,TRUE,FALSE,0,1,#N/A,452,#N/A,5.92592592592593,22.5714285714286,1,FALSE,FALSE,3,TRUE,1,FALSE,100,"Swvu.ACC.","ACwvu.ACC.",#N/A,FALSE,FALSE,0,0,0,0,2,"","",FALSE,FALSE,FALSE,FALSE,1,90,#N/A,#N/A,"=R1C1:R650C11",FALSE,#N/A,#N/A,FALSE,FALSE,FALSE,1,65532,65532,FALSE,FALSE,TRUE,TRUE,TRUE}</definedName>
    <definedName name="BD_YTS_4" hidden="1">{TRUE,TRUE,-1.25,-15.5,484.5,278.25,FALSE,FALSE,TRUE,FALSE,0,1,#N/A,452,#N/A,5.92592592592593,22.5714285714286,1,FALSE,FALSE,3,TRUE,1,FALSE,100,"Swvu.ACC.","ACwvu.ACC.",#N/A,FALSE,FALSE,0,0,0,0,2,"","",FALSE,FALSE,FALSE,FALSE,1,90,#N/A,#N/A,"=R1C1:R650C11",FALSE,#N/A,#N/A,FALSE,FALSE,FALSE,1,65532,65532,FALSE,FALSE,TRUE,TRUE,TRUE}</definedName>
    <definedName name="BD_YTS_5" hidden="1">{TRUE,TRUE,-1.25,-15.5,484.5,278.25,FALSE,FALSE,TRUE,FALSE,0,1,#N/A,452,#N/A,5.92592592592593,22.5714285714286,1,FALSE,FALSE,3,TRUE,1,FALSE,100,"Swvu.ACC.","ACwvu.ACC.",#N/A,FALSE,FALSE,0,0,0,0,2,"","",FALSE,FALSE,FALSE,FALSE,1,90,#N/A,#N/A,"=R1C1:R650C11",FALSE,#N/A,#N/A,FALSE,FALSE,FALSE,1,65532,65532,FALSE,FALSE,TRUE,TRUE,TRUE}</definedName>
    <definedName name="BETAA" hidden="1">{"fdsup://directions/FAT Viewer?action=UPDATE&amp;creator=factset&amp;DYN_ARGS=TRUE&amp;DOC_NAME=FAT:FQL_AUDITING_CLIENT_TEMPLATE.FAT&amp;display_string=Audit&amp;VAR:KEY=WJQXUPOHOJ&amp;VAR:QUERY=UkdGX1RBWF9SQVRFKEFOTiwwLCwsLCwsTk9BVURJVCk=&amp;WINDOW=FIRST_POPUP&amp;HEIGHT=450&amp;WIDTH=450&amp;","START_MAXIMIZED=FALSE&amp;VAR:CALENDAR=US&amp;VAR:SYMBOL=MENT&amp;VAR:INDEX=0"}</definedName>
    <definedName name="bf" hidden="1">{#N/A,#N/A,FALSE,"LLAVE";#N/A,#N/A,FALSE,"EERR";#N/A,#N/A,FALSE,"ESP";#N/A,#N/A,FALSE,"EOAF";#N/A,#N/A,FALSE,"CASH";#N/A,#N/A,FALSE,"FINANZAS";#N/A,#N/A,FALSE,"DEUDA";#N/A,#N/A,FALSE,"INVERSION";#N/A,#N/A,FALSE,"PERSONAL"}</definedName>
    <definedName name="BG_Del" hidden="1">15</definedName>
    <definedName name="BG_Ins" hidden="1">4</definedName>
    <definedName name="BG_Mod" hidden="1">6</definedName>
    <definedName name="black" hidden="1">{"SCH73",#N/A,FALSE,"eva";"SCH74",#N/A,FALSE,"eva";"SCH75",#N/A,FALSE,"eva"}</definedName>
    <definedName name="BLPH1" hidden="1">#REF!</definedName>
    <definedName name="BLPH10" hidden="1">#REF!</definedName>
    <definedName name="BLPH11" hidden="1">#REF!</definedName>
    <definedName name="blph11110" hidden="1">#REF!</definedName>
    <definedName name="BLPH12" hidden="1">#REF!</definedName>
    <definedName name="BLPH13" hidden="1">#REF!</definedName>
    <definedName name="BLPH14" hidden="1">#REF!</definedName>
    <definedName name="BLPH15" hidden="1">#REF!</definedName>
    <definedName name="BLPH16" hidden="1">#REF!</definedName>
    <definedName name="BLPH17" hidden="1">#REF!</definedName>
    <definedName name="BLPH18" hidden="1">#REF!</definedName>
    <definedName name="BLPH19" hidden="1">#REF!</definedName>
    <definedName name="BLPH2" hidden="1">#REF!</definedName>
    <definedName name="BLPH20" hidden="1">#REF!</definedName>
    <definedName name="BLPH20060419144957_1" hidden="1">#REF!</definedName>
    <definedName name="BLPH20060419144957_2" hidden="1">#REF!</definedName>
    <definedName name="BLPH20060419144957_4" hidden="1">#REF!</definedName>
    <definedName name="BLPH20060419144957_5" hidden="1">#REF!</definedName>
    <definedName name="BLPH20060419144957_6" hidden="1">#REF!</definedName>
    <definedName name="BLPH20060419144957_7" hidden="1">#REF!</definedName>
    <definedName name="BLPH20060419144957_8" hidden="1">#REF!</definedName>
    <definedName name="BLPH20060419144957_9" hidden="1">#REF!</definedName>
    <definedName name="BLPH20060419145106_1" hidden="1">#REF!</definedName>
    <definedName name="BLPH20060424143403_1" hidden="1">#REF!</definedName>
    <definedName name="BLPH20060426125828_1" hidden="1">#REF!</definedName>
    <definedName name="BLPH20060426130349_1" hidden="1">#REF!</definedName>
    <definedName name="BLPH20060502162107_1" hidden="1">#REF!</definedName>
    <definedName name="BLPH20060502162107_2" hidden="1">#REF!</definedName>
    <definedName name="BLPH20060502162107_3" hidden="1">#REF!</definedName>
    <definedName name="BLPH20060502162413_1" hidden="1">#REF!</definedName>
    <definedName name="BLPH20060502193036_1" hidden="1">#REF!</definedName>
    <definedName name="BLPH20060503125214_1" hidden="1">#REF!</definedName>
    <definedName name="BLPH20060509214545_1" hidden="1">#REF!</definedName>
    <definedName name="BLPH20060509215106_1" hidden="1">#REF!</definedName>
    <definedName name="BLPH20060509215505_1" hidden="1">#REF!</definedName>
    <definedName name="BLPH20060509215722_1" hidden="1">#REF!</definedName>
    <definedName name="BLPH20060510133535_2" hidden="1">#REF!</definedName>
    <definedName name="BLPH20060510133535_3" hidden="1">#REF!</definedName>
    <definedName name="BLPH20060510133535_4" hidden="1">#REF!</definedName>
    <definedName name="BLPH20060511150042_1" hidden="1">#REF!</definedName>
    <definedName name="BLPH20060518140850_1" hidden="1">#REF!</definedName>
    <definedName name="BLPH20060519143615_1" hidden="1">#REF!</definedName>
    <definedName name="BLPH20060524131718_1" hidden="1">#REF!</definedName>
    <definedName name="BLPH20060525132130_1" hidden="1">#REF!</definedName>
    <definedName name="BLPH20060525132217_1" hidden="1">#REF!</definedName>
    <definedName name="BLPH20060525132303_1" hidden="1">#REF!</definedName>
    <definedName name="BLPH20060602140551_1" hidden="1">#REF!</definedName>
    <definedName name="BLPH20060602141321_1" hidden="1">#REF!</definedName>
    <definedName name="BLPH20060621131533_1" hidden="1">#REF!</definedName>
    <definedName name="BLPH20060621131922_1" hidden="1">#REF!</definedName>
    <definedName name="BLPH20060621132021_1" hidden="1">#REF!</definedName>
    <definedName name="BLPH20060621132141_1" hidden="1">#REF!</definedName>
    <definedName name="BLPH20060621132417_1" hidden="1">#REF!</definedName>
    <definedName name="BLPH20060623130343_1" hidden="1">#REF!</definedName>
    <definedName name="BLPH20060802144710_1" hidden="1">#REF!</definedName>
    <definedName name="BLPH21" hidden="1">#REF!</definedName>
    <definedName name="BLPH22" hidden="1">#REF!</definedName>
    <definedName name="BLPH23" hidden="1">#REF!</definedName>
    <definedName name="BLPH24" hidden="1">#REF!</definedName>
    <definedName name="BLPH25" hidden="1">#REF!</definedName>
    <definedName name="BLPH26" hidden="1">#REF!</definedName>
    <definedName name="BLPH27" hidden="1">#REF!</definedName>
    <definedName name="BLPH28" hidden="1">#REF!</definedName>
    <definedName name="BLPH29" hidden="1">#REF!</definedName>
    <definedName name="BLPH3" hidden="1">#REF!</definedName>
    <definedName name="BLPH30" hidden="1">#REF!</definedName>
    <definedName name="BLPH31" hidden="1">#REF!</definedName>
    <definedName name="BLPH32" hidden="1">#REF!</definedName>
    <definedName name="BLPH33" hidden="1">#REF!</definedName>
    <definedName name="BLPH34" hidden="1">#REF!</definedName>
    <definedName name="BLPH35" hidden="1">#REF!</definedName>
    <definedName name="BLPH36" hidden="1">#REF!</definedName>
    <definedName name="BLPH37" hidden="1">#REF!</definedName>
    <definedName name="BLPH38" hidden="1">#REF!</definedName>
    <definedName name="BLPH39" hidden="1">#REF!</definedName>
    <definedName name="BLPH4" hidden="1">#REF!</definedName>
    <definedName name="BLPH40" hidden="1">#REF!</definedName>
    <definedName name="BLPH41" hidden="1">#REF!</definedName>
    <definedName name="BLPH42" hidden="1">#REF!</definedName>
    <definedName name="BLPH43" hidden="1">#REF!</definedName>
    <definedName name="BLPH44" hidden="1">#REF!</definedName>
    <definedName name="BLPH45" hidden="1">#REF!</definedName>
    <definedName name="BLPH46" hidden="1">#REF!</definedName>
    <definedName name="BLPH47" hidden="1">#REF!</definedName>
    <definedName name="BLPH48" hidden="1">#REF!</definedName>
    <definedName name="BLPH49" hidden="1">#REF!</definedName>
    <definedName name="BLPH5" hidden="1">#REF!</definedName>
    <definedName name="BLPH50" hidden="1">#REF!</definedName>
    <definedName name="BLPH51" hidden="1">#REF!</definedName>
    <definedName name="BLPH52" hidden="1">#REF!</definedName>
    <definedName name="BLPH53" hidden="1">#REF!</definedName>
    <definedName name="BLPH54" hidden="1">#REF!</definedName>
    <definedName name="BLPH55" hidden="1">#REF!</definedName>
    <definedName name="BLPH56" hidden="1">#REF!</definedName>
    <definedName name="BLPH57" hidden="1">#REF!</definedName>
    <definedName name="BLPH58" hidden="1">#REF!</definedName>
    <definedName name="BLPH59" hidden="1">#REF!</definedName>
    <definedName name="BLPH6" hidden="1">'[13]Capitalisations boursières'!#REF!</definedName>
    <definedName name="BLPH60" hidden="1">#REF!</definedName>
    <definedName name="BLPH62" hidden="1">#REF!</definedName>
    <definedName name="BLPH63" hidden="1">#REF!</definedName>
    <definedName name="BLPH69" hidden="1">#REF!</definedName>
    <definedName name="BLPH7" hidden="1">#REF!</definedName>
    <definedName name="BLPH70" hidden="1">#REF!</definedName>
    <definedName name="BLPH71" hidden="1">#REF!</definedName>
    <definedName name="BLPH76" hidden="1">#REF!</definedName>
    <definedName name="BLPH77" hidden="1">#REF!</definedName>
    <definedName name="BLPH8" hidden="1">#REF!</definedName>
    <definedName name="BLPH80" hidden="1">#REF!</definedName>
    <definedName name="BLPH81" hidden="1">#REF!</definedName>
    <definedName name="BLPH82" hidden="1">#REF!</definedName>
    <definedName name="BLPH83" hidden="1">#REF!</definedName>
    <definedName name="BLPH84" hidden="1">#REF!</definedName>
    <definedName name="BLPH85" hidden="1">#REF!</definedName>
    <definedName name="BLPH87" hidden="1">#REF!</definedName>
    <definedName name="BLPH88" hidden="1">#REF!</definedName>
    <definedName name="BLPH89" hidden="1">#REF!</definedName>
    <definedName name="BLPH9" hidden="1">#REF!</definedName>
    <definedName name="BLPH90" hidden="1">#REF!</definedName>
    <definedName name="BLPH91" hidden="1">#REF!</definedName>
    <definedName name="BLPH92" hidden="1">#REF!</definedName>
    <definedName name="BLPR10020040303143550017" hidden="1">[14]Bloomberg!#REF!</definedName>
    <definedName name="BLPR10020040303143550017_1_1" hidden="1">[14]Bloomberg!#REF!</definedName>
    <definedName name="BLPR10120040303143550017" hidden="1">[14]Bloomberg!#REF!</definedName>
    <definedName name="BLPR10120040303143550017_1_1" hidden="1">[14]Bloomberg!#REF!</definedName>
    <definedName name="BLPR1020040303143540803" hidden="1">[14]Bloomberg!#REF!</definedName>
    <definedName name="BLPR1020040303143540803_1_3" hidden="1">[14]Bloomberg!#REF!</definedName>
    <definedName name="BLPR1020040303143540803_2_3" hidden="1">[14]Bloomberg!#REF!</definedName>
    <definedName name="BLPR1020040303143540803_3_3" hidden="1">[14]Bloomberg!#REF!</definedName>
    <definedName name="BLPR10220040303143550017" hidden="1">[14]Bloomberg!#REF!</definedName>
    <definedName name="BLPR10220040303143550017_1_1" hidden="1">[14]Bloomberg!#REF!</definedName>
    <definedName name="BLPR10320040303143550017" hidden="1">[14]Bloomberg!#REF!</definedName>
    <definedName name="BLPR10320040303143550017_1_1" hidden="1">[14]Bloomberg!#REF!</definedName>
    <definedName name="BLPR10420040303143550027" hidden="1">[14]Bloomberg!#REF!</definedName>
    <definedName name="BLPR10420040303143550027_1_1" hidden="1">[14]Bloomberg!#REF!</definedName>
    <definedName name="BLPR10520040303143550027" hidden="1">[14]Bloomberg!#REF!</definedName>
    <definedName name="BLPR10520040303143550027_1_1" hidden="1">[14]Bloomberg!#REF!</definedName>
    <definedName name="BLPR10620040303143550027" hidden="1">[14]Bloomberg!#REF!</definedName>
    <definedName name="BLPR10620040303143550027_1_1" hidden="1">[14]Bloomberg!#REF!</definedName>
    <definedName name="BLPR10720040303143550027" hidden="1">[14]Bloomberg!#REF!</definedName>
    <definedName name="BLPR10720040303143550027_1_1" hidden="1">[14]Bloomberg!#REF!</definedName>
    <definedName name="BLPR10820040303143550027" hidden="1">[14]Bloomberg!#REF!</definedName>
    <definedName name="BLPR10820040303143550027_1_1" hidden="1">[14]Bloomberg!#REF!</definedName>
    <definedName name="BLPR10920040303143550027" hidden="1">[14]Bloomberg!#REF!</definedName>
    <definedName name="BLPR10920040303143550027_1_1" hidden="1">[14]Bloomberg!#REF!</definedName>
    <definedName name="BLPR11020040303143550027" hidden="1">[14]Bloomberg!#REF!</definedName>
    <definedName name="BLPR11020040303143550027_1_1" hidden="1">[14]Bloomberg!#REF!</definedName>
    <definedName name="BLPR11120040303143550037" hidden="1">[14]Bloomberg!#REF!</definedName>
    <definedName name="BLPR11120040303143550037_1_1" hidden="1">[14]Bloomberg!#REF!</definedName>
    <definedName name="BLPR1120040303143540803" hidden="1">[14]Bloomberg!#REF!</definedName>
    <definedName name="BLPR1120040303143540803_1_3" hidden="1">[14]Bloomberg!#REF!</definedName>
    <definedName name="BLPR1120040303143540803_2_3" hidden="1">[14]Bloomberg!#REF!</definedName>
    <definedName name="BLPR1120040303143540803_3_3" hidden="1">[14]Bloomberg!#REF!</definedName>
    <definedName name="BLPR11220040303143550037" hidden="1">[14]Bloomberg!#REF!</definedName>
    <definedName name="BLPR11220040303143550037_1_1" hidden="1">[14]Bloomberg!#REF!</definedName>
    <definedName name="BLPR11320040303143550037" hidden="1">[14]Bloomberg!#REF!</definedName>
    <definedName name="BLPR11320040303143550037_1_1" hidden="1">[14]Bloomberg!#REF!</definedName>
    <definedName name="BLPR11420040303143550037" hidden="1">[14]Bloomberg!#REF!</definedName>
    <definedName name="BLPR11420040303143550037_1_1" hidden="1">[14]Bloomberg!#REF!</definedName>
    <definedName name="BLPR11520040303143550037" hidden="1">[14]Bloomberg!#REF!</definedName>
    <definedName name="BLPR11520040303143550037_1_1" hidden="1">[14]Bloomberg!#REF!</definedName>
    <definedName name="BLPR11620040303143550037" hidden="1">[14]Bloomberg!#REF!</definedName>
    <definedName name="BLPR11620040303143550037_1_1" hidden="1">[14]Bloomberg!#REF!</definedName>
    <definedName name="BLPR11720040303143550047" hidden="1">[14]Bloomberg!#REF!</definedName>
    <definedName name="BLPR11720040303143550047_1_1" hidden="1">[14]Bloomberg!#REF!</definedName>
    <definedName name="BLPR11820040303143550047" hidden="1">[14]Bloomberg!#REF!</definedName>
    <definedName name="BLPR11820040303143550047_1_1" hidden="1">[14]Bloomberg!#REF!</definedName>
    <definedName name="BLPR11920040303143550047" hidden="1">[14]Bloomberg!#REF!</definedName>
    <definedName name="BLPR11920040303143550047_1_1" hidden="1">[14]Bloomberg!#REF!</definedName>
    <definedName name="BLPR120040303143540763" hidden="1">[14]Bloomberg!#REF!</definedName>
    <definedName name="BLPR120040303143540763_1_3" hidden="1">[14]Bloomberg!#REF!</definedName>
    <definedName name="BLPR120040303143540763_2_3" hidden="1">[14]Bloomberg!#REF!</definedName>
    <definedName name="BLPR120040303143540763_3_3" hidden="1">[14]Bloomberg!#REF!</definedName>
    <definedName name="BLPR12020040303143550047" hidden="1">[14]Bloomberg!#REF!</definedName>
    <definedName name="BLPR12020040303143550047_1_1" hidden="1">[14]Bloomberg!#REF!</definedName>
    <definedName name="BLPR12120040303143550047" hidden="1">[14]Bloomberg!#REF!</definedName>
    <definedName name="BLPR12120040303143550047_1_1" hidden="1">[14]Bloomberg!#REF!</definedName>
    <definedName name="BLPR1220040303143540803" hidden="1">[14]Bloomberg!#REF!</definedName>
    <definedName name="BLPR1220040303143540803_1_3" hidden="1">[14]Bloomberg!#REF!</definedName>
    <definedName name="BLPR1220040303143540803_2_3" hidden="1">[14]Bloomberg!#REF!</definedName>
    <definedName name="BLPR1220040303143540803_3_3" hidden="1">[14]Bloomberg!#REF!</definedName>
    <definedName name="BLPR12220040303143550047" hidden="1">[14]Bloomberg!#REF!</definedName>
    <definedName name="BLPR12220040303143550047_1_1" hidden="1">[14]Bloomberg!#REF!</definedName>
    <definedName name="BLPR12320040303143550047" hidden="1">[14]Bloomberg!#REF!</definedName>
    <definedName name="BLPR12320040303143550047_1_1" hidden="1">[14]Bloomberg!#REF!</definedName>
    <definedName name="BLPR12420040303143550057" hidden="1">[14]Bloomberg!#REF!</definedName>
    <definedName name="BLPR12420040303143550057_1_1" hidden="1">[14]Bloomberg!#REF!</definedName>
    <definedName name="BLPR12520040303143550057" hidden="1">[14]Bloomberg!#REF!</definedName>
    <definedName name="BLPR12520040303143550057_1_1" hidden="1">[14]Bloomberg!#REF!</definedName>
    <definedName name="BLPR12620040303143550057" hidden="1">[14]Bloomberg!#REF!</definedName>
    <definedName name="BLPR12620040303143550057_1_1" hidden="1">[14]Bloomberg!#REF!</definedName>
    <definedName name="BLPR12720040303143550057" hidden="1">[14]Bloomberg!#REF!</definedName>
    <definedName name="BLPR12720040303143550057_1_1" hidden="1">[14]Bloomberg!#REF!</definedName>
    <definedName name="BLPR12820040303143550057" hidden="1">[14]Bloomberg!#REF!</definedName>
    <definedName name="BLPR12820040303143550057_1_1" hidden="1">[14]Bloomberg!#REF!</definedName>
    <definedName name="BLPR12920040303143550057" hidden="1">[14]Bloomberg!#REF!</definedName>
    <definedName name="BLPR12920040303143550057_1_1" hidden="1">[14]Bloomberg!#REF!</definedName>
    <definedName name="BLPR13020040303143550067" hidden="1">[14]Bloomberg!#REF!</definedName>
    <definedName name="BLPR13020040303143550067_1_1" hidden="1">[14]Bloomberg!#REF!</definedName>
    <definedName name="BLPR13120040303143550067" hidden="1">[14]Bloomberg!#REF!</definedName>
    <definedName name="BLPR13120040303143550067_1_1" hidden="1">[14]Bloomberg!#REF!</definedName>
    <definedName name="BLPR1320040303143540813" hidden="1">[14]Bloomberg!#REF!</definedName>
    <definedName name="BLPR1320040303143540813_1_3" hidden="1">[14]Bloomberg!#REF!</definedName>
    <definedName name="BLPR1320040303143540813_2_3" hidden="1">[14]Bloomberg!#REF!</definedName>
    <definedName name="BLPR1320040303143540813_3_3" hidden="1">[14]Bloomberg!#REF!</definedName>
    <definedName name="BLPR13220040303143550067" hidden="1">[14]Bloomberg!#REF!</definedName>
    <definedName name="BLPR13220040303143550067_1_1" hidden="1">[14]Bloomberg!#REF!</definedName>
    <definedName name="BLPR13320040303143550067" hidden="1">[14]Bloomberg!#REF!</definedName>
    <definedName name="BLPR13320040303143550067_1_1" hidden="1">[14]Bloomberg!#REF!</definedName>
    <definedName name="BLPR13420040303143550067" hidden="1">[14]Bloomberg!#REF!</definedName>
    <definedName name="BLPR13420040303143550067_1_1" hidden="1">[14]Bloomberg!#REF!</definedName>
    <definedName name="BLPR13520040303143550067" hidden="1">[14]Bloomberg!#REF!</definedName>
    <definedName name="BLPR13520040303143550067_1_1" hidden="1">[14]Bloomberg!#REF!</definedName>
    <definedName name="BLPR13620040303143550077" hidden="1">[14]Bloomberg!#REF!</definedName>
    <definedName name="BLPR13620040303143550077_1_1" hidden="1">[14]Bloomberg!#REF!</definedName>
    <definedName name="BLPR13720040303143550077" hidden="1">[14]Bloomberg!#REF!</definedName>
    <definedName name="BLPR13720040303143550077_1_1" hidden="1">[14]Bloomberg!#REF!</definedName>
    <definedName name="BLPR13820040303143550077" hidden="1">[14]Bloomberg!#REF!</definedName>
    <definedName name="BLPR13820040303143550077_1_1" hidden="1">[14]Bloomberg!#REF!</definedName>
    <definedName name="BLPR13920040303143550077" hidden="1">[14]Bloomberg!#REF!</definedName>
    <definedName name="BLPR13920040303143550077_1_1" hidden="1">[14]Bloomberg!#REF!</definedName>
    <definedName name="BLPR14020040303143550077" hidden="1">[14]Bloomberg!#REF!</definedName>
    <definedName name="BLPR14020040303143550077_1_1" hidden="1">[14]Bloomberg!#REF!</definedName>
    <definedName name="BLPR14120040303143550077" hidden="1">[14]Bloomberg!#REF!</definedName>
    <definedName name="BLPR14120040303143550077_1_1" hidden="1">[14]Bloomberg!#REF!</definedName>
    <definedName name="BLPR1420040303143540813" hidden="1">[14]Bloomberg!#REF!</definedName>
    <definedName name="BLPR1420040303143540813_1_3" hidden="1">[14]Bloomberg!#REF!</definedName>
    <definedName name="BLPR1420040303143540813_2_3" hidden="1">[14]Bloomberg!#REF!</definedName>
    <definedName name="BLPR1420040303143540813_3_3" hidden="1">[14]Bloomberg!#REF!</definedName>
    <definedName name="BLPR14220040303143550077" hidden="1">[14]Bloomberg!#REF!</definedName>
    <definedName name="BLPR14220040303143550077_1_1" hidden="1">[14]Bloomberg!#REF!</definedName>
    <definedName name="BLPR14320040303143550077" hidden="1">[14]Bloomberg!#REF!</definedName>
    <definedName name="BLPR14320040303143550077_1_1" hidden="1">[14]Bloomberg!#REF!</definedName>
    <definedName name="BLPR14420040303143550077" hidden="1">[14]Bloomberg!#REF!</definedName>
    <definedName name="BLPR14420040303143550077_1_1" hidden="1">[14]Bloomberg!#REF!</definedName>
    <definedName name="BLPR14520040303143550077" hidden="1">[14]Bloomberg!#REF!</definedName>
    <definedName name="BLPR14520040303143550077_1_1" hidden="1">[14]Bloomberg!#REF!</definedName>
    <definedName name="BLPR14620040303143550077" hidden="1">[14]Bloomberg!#REF!</definedName>
    <definedName name="BLPR14620040303143550077_1_1" hidden="1">[14]Bloomberg!#REF!</definedName>
    <definedName name="BLPR14720040303143550077" hidden="1">[14]Bloomberg!#REF!</definedName>
    <definedName name="BLPR14720040303143550077_1_1" hidden="1">[14]Bloomberg!#REF!</definedName>
    <definedName name="BLPR14820040303143550077" hidden="1">[14]Bloomberg!#REF!</definedName>
    <definedName name="BLPR14820040303143550077_1_1" hidden="1">[14]Bloomberg!#REF!</definedName>
    <definedName name="BLPR14920040303143550077" hidden="1">[14]Bloomberg!#REF!</definedName>
    <definedName name="BLPR14920040303143550077_1_1" hidden="1">[14]Bloomberg!#REF!</definedName>
    <definedName name="BLPR15020040303143550087" hidden="1">[14]Bloomberg!#REF!</definedName>
    <definedName name="BLPR15020040303143550087_1_1" hidden="1">[14]Bloomberg!#REF!</definedName>
    <definedName name="BLPR15120040303143550087" hidden="1">[14]Bloomberg!#REF!</definedName>
    <definedName name="BLPR15120040303143550087_1_1" hidden="1">[14]Bloomberg!#REF!</definedName>
    <definedName name="BLPR1520040303143540813" hidden="1">[14]Bloomberg!#REF!</definedName>
    <definedName name="BLPR1520040303143540813_1_3" hidden="1">[14]Bloomberg!#REF!</definedName>
    <definedName name="BLPR1520040303143540813_2_3" hidden="1">[14]Bloomberg!#REF!</definedName>
    <definedName name="BLPR1520040303143540813_3_3" hidden="1">[14]Bloomberg!#REF!</definedName>
    <definedName name="BLPR15220040303143550087" hidden="1">[14]Bloomberg!#REF!</definedName>
    <definedName name="BLPR15220040303143550087_1_1" hidden="1">[14]Bloomberg!#REF!</definedName>
    <definedName name="BLPR15320040303143550087" hidden="1">[14]Bloomberg!#REF!</definedName>
    <definedName name="BLPR15320040303143550087_1_1" hidden="1">[14]Bloomberg!#REF!</definedName>
    <definedName name="BLPR15420040303143550087" hidden="1">[14]Bloomberg!#REF!</definedName>
    <definedName name="BLPR15420040303143550087_1_1" hidden="1">[14]Bloomberg!#REF!</definedName>
    <definedName name="BLPR15520040303143550207" hidden="1">[14]Bloomberg!#REF!</definedName>
    <definedName name="BLPR15520040303143550207_1_2" hidden="1">[14]Bloomberg!#REF!</definedName>
    <definedName name="BLPR15520040303143550207_2_2" hidden="1">[14]Bloomberg!#REF!</definedName>
    <definedName name="BLPR15620040303143550227" hidden="1">[14]Bloomberg!#REF!</definedName>
    <definedName name="BLPR15620040303143550227_1_2" hidden="1">[14]Bloomberg!#REF!</definedName>
    <definedName name="BLPR15620040303143550227_2_2" hidden="1">[14]Bloomberg!#REF!</definedName>
    <definedName name="BLPR15720040303143550237" hidden="1">[14]Bloomberg!#REF!</definedName>
    <definedName name="BLPR15720040303143550237_1_2" hidden="1">[14]Bloomberg!#REF!</definedName>
    <definedName name="BLPR15720040303143550237_2_2" hidden="1">[14]Bloomberg!#REF!</definedName>
    <definedName name="BLPR15820040303143550257" hidden="1">[14]Bloomberg!#REF!</definedName>
    <definedName name="BLPR15820040303143550257_1_2" hidden="1">[14]Bloomberg!#REF!</definedName>
    <definedName name="BLPR15820040303143550257_2_2" hidden="1">[14]Bloomberg!#REF!</definedName>
    <definedName name="BLPR15920040303143550267" hidden="1">[14]Bloomberg!#REF!</definedName>
    <definedName name="BLPR15920040303143550267_1_2" hidden="1">[14]Bloomberg!#REF!</definedName>
    <definedName name="BLPR15920040303143550267_2_2" hidden="1">[14]Bloomberg!#REF!</definedName>
    <definedName name="BLPR16020040303143550287" hidden="1">[14]Bloomberg!#REF!</definedName>
    <definedName name="BLPR16020040303143550287_1_2" hidden="1">[14]Bloomberg!#REF!</definedName>
    <definedName name="BLPR16020040303143550287_2_2" hidden="1">[14]Bloomberg!#REF!</definedName>
    <definedName name="BLPR16120040303143550297" hidden="1">[14]Bloomberg!#REF!</definedName>
    <definedName name="BLPR16120040303143550297_1_2" hidden="1">[14]Bloomberg!#REF!</definedName>
    <definedName name="BLPR16120040303143550297_2_2" hidden="1">[14]Bloomberg!#REF!</definedName>
    <definedName name="BLPR1620040303143540813" hidden="1">[14]Bloomberg!#REF!</definedName>
    <definedName name="BLPR1620040303143540813_1_3" hidden="1">[14]Bloomberg!#REF!</definedName>
    <definedName name="BLPR1620040303143540813_2_3" hidden="1">[14]Bloomberg!#REF!</definedName>
    <definedName name="BLPR1620040303143540813_3_3" hidden="1">[14]Bloomberg!#REF!</definedName>
    <definedName name="BLPR16220040303143550317" hidden="1">[14]Bloomberg!#REF!</definedName>
    <definedName name="BLPR16220040303143550317_1_2" hidden="1">[14]Bloomberg!#REF!</definedName>
    <definedName name="BLPR16220040303143550317_2_2" hidden="1">[14]Bloomberg!#REF!</definedName>
    <definedName name="BLPR16320040303143550327" hidden="1">[14]Bloomberg!#REF!</definedName>
    <definedName name="BLPR16320040303143550327_1_2" hidden="1">[14]Bloomberg!#REF!</definedName>
    <definedName name="BLPR16320040303143550327_2_2" hidden="1">[14]Bloomberg!#REF!</definedName>
    <definedName name="BLPR16420040303143550347" hidden="1">[14]Bloomberg!#REF!</definedName>
    <definedName name="BLPR16420040303143550347_1_2" hidden="1">[14]Bloomberg!#REF!</definedName>
    <definedName name="BLPR16420040303143550347_2_2" hidden="1">[14]Bloomberg!#REF!</definedName>
    <definedName name="BLPR16520040303143550357" hidden="1">[14]Bloomberg!#REF!</definedName>
    <definedName name="BLPR16520040303143550357_1_2" hidden="1">[14]Bloomberg!#REF!</definedName>
    <definedName name="BLPR16520040303143550357_2_2" hidden="1">[14]Bloomberg!#REF!</definedName>
    <definedName name="BLPR16620040303143550377" hidden="1">[14]Bloomberg!#REF!</definedName>
    <definedName name="BLPR16620040303143550377_1_2" hidden="1">[14]Bloomberg!#REF!</definedName>
    <definedName name="BLPR16620040303143550377_2_2" hidden="1">[14]Bloomberg!#REF!</definedName>
    <definedName name="BLPR16720040303143550397" hidden="1">[14]Bloomberg!#REF!</definedName>
    <definedName name="BLPR16720040303143550397_1_2" hidden="1">[14]Bloomberg!#REF!</definedName>
    <definedName name="BLPR16720040303143550397_2_2" hidden="1">[14]Bloomberg!#REF!</definedName>
    <definedName name="BLPR16820040303143550407" hidden="1">[14]Bloomberg!#REF!</definedName>
    <definedName name="BLPR16820040303143550407_1_2" hidden="1">[14]Bloomberg!#REF!</definedName>
    <definedName name="BLPR16820040303143550407_2_2" hidden="1">[14]Bloomberg!#REF!</definedName>
    <definedName name="BLPR16920040303143550427" hidden="1">[14]Bloomberg!#REF!</definedName>
    <definedName name="BLPR16920040303143550427_1_2" hidden="1">[14]Bloomberg!#REF!</definedName>
    <definedName name="BLPR16920040303143550427_2_2" hidden="1">[14]Bloomberg!#REF!</definedName>
    <definedName name="BLPR17020040303143550437" hidden="1">[14]Bloomberg!#REF!</definedName>
    <definedName name="BLPR17020040303143550437_1_2" hidden="1">[14]Bloomberg!#REF!</definedName>
    <definedName name="BLPR17020040303143550437_2_2" hidden="1">[14]Bloomberg!#REF!</definedName>
    <definedName name="BLPR17120040303143550457" hidden="1">[14]Bloomberg!#REF!</definedName>
    <definedName name="BLPR17120040303143550457_1_2" hidden="1">[14]Bloomberg!#REF!</definedName>
    <definedName name="BLPR17120040303143550457_2_2" hidden="1">[14]Bloomberg!#REF!</definedName>
    <definedName name="BLPR1720040303143540823" hidden="1">[14]Bloomberg!#REF!</definedName>
    <definedName name="BLPR1720040303143540823_1_3" hidden="1">[14]Bloomberg!#REF!</definedName>
    <definedName name="BLPR1720040303143540823_2_3" hidden="1">[14]Bloomberg!#REF!</definedName>
    <definedName name="BLPR1720040303143540823_3_3" hidden="1">[14]Bloomberg!#REF!</definedName>
    <definedName name="BLPR17220040303143550477" hidden="1">[14]Bloomberg!#REF!</definedName>
    <definedName name="BLPR17220040303143550477_1_2" hidden="1">[14]Bloomberg!#REF!</definedName>
    <definedName name="BLPR17220040303143550477_2_2" hidden="1">[14]Bloomberg!#REF!</definedName>
    <definedName name="BLPR17320040303143550487" hidden="1">[14]Bloomberg!#REF!</definedName>
    <definedName name="BLPR17320040303143550487_1_2" hidden="1">[14]Bloomberg!#REF!</definedName>
    <definedName name="BLPR17320040303143550487_2_2" hidden="1">[14]Bloomberg!#REF!</definedName>
    <definedName name="BLPR17420040303143550507" hidden="1">[14]Bloomberg!#REF!</definedName>
    <definedName name="BLPR17420040303143550507_1_2" hidden="1">[14]Bloomberg!#REF!</definedName>
    <definedName name="BLPR17420040303143550507_2_2" hidden="1">[14]Bloomberg!#REF!</definedName>
    <definedName name="BLPR17520040303143550527" hidden="1">[14]Bloomberg!#REF!</definedName>
    <definedName name="BLPR17520040303143550527_1_2" hidden="1">[14]Bloomberg!#REF!</definedName>
    <definedName name="BLPR17520040303143550527_2_2" hidden="1">[14]Bloomberg!#REF!</definedName>
    <definedName name="BLPR17620040303143550547" hidden="1">[14]Bloomberg!#REF!</definedName>
    <definedName name="BLPR17620040303143550547_1_2" hidden="1">[14]Bloomberg!#REF!</definedName>
    <definedName name="BLPR17620040303143550547_2_2" hidden="1">[14]Bloomberg!#REF!</definedName>
    <definedName name="BLPR17720040303143550557" hidden="1">[14]Bloomberg!#REF!</definedName>
    <definedName name="BLPR17720040303143550557_1_2" hidden="1">[14]Bloomberg!#REF!</definedName>
    <definedName name="BLPR17720040303143550557_2_2" hidden="1">[14]Bloomberg!#REF!</definedName>
    <definedName name="BLPR17820040303143550577" hidden="1">[14]Bloomberg!#REF!</definedName>
    <definedName name="BLPR17820040303143550577_1_2" hidden="1">[14]Bloomberg!#REF!</definedName>
    <definedName name="BLPR17820040303143550577_2_2" hidden="1">[14]Bloomberg!#REF!</definedName>
    <definedName name="BLPR17920040303143550597" hidden="1">[14]Bloomberg!#REF!</definedName>
    <definedName name="BLPR17920040303143550597_1_2" hidden="1">[14]Bloomberg!#REF!</definedName>
    <definedName name="BLPR17920040303143550597_2_2" hidden="1">[14]Bloomberg!#REF!</definedName>
    <definedName name="BLPR18020040303143550617" hidden="1">[14]Bloomberg!#REF!</definedName>
    <definedName name="BLPR18020040303143550617_1_2" hidden="1">[14]Bloomberg!#REF!</definedName>
    <definedName name="BLPR18020040303143550617_2_2" hidden="1">[14]Bloomberg!#REF!</definedName>
    <definedName name="BLPR18120040303143550637" hidden="1">[14]Bloomberg!#REF!</definedName>
    <definedName name="BLPR18120040303143550637_1_2" hidden="1">[14]Bloomberg!#REF!</definedName>
    <definedName name="BLPR18120040303143550637_2_2" hidden="1">[14]Bloomberg!#REF!</definedName>
    <definedName name="BLPR1820040303143540823" hidden="1">[14]Bloomberg!#REF!</definedName>
    <definedName name="BLPR1820040303143540823_1_3" hidden="1">[14]Bloomberg!#REF!</definedName>
    <definedName name="BLPR1820040303143540823_2_3" hidden="1">[14]Bloomberg!#REF!</definedName>
    <definedName name="BLPR1820040303143540823_3_3" hidden="1">[14]Bloomberg!#REF!</definedName>
    <definedName name="BLPR18220040303143550657" hidden="1">[14]Bloomberg!#REF!</definedName>
    <definedName name="BLPR18220040303143550657_1_2" hidden="1">[14]Bloomberg!#REF!</definedName>
    <definedName name="BLPR18220040303143550657_2_2" hidden="1">[14]Bloomberg!#REF!</definedName>
    <definedName name="BLPR18320040303143550678" hidden="1">[14]Bloomberg!#REF!</definedName>
    <definedName name="BLPR18320040303143550678_1_2" hidden="1">[14]Bloomberg!#REF!</definedName>
    <definedName name="BLPR18320040303143550678_2_2" hidden="1">[14]Bloomberg!#REF!</definedName>
    <definedName name="BLPR18420040303143550698" hidden="1">[14]Bloomberg!#REF!</definedName>
    <definedName name="BLPR18420040303143550698_1_2" hidden="1">[14]Bloomberg!#REF!</definedName>
    <definedName name="BLPR18420040303143550698_2_2" hidden="1">[14]Bloomberg!#REF!</definedName>
    <definedName name="BLPR18520040303143550718" hidden="1">[14]Bloomberg!#REF!</definedName>
    <definedName name="BLPR18520040303143550718_1_2" hidden="1">[14]Bloomberg!#REF!</definedName>
    <definedName name="BLPR18520040303143550718_2_2" hidden="1">[14]Bloomberg!#REF!</definedName>
    <definedName name="BLPR18620040303143550738" hidden="1">[14]Bloomberg!#REF!</definedName>
    <definedName name="BLPR18620040303143550738_1_2" hidden="1">[14]Bloomberg!#REF!</definedName>
    <definedName name="BLPR18620040303143550738_2_2" hidden="1">[14]Bloomberg!#REF!</definedName>
    <definedName name="BLPR18720040303143550758" hidden="1">[14]Bloomberg!#REF!</definedName>
    <definedName name="BLPR18720040303143550758_1_2" hidden="1">[14]Bloomberg!#REF!</definedName>
    <definedName name="BLPR18720040303143550758_2_2" hidden="1">[14]Bloomberg!#REF!</definedName>
    <definedName name="BLPR18820040303143550778" hidden="1">[14]Bloomberg!#REF!</definedName>
    <definedName name="BLPR18820040303143550778_1_2" hidden="1">[14]Bloomberg!#REF!</definedName>
    <definedName name="BLPR18820040303143550778_2_2" hidden="1">[14]Bloomberg!#REF!</definedName>
    <definedName name="BLPR18920040303143550798" hidden="1">[14]Bloomberg!#REF!</definedName>
    <definedName name="BLPR18920040303143550798_1_2" hidden="1">[14]Bloomberg!#REF!</definedName>
    <definedName name="BLPR18920040303143550798_2_2" hidden="1">[14]Bloomberg!#REF!</definedName>
    <definedName name="BLPR19020040303143550818" hidden="1">[14]Bloomberg!#REF!</definedName>
    <definedName name="BLPR19020040303143550818_1_2" hidden="1">[14]Bloomberg!#REF!</definedName>
    <definedName name="BLPR19020040303143550818_2_2" hidden="1">[14]Bloomberg!#REF!</definedName>
    <definedName name="BLPR19120040303143550838" hidden="1">[14]Bloomberg!#REF!</definedName>
    <definedName name="BLPR19120040303143550838_1_2" hidden="1">[14]Bloomberg!#REF!</definedName>
    <definedName name="BLPR19120040303143550838_2_2" hidden="1">[14]Bloomberg!#REF!</definedName>
    <definedName name="BLPR1920040303143540823" hidden="1">[14]Bloomberg!#REF!</definedName>
    <definedName name="BLPR1920040303143540823_1_3" hidden="1">[14]Bloomberg!#REF!</definedName>
    <definedName name="BLPR1920040303143540823_2_3" hidden="1">[14]Bloomberg!#REF!</definedName>
    <definedName name="BLPR1920040303143540823_3_3" hidden="1">[14]Bloomberg!#REF!</definedName>
    <definedName name="BLPR19220040303143550858" hidden="1">[14]Bloomberg!#REF!</definedName>
    <definedName name="BLPR19220040303143550858_1_2" hidden="1">[14]Bloomberg!#REF!</definedName>
    <definedName name="BLPR19220040303143550858_2_2" hidden="1">[14]Bloomberg!#REF!</definedName>
    <definedName name="BLPR19320040303143550878" hidden="1">[14]Bloomberg!#REF!</definedName>
    <definedName name="BLPR19320040303143550878_1_2" hidden="1">[14]Bloomberg!#REF!</definedName>
    <definedName name="BLPR19320040303143550878_2_2" hidden="1">[14]Bloomberg!#REF!</definedName>
    <definedName name="BLPR19420040303143550898" hidden="1">[14]Bloomberg!#REF!</definedName>
    <definedName name="BLPR19420040303143550898_1_2" hidden="1">[14]Bloomberg!#REF!</definedName>
    <definedName name="BLPR19420040303143550898_2_2" hidden="1">[14]Bloomberg!#REF!</definedName>
    <definedName name="BLPR19520040303143550928" hidden="1">[14]Bloomberg!#REF!</definedName>
    <definedName name="BLPR19520040303143550928_1_2" hidden="1">[14]Bloomberg!#REF!</definedName>
    <definedName name="BLPR19520040303143550928_2_2" hidden="1">[14]Bloomberg!#REF!</definedName>
    <definedName name="BLPR19620040303143550948" hidden="1">[14]Bloomberg!#REF!</definedName>
    <definedName name="BLPR19620040303143550948_1_2" hidden="1">[14]Bloomberg!#REF!</definedName>
    <definedName name="BLPR19620040303143550948_2_2" hidden="1">[14]Bloomberg!#REF!</definedName>
    <definedName name="BLPR19720040303143550968" hidden="1">[14]Bloomberg!#REF!</definedName>
    <definedName name="BLPR19720040303143550968_1_2" hidden="1">[14]Bloomberg!#REF!</definedName>
    <definedName name="BLPR19720040303143550968_2_2" hidden="1">[14]Bloomberg!#REF!</definedName>
    <definedName name="BLPR19820040303143550988" hidden="1">[14]Bloomberg!#REF!</definedName>
    <definedName name="BLPR19820040303143550988_1_2" hidden="1">[14]Bloomberg!#REF!</definedName>
    <definedName name="BLPR19820040303143550988_2_2" hidden="1">[14]Bloomberg!#REF!</definedName>
    <definedName name="BLPR19920040303143551999" hidden="1">[14]Bloomberg!#REF!</definedName>
    <definedName name="BLPR19920040303143551999_1_1" hidden="1">[14]Bloomberg!#REF!</definedName>
    <definedName name="BLPR20020040303143551999" hidden="1">[14]Bloomberg!#REF!</definedName>
    <definedName name="BLPR20020040303143551999_1_1" hidden="1">[14]Bloomberg!#REF!</definedName>
    <definedName name="BLPR20120040303143551999" hidden="1">[14]Bloomberg!#REF!</definedName>
    <definedName name="BLPR20120040303143551999_1_1" hidden="1">[14]Bloomberg!#REF!</definedName>
    <definedName name="BLPR2020040303143540823" hidden="1">[14]Bloomberg!#REF!</definedName>
    <definedName name="BLPR2020040303143540823_1_3" hidden="1">[14]Bloomberg!#REF!</definedName>
    <definedName name="BLPR2020040303143540823_2_3" hidden="1">[14]Bloomberg!#REF!</definedName>
    <definedName name="BLPR2020040303143540823_3_3" hidden="1">[14]Bloomberg!#REF!</definedName>
    <definedName name="BLPR20220040303143551999" hidden="1">[14]Bloomberg!#REF!</definedName>
    <definedName name="BLPR20220040303143551999_1_1" hidden="1">[14]Bloomberg!#REF!</definedName>
    <definedName name="BLPR20320040303143552009" hidden="1">[14]Bloomberg!#REF!</definedName>
    <definedName name="BLPR20320040303143552009_1_1" hidden="1">[14]Bloomberg!#REF!</definedName>
    <definedName name="BLPR20420040303143552009" hidden="1">[14]Bloomberg!#REF!</definedName>
    <definedName name="BLPR20420040303143552009_1_1" hidden="1">[14]Bloomberg!#REF!</definedName>
    <definedName name="BLPR20520040303143552009" hidden="1">[14]Bloomberg!#REF!</definedName>
    <definedName name="BLPR20520040303143552009_1_1" hidden="1">[14]Bloomberg!#REF!</definedName>
    <definedName name="BLPR20620040303143552009" hidden="1">[14]Bloomberg!#REF!</definedName>
    <definedName name="BLPR20620040303143552009_1_1" hidden="1">[14]Bloomberg!#REF!</definedName>
    <definedName name="BLPR20720040303143552009" hidden="1">[14]Bloomberg!#REF!</definedName>
    <definedName name="BLPR20720040303143552009_1_1" hidden="1">[14]Bloomberg!#REF!</definedName>
    <definedName name="BLPR20820040303143552009" hidden="1">[14]Bloomberg!#REF!</definedName>
    <definedName name="BLPR20820040303143552009_1_1" hidden="1">[14]Bloomberg!#REF!</definedName>
    <definedName name="BLPR20920040303143552009" hidden="1">[14]Bloomberg!#REF!</definedName>
    <definedName name="BLPR20920040303143552009_1_1" hidden="1">[14]Bloomberg!#REF!</definedName>
    <definedName name="BLPR21020040303143552009" hidden="1">[14]Bloomberg!#REF!</definedName>
    <definedName name="BLPR21020040303143552009_1_1" hidden="1">[14]Bloomberg!#REF!</definedName>
    <definedName name="BLPR21120040303143552009" hidden="1">[14]Bloomberg!#REF!</definedName>
    <definedName name="BLPR21120040303143552009_1_1" hidden="1">[14]Bloomberg!#REF!</definedName>
    <definedName name="BLPR2120040303143540823" hidden="1">[14]Bloomberg!#REF!</definedName>
    <definedName name="BLPR2120040303143540823_1_3" hidden="1">[14]Bloomberg!#REF!</definedName>
    <definedName name="BLPR2120040303143540823_2_3" hidden="1">[14]Bloomberg!#REF!</definedName>
    <definedName name="BLPR2120040303143540823_3_3" hidden="1">[14]Bloomberg!#REF!</definedName>
    <definedName name="BLPR21220040303143552009" hidden="1">[14]Bloomberg!#REF!</definedName>
    <definedName name="BLPR21220040303143552009_1_1" hidden="1">[14]Bloomberg!#REF!</definedName>
    <definedName name="BLPR21320040303143552009" hidden="1">[14]Bloomberg!#REF!</definedName>
    <definedName name="BLPR21320040303143552009_1_1" hidden="1">[14]Bloomberg!#REF!</definedName>
    <definedName name="BLPR21420040303143552019" hidden="1">[14]Bloomberg!#REF!</definedName>
    <definedName name="BLPR21420040303143552019_1_1" hidden="1">[14]Bloomberg!#REF!</definedName>
    <definedName name="BLPR21520040303143552080" hidden="1">[14]Bloomberg!#REF!</definedName>
    <definedName name="BLPR21520040303143552080_1_2" hidden="1">[14]Bloomberg!#REF!</definedName>
    <definedName name="BLPR21520040303143552080_2_2" hidden="1">[14]Bloomberg!#REF!</definedName>
    <definedName name="BLPR21620040303143552110" hidden="1">[14]Bloomberg!#REF!</definedName>
    <definedName name="BLPR21620040303143552110_1_2" hidden="1">[14]Bloomberg!#REF!</definedName>
    <definedName name="BLPR21620040303143552110_2_2" hidden="1">[14]Bloomberg!#REF!</definedName>
    <definedName name="BLPR21720040303143552130" hidden="1">[14]Bloomberg!#REF!</definedName>
    <definedName name="BLPR21720040303143552130_1_2" hidden="1">[14]Bloomberg!#REF!</definedName>
    <definedName name="BLPR21720040303143552130_2_2" hidden="1">[14]Bloomberg!#REF!</definedName>
    <definedName name="BLPR21820040303143552160" hidden="1">[14]Bloomberg!#REF!</definedName>
    <definedName name="BLPR21820040303143552160_1_2" hidden="1">[14]Bloomberg!#REF!</definedName>
    <definedName name="BLPR21820040303143552160_2_2" hidden="1">[14]Bloomberg!#REF!</definedName>
    <definedName name="BLPR21920040303143552180" hidden="1">[14]Bloomberg!#REF!</definedName>
    <definedName name="BLPR21920040303143552180_1_2" hidden="1">[14]Bloomberg!#REF!</definedName>
    <definedName name="BLPR21920040303143552180_2_2" hidden="1">[14]Bloomberg!#REF!</definedName>
    <definedName name="BLPR220040303143540773" hidden="1">[14]Bloomberg!#REF!</definedName>
    <definedName name="BLPR220040303143540773_1_3" hidden="1">[14]Bloomberg!#REF!</definedName>
    <definedName name="BLPR220040303143540773_2_3" hidden="1">[14]Bloomberg!#REF!</definedName>
    <definedName name="BLPR220040303143540773_3_3" hidden="1">[14]Bloomberg!#REF!</definedName>
    <definedName name="BLPR22020040303143552210" hidden="1">[14]Bloomberg!#REF!</definedName>
    <definedName name="BLPR22020040303143552210_1_2" hidden="1">[14]Bloomberg!#REF!</definedName>
    <definedName name="BLPR22020040303143552210_2_2" hidden="1">[14]Bloomberg!#REF!</definedName>
    <definedName name="BLPR22120040303143552230" hidden="1">[14]Bloomberg!#REF!</definedName>
    <definedName name="BLPR22120040303143552230_1_2" hidden="1">[14]Bloomberg!#REF!</definedName>
    <definedName name="BLPR22120040303143552230_2_2" hidden="1">[14]Bloomberg!#REF!</definedName>
    <definedName name="BLPR2220040303143540833" hidden="1">[14]Bloomberg!#REF!</definedName>
    <definedName name="BLPR2220040303143540833_1_3" hidden="1">[14]Bloomberg!#REF!</definedName>
    <definedName name="BLPR2220040303143540833_2_3" hidden="1">[14]Bloomberg!#REF!</definedName>
    <definedName name="BLPR2220040303143540833_3_3" hidden="1">[14]Bloomberg!#REF!</definedName>
    <definedName name="BLPR22220040303143552260" hidden="1">[14]Bloomberg!#REF!</definedName>
    <definedName name="BLPR22220040303143552260_1_2" hidden="1">[14]Bloomberg!#REF!</definedName>
    <definedName name="BLPR22220040303143552260_2_2" hidden="1">[14]Bloomberg!#REF!</definedName>
    <definedName name="BLPR2320040303143540833" hidden="1">[14]Bloomberg!#REF!</definedName>
    <definedName name="BLPR2320040303143540833_1_3" hidden="1">[14]Bloomberg!#REF!</definedName>
    <definedName name="BLPR2320040303143540833_2_3" hidden="1">[14]Bloomberg!#REF!</definedName>
    <definedName name="BLPR2320040303143540833_3_3" hidden="1">[14]Bloomberg!#REF!</definedName>
    <definedName name="BLPR2420040303143540833" hidden="1">[14]Bloomberg!#REF!</definedName>
    <definedName name="BLPR2420040303143540833_1_3" hidden="1">[14]Bloomberg!#REF!</definedName>
    <definedName name="BLPR2420040303143540833_2_3" hidden="1">[14]Bloomberg!#REF!</definedName>
    <definedName name="BLPR2420040303143540833_3_3" hidden="1">[14]Bloomberg!#REF!</definedName>
    <definedName name="BLPR2520040303143540833" hidden="1">[14]Bloomberg!#REF!</definedName>
    <definedName name="BLPR2520040303143540833_1_3" hidden="1">[14]Bloomberg!#REF!</definedName>
    <definedName name="BLPR2520040303143540833_2_3" hidden="1">[14]Bloomberg!#REF!</definedName>
    <definedName name="BLPR2520040303143540833_3_3" hidden="1">[14]Bloomberg!#REF!</definedName>
    <definedName name="BLPR2620040303143540833" hidden="1">[14]Bloomberg!#REF!</definedName>
    <definedName name="BLPR2620040303143540833_1_3" hidden="1">[14]Bloomberg!#REF!</definedName>
    <definedName name="BLPR2620040303143540833_2_3" hidden="1">[14]Bloomberg!#REF!</definedName>
    <definedName name="BLPR2620040303143540833_3_3" hidden="1">[14]Bloomberg!#REF!</definedName>
    <definedName name="BLPR2720040303143540843" hidden="1">[14]Bloomberg!#REF!</definedName>
    <definedName name="BLPR2720040303143540843_1_3" hidden="1">[14]Bloomberg!#REF!</definedName>
    <definedName name="BLPR2720040303143540843_2_3" hidden="1">[14]Bloomberg!#REF!</definedName>
    <definedName name="BLPR2720040303143540843_3_3" hidden="1">[14]Bloomberg!#REF!</definedName>
    <definedName name="BLPR2820040303143540843" hidden="1">[14]Bloomberg!#REF!</definedName>
    <definedName name="BLPR2820040303143540843_1_3" hidden="1">[14]Bloomberg!#REF!</definedName>
    <definedName name="BLPR2820040303143540843_2_3" hidden="1">[14]Bloomberg!#REF!</definedName>
    <definedName name="BLPR2820040303143540843_3_3" hidden="1">[14]Bloomberg!#REF!</definedName>
    <definedName name="BLPR2920040303143540843" hidden="1">[14]Bloomberg!#REF!</definedName>
    <definedName name="BLPR2920040303143540843_1_3" hidden="1">[14]Bloomberg!#REF!</definedName>
    <definedName name="BLPR2920040303143540843_2_3" hidden="1">[14]Bloomberg!#REF!</definedName>
    <definedName name="BLPR2920040303143540843_3_3" hidden="1">[14]Bloomberg!#REF!</definedName>
    <definedName name="BLPR3020040303143540843" hidden="1">[14]Bloomberg!#REF!</definedName>
    <definedName name="BLPR3020040303143540843_1_3" hidden="1">[14]Bloomberg!#REF!</definedName>
    <definedName name="BLPR3020040303143540843_2_3" hidden="1">[14]Bloomberg!#REF!</definedName>
    <definedName name="BLPR3020040303143540843_3_3" hidden="1">[14]Bloomberg!#REF!</definedName>
    <definedName name="BLPR3120040303143540853" hidden="1">[14]Bloomberg!#REF!</definedName>
    <definedName name="BLPR3120040303143540853_1_3" hidden="1">[14]Bloomberg!#REF!</definedName>
    <definedName name="BLPR3120040303143540853_2_3" hidden="1">[14]Bloomberg!#REF!</definedName>
    <definedName name="BLPR3120040303143540853_3_3" hidden="1">[14]Bloomberg!#REF!</definedName>
    <definedName name="BLPR320040303143540773" hidden="1">[14]Bloomberg!#REF!</definedName>
    <definedName name="BLPR320040303143540773_1_3" hidden="1">[14]Bloomberg!#REF!</definedName>
    <definedName name="BLPR320040303143540773_2_3" hidden="1">[14]Bloomberg!#REF!</definedName>
    <definedName name="BLPR320040303143540773_3_3" hidden="1">[14]Bloomberg!#REF!</definedName>
    <definedName name="BLPR3220040303143540853" hidden="1">[14]Bloomberg!#REF!</definedName>
    <definedName name="BLPR3220040303143540853_1_3" hidden="1">[14]Bloomberg!#REF!</definedName>
    <definedName name="BLPR3220040303143540853_2_3" hidden="1">[14]Bloomberg!#REF!</definedName>
    <definedName name="BLPR3220040303143540853_3_3" hidden="1">[14]Bloomberg!#REF!</definedName>
    <definedName name="BLPR3320040303143540853" hidden="1">[14]Bloomberg!#REF!</definedName>
    <definedName name="BLPR3320040303143540853_1_3" hidden="1">[14]Bloomberg!#REF!</definedName>
    <definedName name="BLPR3320040303143540853_2_3" hidden="1">[14]Bloomberg!#REF!</definedName>
    <definedName name="BLPR3320040303143540853_3_3" hidden="1">[14]Bloomberg!#REF!</definedName>
    <definedName name="BLPR3420040303143540853" hidden="1">[14]Bloomberg!#REF!</definedName>
    <definedName name="BLPR3420040303143540853_1_3" hidden="1">[14]Bloomberg!#REF!</definedName>
    <definedName name="BLPR3420040303143540853_2_3" hidden="1">[14]Bloomberg!#REF!</definedName>
    <definedName name="BLPR3420040303143540853_3_3" hidden="1">[14]Bloomberg!#REF!</definedName>
    <definedName name="BLPR3520040303143540853" hidden="1">[14]Bloomberg!#REF!</definedName>
    <definedName name="BLPR3520040303143540853_1_3" hidden="1">[14]Bloomberg!#REF!</definedName>
    <definedName name="BLPR3520040303143540853_2_3" hidden="1">[14]Bloomberg!#REF!</definedName>
    <definedName name="BLPR3520040303143540853_3_3" hidden="1">[14]Bloomberg!#REF!</definedName>
    <definedName name="BLPR3620040303143540863" hidden="1">[14]Bloomberg!#REF!</definedName>
    <definedName name="BLPR3620040303143540863_1_3" hidden="1">[14]Bloomberg!#REF!</definedName>
    <definedName name="BLPR3620040303143540863_2_3" hidden="1">[14]Bloomberg!#REF!</definedName>
    <definedName name="BLPR3620040303143540863_3_3" hidden="1">[14]Bloomberg!#REF!</definedName>
    <definedName name="BLPR3720040303143540863" hidden="1">[14]Bloomberg!#REF!</definedName>
    <definedName name="BLPR3720040303143540863_1_3" hidden="1">[14]Bloomberg!#REF!</definedName>
    <definedName name="BLPR3720040303143540863_2_3" hidden="1">[14]Bloomberg!#REF!</definedName>
    <definedName name="BLPR3720040303143540863_3_3" hidden="1">[14]Bloomberg!#REF!</definedName>
    <definedName name="BLPR3820040303143540863" hidden="1">[14]Bloomberg!#REF!</definedName>
    <definedName name="BLPR3820040303143540863_1_3" hidden="1">[14]Bloomberg!#REF!</definedName>
    <definedName name="BLPR3820040303143540863_2_3" hidden="1">[14]Bloomberg!#REF!</definedName>
    <definedName name="BLPR3820040303143540863_3_3" hidden="1">[14]Bloomberg!#REF!</definedName>
    <definedName name="BLPR3920040303143540863" hidden="1">[14]Bloomberg!#REF!</definedName>
    <definedName name="BLPR3920040303143540863_1_3" hidden="1">[14]Bloomberg!#REF!</definedName>
    <definedName name="BLPR3920040303143540863_2_3" hidden="1">[14]Bloomberg!#REF!</definedName>
    <definedName name="BLPR3920040303143540863_3_3" hidden="1">[14]Bloomberg!#REF!</definedName>
    <definedName name="BLPR4020040303143540873" hidden="1">[14]Bloomberg!#REF!</definedName>
    <definedName name="BLPR4020040303143540873_1_3" hidden="1">[14]Bloomberg!#REF!</definedName>
    <definedName name="BLPR4020040303143540873_2_3" hidden="1">[14]Bloomberg!#REF!</definedName>
    <definedName name="BLPR4020040303143540873_3_3" hidden="1">[14]Bloomberg!#REF!</definedName>
    <definedName name="BLPR4120040303143540873" hidden="1">[14]Bloomberg!#REF!</definedName>
    <definedName name="BLPR4120040303143540873_1_3" hidden="1">[14]Bloomberg!#REF!</definedName>
    <definedName name="BLPR4120040303143540873_2_3" hidden="1">[14]Bloomberg!#REF!</definedName>
    <definedName name="BLPR4120040303143540873_3_3" hidden="1">[14]Bloomberg!#REF!</definedName>
    <definedName name="BLPR420040303143540783" hidden="1">[14]Bloomberg!#REF!</definedName>
    <definedName name="BLPR420040303143540783_1_3" hidden="1">[14]Bloomberg!#REF!</definedName>
    <definedName name="BLPR420040303143540783_2_3" hidden="1">[14]Bloomberg!#REF!</definedName>
    <definedName name="BLPR420040303143540783_3_3" hidden="1">[14]Bloomberg!#REF!</definedName>
    <definedName name="BLPR4220040303143540873" hidden="1">[14]Bloomberg!#REF!</definedName>
    <definedName name="BLPR4220040303143540873_1_3" hidden="1">[14]Bloomberg!#REF!</definedName>
    <definedName name="BLPR4220040303143540873_2_3" hidden="1">[14]Bloomberg!#REF!</definedName>
    <definedName name="BLPR4220040303143540873_3_3" hidden="1">[14]Bloomberg!#REF!</definedName>
    <definedName name="BLPR4320040303143540873" hidden="1">[14]Bloomberg!#REF!</definedName>
    <definedName name="BLPR4320040303143540873_1_3" hidden="1">[14]Bloomberg!#REF!</definedName>
    <definedName name="BLPR4320040303143540873_2_3" hidden="1">[14]Bloomberg!#REF!</definedName>
    <definedName name="BLPR4320040303143540873_3_3" hidden="1">[14]Bloomberg!#REF!</definedName>
    <definedName name="BLPR4420040303143540883" hidden="1">[14]Bloomberg!#REF!</definedName>
    <definedName name="BLPR4420040303143540883_1_3" hidden="1">[14]Bloomberg!#REF!</definedName>
    <definedName name="BLPR4420040303143540883_2_3" hidden="1">[14]Bloomberg!#REF!</definedName>
    <definedName name="BLPR4420040303143540883_3_3" hidden="1">[14]Bloomberg!#REF!</definedName>
    <definedName name="BLPR4520040303143540883" hidden="1">[14]Bloomberg!#REF!</definedName>
    <definedName name="BLPR4520040303143540883_1_3" hidden="1">[14]Bloomberg!#REF!</definedName>
    <definedName name="BLPR4520040303143540883_2_3" hidden="1">[14]Bloomberg!#REF!</definedName>
    <definedName name="BLPR4520040303143540883_3_3" hidden="1">[14]Bloomberg!#REF!</definedName>
    <definedName name="BLPR4620040303143540883" hidden="1">[14]Bloomberg!#REF!</definedName>
    <definedName name="BLPR4620040303143540883_1_3" hidden="1">[14]Bloomberg!#REF!</definedName>
    <definedName name="BLPR4620040303143540883_2_3" hidden="1">[14]Bloomberg!#REF!</definedName>
    <definedName name="BLPR4620040303143540883_3_3" hidden="1">[14]Bloomberg!#REF!</definedName>
    <definedName name="BLPR4720040303143540893" hidden="1">[14]Bloomberg!#REF!</definedName>
    <definedName name="BLPR4720040303143540893_1_3" hidden="1">[14]Bloomberg!#REF!</definedName>
    <definedName name="BLPR4720040303143540893_2_3" hidden="1">[14]Bloomberg!#REF!</definedName>
    <definedName name="BLPR4720040303143540893_3_3" hidden="1">[14]Bloomberg!#REF!</definedName>
    <definedName name="BLPR4820040303143540893" hidden="1">[14]Bloomberg!#REF!</definedName>
    <definedName name="BLPR4820040303143540893_1_3" hidden="1">[14]Bloomberg!#REF!</definedName>
    <definedName name="BLPR4820040303143540893_2_3" hidden="1">[14]Bloomberg!#REF!</definedName>
    <definedName name="BLPR4820040303143540893_3_3" hidden="1">[14]Bloomberg!#REF!</definedName>
    <definedName name="BLPR4920040303143542085" hidden="1">[14]Bloomberg!#REF!</definedName>
    <definedName name="BLPR4920040303143542085_1_3" hidden="1">[14]Bloomberg!#REF!</definedName>
    <definedName name="BLPR4920040303143542085_2_3" hidden="1">[14]Bloomberg!#REF!</definedName>
    <definedName name="BLPR4920040303143542085_3_3" hidden="1">[14]Bloomberg!#REF!</definedName>
    <definedName name="BLPR5020040303143542085" hidden="1">[14]Bloomberg!#REF!</definedName>
    <definedName name="BLPR5020040303143542085_1_3" hidden="1">[14]Bloomberg!#REF!</definedName>
    <definedName name="BLPR5020040303143542085_2_3" hidden="1">[14]Bloomberg!#REF!</definedName>
    <definedName name="BLPR5020040303143542085_3_3" hidden="1">[14]Bloomberg!#REF!</definedName>
    <definedName name="BLPR5120040303143542095" hidden="1">[14]Bloomberg!#REF!</definedName>
    <definedName name="BLPR5120040303143542095_1_3" hidden="1">[14]Bloomberg!#REF!</definedName>
    <definedName name="BLPR5120040303143542095_2_3" hidden="1">[14]Bloomberg!#REF!</definedName>
    <definedName name="BLPR5120040303143542095_3_3" hidden="1">[14]Bloomberg!#REF!</definedName>
    <definedName name="BLPR520040303143540783" hidden="1">[14]Bloomberg!#REF!</definedName>
    <definedName name="BLPR520040303143540783_1_3" hidden="1">[14]Bloomberg!#REF!</definedName>
    <definedName name="BLPR520040303143540783_2_3" hidden="1">[14]Bloomberg!#REF!</definedName>
    <definedName name="BLPR520040303143540783_3_3" hidden="1">[14]Bloomberg!#REF!</definedName>
    <definedName name="BLPR5220040303143542095" hidden="1">[14]Bloomberg!#REF!</definedName>
    <definedName name="BLPR5220040303143542095_1_3" hidden="1">[14]Bloomberg!#REF!</definedName>
    <definedName name="BLPR5220040303143542095_2_3" hidden="1">[14]Bloomberg!#REF!</definedName>
    <definedName name="BLPR5220040303143542095_3_3" hidden="1">[14]Bloomberg!#REF!</definedName>
    <definedName name="BLPR5320040303143542095" hidden="1">[14]Bloomberg!#REF!</definedName>
    <definedName name="BLPR5320040303143542095_1_3" hidden="1">[14]Bloomberg!#REF!</definedName>
    <definedName name="BLPR5320040303143542095_2_3" hidden="1">[14]Bloomberg!#REF!</definedName>
    <definedName name="BLPR5320040303143542095_3_3" hidden="1">[14]Bloomberg!#REF!</definedName>
    <definedName name="BLPR5420040303143542095" hidden="1">[14]Bloomberg!#REF!</definedName>
    <definedName name="BLPR5420040303143542095_1_3" hidden="1">[14]Bloomberg!#REF!</definedName>
    <definedName name="BLPR5420040303143542095_2_3" hidden="1">[14]Bloomberg!#REF!</definedName>
    <definedName name="BLPR5420040303143542095_3_3" hidden="1">[14]Bloomberg!#REF!</definedName>
    <definedName name="BLPR5520040303143542095" hidden="1">[14]Bloomberg!#REF!</definedName>
    <definedName name="BLPR5520040303143542095_1_3" hidden="1">[14]Bloomberg!#REF!</definedName>
    <definedName name="BLPR5520040303143542095_2_3" hidden="1">[14]Bloomberg!#REF!</definedName>
    <definedName name="BLPR5520040303143542095_3_3" hidden="1">[14]Bloomberg!#REF!</definedName>
    <definedName name="BLPR5620040303143542105" hidden="1">[14]Bloomberg!#REF!</definedName>
    <definedName name="BLPR5620040303143542105_1_3" hidden="1">[14]Bloomberg!#REF!</definedName>
    <definedName name="BLPR5620040303143542105_2_3" hidden="1">[14]Bloomberg!#REF!</definedName>
    <definedName name="BLPR5620040303143542105_3_3" hidden="1">[14]Bloomberg!#REF!</definedName>
    <definedName name="BLPR5720040303143542105" hidden="1">[14]Bloomberg!#REF!</definedName>
    <definedName name="BLPR5720040303143542105_1_3" hidden="1">[14]Bloomberg!#REF!</definedName>
    <definedName name="BLPR5720040303143542105_2_3" hidden="1">[14]Bloomberg!#REF!</definedName>
    <definedName name="BLPR5720040303143542105_3_3" hidden="1">[14]Bloomberg!#REF!</definedName>
    <definedName name="BLPR5820040303143548064" hidden="1">[14]Bloomberg!#REF!</definedName>
    <definedName name="BLPR5820040303143548064_1_1" hidden="1">[14]Bloomberg!#REF!</definedName>
    <definedName name="BLPR5920040303143548074" hidden="1">[14]Bloomberg!#REF!</definedName>
    <definedName name="BLPR5920040303143548074_1_1" hidden="1">[14]Bloomberg!#REF!</definedName>
    <definedName name="BLPR6020040303143548074" hidden="1">[14]Bloomberg!#REF!</definedName>
    <definedName name="BLPR6020040303143548074_1_1" hidden="1">[14]Bloomberg!#REF!</definedName>
    <definedName name="BLPR6120040303143548074" hidden="1">[14]Bloomberg!#REF!</definedName>
    <definedName name="BLPR6120040303143548074_1_1" hidden="1">[14]Bloomberg!#REF!</definedName>
    <definedName name="BLPR620040303143540783" hidden="1">[14]Bloomberg!#REF!</definedName>
    <definedName name="BLPR620040303143540783_1_3" hidden="1">[14]Bloomberg!#REF!</definedName>
    <definedName name="BLPR620040303143540783_2_3" hidden="1">[14]Bloomberg!#REF!</definedName>
    <definedName name="BLPR620040303143540783_3_3" hidden="1">[14]Bloomberg!#REF!</definedName>
    <definedName name="BLPR6220040303143548074" hidden="1">[14]Bloomberg!#REF!</definedName>
    <definedName name="BLPR6220040303143548074_1_1" hidden="1">[14]Bloomberg!#REF!</definedName>
    <definedName name="BLPR6320040303143548074" hidden="1">[14]Bloomberg!#REF!</definedName>
    <definedName name="BLPR6320040303143548074_1_1" hidden="1">[14]Bloomberg!#REF!</definedName>
    <definedName name="BLPR6420040303143548104" hidden="1">[14]Bloomberg!#REF!</definedName>
    <definedName name="BLPR6420040303143548104_1_2" hidden="1">[14]Bloomberg!#REF!</definedName>
    <definedName name="BLPR6420040303143548104_2_2" hidden="1">[14]Bloomberg!#REF!</definedName>
    <definedName name="BLPR6520040303143548114" hidden="1">[14]Bloomberg!#REF!</definedName>
    <definedName name="BLPR6520040303143548114_1_2" hidden="1">[14]Bloomberg!#REF!</definedName>
    <definedName name="BLPR6520040303143548114_2_2" hidden="1">[14]Bloomberg!#REF!</definedName>
    <definedName name="BLPR6620040303143548134" hidden="1">[14]Bloomberg!#REF!</definedName>
    <definedName name="BLPR6620040303143548134_1_2" hidden="1">[14]Bloomberg!#REF!</definedName>
    <definedName name="BLPR6620040303143548134_2_2" hidden="1">[14]Bloomberg!#REF!</definedName>
    <definedName name="BLPR6720040303143549966" hidden="1">[14]Bloomberg!#REF!</definedName>
    <definedName name="BLPR6720040303143549966_1_1" hidden="1">[14]Bloomberg!#REF!</definedName>
    <definedName name="BLPR6820040303143549966" hidden="1">[14]Bloomberg!#REF!</definedName>
    <definedName name="BLPR6820040303143549966_1_1" hidden="1">[14]Bloomberg!#REF!</definedName>
    <definedName name="BLPR6920040303143549966" hidden="1">[14]Bloomberg!#REF!</definedName>
    <definedName name="BLPR6920040303143549966_1_1" hidden="1">[14]Bloomberg!#REF!</definedName>
    <definedName name="BLPR7020040303143549966" hidden="1">[14]Bloomberg!#REF!</definedName>
    <definedName name="BLPR7020040303143549966_1_1" hidden="1">[14]Bloomberg!#REF!</definedName>
    <definedName name="BLPR7120040303143549966" hidden="1">[14]Bloomberg!#REF!</definedName>
    <definedName name="BLPR7120040303143549966_1_1" hidden="1">[14]Bloomberg!#REF!</definedName>
    <definedName name="BLPR720040303143540783" hidden="1">[14]Bloomberg!#REF!</definedName>
    <definedName name="BLPR720040303143540783_1_3" hidden="1">[14]Bloomberg!#REF!</definedName>
    <definedName name="BLPR720040303143540783_2_3" hidden="1">[14]Bloomberg!#REF!</definedName>
    <definedName name="BLPR720040303143540783_3_3" hidden="1">[14]Bloomberg!#REF!</definedName>
    <definedName name="BLPR7220040303143549966" hidden="1">[14]Bloomberg!#REF!</definedName>
    <definedName name="BLPR7220040303143549966_1_1" hidden="1">[14]Bloomberg!#REF!</definedName>
    <definedName name="BLPR7320040303143549976" hidden="1">[14]Bloomberg!#REF!</definedName>
    <definedName name="BLPR7320040303143549976_1_1" hidden="1">[14]Bloomberg!#REF!</definedName>
    <definedName name="BLPR7420040303143549976" hidden="1">[14]Bloomberg!#REF!</definedName>
    <definedName name="BLPR7420040303143549976_1_1" hidden="1">[14]Bloomberg!#REF!</definedName>
    <definedName name="BLPR7520040303143549976" hidden="1">[14]Bloomberg!#REF!</definedName>
    <definedName name="BLPR7520040303143549976_1_1" hidden="1">[14]Bloomberg!#REF!</definedName>
    <definedName name="BLPR7620040303143549976" hidden="1">[14]Bloomberg!#REF!</definedName>
    <definedName name="BLPR7620040303143549976_1_1" hidden="1">[14]Bloomberg!#REF!</definedName>
    <definedName name="BLPR7720040303143549976" hidden="1">[14]Bloomberg!#REF!</definedName>
    <definedName name="BLPR7720040303143549976_1_1" hidden="1">[14]Bloomberg!#REF!</definedName>
    <definedName name="BLPR7820040303143549976" hidden="1">[14]Bloomberg!#REF!</definedName>
    <definedName name="BLPR7820040303143549976_1_1" hidden="1">[14]Bloomberg!#REF!</definedName>
    <definedName name="BLPR7920040303143549987" hidden="1">[14]Bloomberg!#REF!</definedName>
    <definedName name="BLPR7920040303143549987_1_1" hidden="1">[14]Bloomberg!#REF!</definedName>
    <definedName name="BLPR8020040303143549987" hidden="1">[14]Bloomberg!#REF!</definedName>
    <definedName name="BLPR8020040303143549987_1_1" hidden="1">[14]Bloomberg!#REF!</definedName>
    <definedName name="BLPR8120040303143549987" hidden="1">[14]Bloomberg!#REF!</definedName>
    <definedName name="BLPR8120040303143549987_1_1" hidden="1">[14]Bloomberg!#REF!</definedName>
    <definedName name="BLPR820040303143540793" hidden="1">[14]Bloomberg!#REF!</definedName>
    <definedName name="BLPR820040303143540793_1_3" hidden="1">[14]Bloomberg!#REF!</definedName>
    <definedName name="BLPR820040303143540793_2_3" hidden="1">[14]Bloomberg!#REF!</definedName>
    <definedName name="BLPR820040303143540793_3_3" hidden="1">[14]Bloomberg!#REF!</definedName>
    <definedName name="BLPR8220040303143549987" hidden="1">[14]Bloomberg!#REF!</definedName>
    <definedName name="BLPR8220040303143549987_1_1" hidden="1">[14]Bloomberg!#REF!</definedName>
    <definedName name="BLPR8320040303143549987" hidden="1">[14]Bloomberg!#REF!</definedName>
    <definedName name="BLPR8320040303143549987_1_1" hidden="1">[14]Bloomberg!#REF!</definedName>
    <definedName name="BLPR8420040303143549987" hidden="1">[14]Bloomberg!#REF!</definedName>
    <definedName name="BLPR8420040303143549987_1_1" hidden="1">[14]Bloomberg!#REF!</definedName>
    <definedName name="BLPR8520040303143549987" hidden="1">[14]Bloomberg!#REF!</definedName>
    <definedName name="BLPR8520040303143549987_1_1" hidden="1">[14]Bloomberg!#REF!</definedName>
    <definedName name="BLPR8620040303143549997" hidden="1">[14]Bloomberg!#REF!</definedName>
    <definedName name="BLPR8620040303143549997_1_1" hidden="1">[14]Bloomberg!#REF!</definedName>
    <definedName name="BLPR8720040303143549997" hidden="1">[14]Bloomberg!#REF!</definedName>
    <definedName name="BLPR8720040303143549997_1_1" hidden="1">[14]Bloomberg!#REF!</definedName>
    <definedName name="BLPR8820040303143549997" hidden="1">[14]Bloomberg!#REF!</definedName>
    <definedName name="BLPR8820040303143549997_1_1" hidden="1">[14]Bloomberg!#REF!</definedName>
    <definedName name="BLPR8920040303143549997" hidden="1">[14]Bloomberg!#REF!</definedName>
    <definedName name="BLPR8920040303143549997_1_1" hidden="1">[14]Bloomberg!#REF!</definedName>
    <definedName name="BLPR9020040303143549997" hidden="1">[14]Bloomberg!#REF!</definedName>
    <definedName name="BLPR9020040303143549997_1_1" hidden="1">[14]Bloomberg!#REF!</definedName>
    <definedName name="BLPR9120040303143549997" hidden="1">[14]Bloomberg!#REF!</definedName>
    <definedName name="BLPR9120040303143549997_1_1" hidden="1">[14]Bloomberg!#REF!</definedName>
    <definedName name="BLPR920040303143540803" hidden="1">[14]Bloomberg!#REF!</definedName>
    <definedName name="BLPR920040303143540803_1_3" hidden="1">[14]Bloomberg!#REF!</definedName>
    <definedName name="BLPR920040303143540803_2_3" hidden="1">[14]Bloomberg!#REF!</definedName>
    <definedName name="BLPR920040303143540803_3_3" hidden="1">[14]Bloomberg!#REF!</definedName>
    <definedName name="BLPR9220040303143550007" hidden="1">[14]Bloomberg!#REF!</definedName>
    <definedName name="BLPR9220040303143550007_1_1" hidden="1">[14]Bloomberg!#REF!</definedName>
    <definedName name="BLPR9320040303143550007" hidden="1">[14]Bloomberg!#REF!</definedName>
    <definedName name="BLPR9320040303143550007_1_1" hidden="1">[14]Bloomberg!#REF!</definedName>
    <definedName name="BLPR9420040303143550007" hidden="1">[14]Bloomberg!#REF!</definedName>
    <definedName name="BLPR9420040303143550007_1_1" hidden="1">[14]Bloomberg!#REF!</definedName>
    <definedName name="BLPR9520040303143550007" hidden="1">[14]Bloomberg!#REF!</definedName>
    <definedName name="BLPR9520040303143550007_1_1" hidden="1">[14]Bloomberg!#REF!</definedName>
    <definedName name="BLPR9620040303143550007" hidden="1">[14]Bloomberg!#REF!</definedName>
    <definedName name="BLPR9620040303143550007_1_1" hidden="1">[14]Bloomberg!#REF!</definedName>
    <definedName name="BLPR9720040303143550007" hidden="1">[14]Bloomberg!#REF!</definedName>
    <definedName name="BLPR9720040303143550007_1_1" hidden="1">[14]Bloomberg!#REF!</definedName>
    <definedName name="BLPR9820040303143550017" hidden="1">[14]Bloomberg!#REF!</definedName>
    <definedName name="BLPR9820040303143550017_1_1" hidden="1">[14]Bloomberg!#REF!</definedName>
    <definedName name="BLPR9920040303143550017" hidden="1">[14]Bloomberg!#REF!</definedName>
    <definedName name="BLPR9920040303143550017_1_1" hidden="1">[14]Bloomberg!#REF!</definedName>
    <definedName name="bosta" hidden="1">{#N/A,#N/A,FALSE,"LLAVE";#N/A,#N/A,FALSE,"EERR";#N/A,#N/A,FALSE,"ESP";#N/A,#N/A,FALSE,"EOAF";#N/A,#N/A,FALSE,"CASH";#N/A,#N/A,FALSE,"FINANZAS";#N/A,#N/A,FALSE,"DEUDA";#N/A,#N/A,FALSE,"INVERSION";#N/A,#N/A,FALSE,"PERSONAL"}</definedName>
    <definedName name="bqbfq" hidden="1">{"fdsup://directions/FAT Viewer?action=UPDATE&amp;creator=factset&amp;DYN_ARGS=TRUE&amp;DOC_NAME=FAT:FQL_AUDITING_CLIENT_TEMPLATE.FAT&amp;display_string=Audit&amp;VAR:KEY=QNEJKDCTIB&amp;VAR:QUERY=UkdGX1RBWF9SQVRFKEFOTiwwLCwsLCwsTk9BVURJVCk=&amp;WINDOW=FIRST_POPUP&amp;HEIGHT=450&amp;WIDTH=450&amp;","START_MAXIMIZED=FALSE&amp;VAR:CALENDAR=US&amp;VAR:SYMBOL=IT&amp;VAR:INDEX=0"}</definedName>
    <definedName name="bruno" hidden="1">{"SCH52",#N/A,FALSE,"sch52"}</definedName>
    <definedName name="busiz" hidden="1">{#N/A,#N/A,FALSE,"Eastern";#N/A,#N/A,FALSE,"Western"}</definedName>
    <definedName name="busiz_1" hidden="1">{#N/A,#N/A,FALSE,"Eastern";#N/A,#N/A,FALSE,"Western"}</definedName>
    <definedName name="busiz_2" hidden="1">{#N/A,#N/A,FALSE,"Eastern";#N/A,#N/A,FALSE,"Western"}</definedName>
    <definedName name="busiz_3" hidden="1">{#N/A,#N/A,FALSE,"Eastern";#N/A,#N/A,FALSE,"Western"}</definedName>
    <definedName name="busiz_4" hidden="1">{#N/A,#N/A,FALSE,"Eastern";#N/A,#N/A,FALSE,"Western"}</definedName>
    <definedName name="busiz_5" hidden="1">{#N/A,#N/A,FALSE,"Eastern";#N/A,#N/A,FALSE,"Western"}</definedName>
    <definedName name="bx" hidden="1">{#N/A,#N/A,FALSE,"LLAVE";#N/A,#N/A,FALSE,"EERR";#N/A,#N/A,FALSE,"ESP";#N/A,#N/A,FALSE,"EOAF";#N/A,#N/A,FALSE,"CASH";#N/A,#N/A,FALSE,"FINANZAS";#N/A,#N/A,FALSE,"DEUDA";#N/A,#N/A,FALSE,"INVERSION";#N/A,#N/A,FALSE,"PERSONAL"}</definedName>
    <definedName name="ç" hidden="1">{#N/A,#N/A,FALSE,"LLAVE";#N/A,#N/A,FALSE,"EERR";#N/A,#N/A,FALSE,"ESP";#N/A,#N/A,FALSE,"EOAF";#N/A,#N/A,FALSE,"CASH";#N/A,#N/A,FALSE,"FINANZAS";#N/A,#N/A,FALSE,"DEUDA";#N/A,#N/A,FALSE,"INVERSION";#N/A,#N/A,FALSE,"PERSONAL"}</definedName>
    <definedName name="Cambio">[15]DRE!$D$2</definedName>
    <definedName name="CBWorkbookPriority" hidden="1">-1184384521</definedName>
    <definedName name="ccc" hidden="1">{"CaixaCons",#N/A,FALSE,"Caixa - Consolidado";"CaixaCim",#N/A,FALSE,"Caixa - Cimento";"CaixaCal",#N/A,FALSE,"Caixa - Cal e Outros";"CaixaVC",#N/A,FALSE,"Caixa - VC"}</definedName>
    <definedName name="CCCC"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CCCCC" hidden="1">{"EconCons",#N/A,TRUE,"Econômico - Consolidado";"EconCim",#N/A,TRUE,"Econômico - Cimento";"EconCal",#N/A,TRUE,"Econômico - Cal e Outros";"CaixaCons",#N/A,TRUE,"Caixa - Consolidado";"CaixaCim",#N/A,TRUE,"Caixa - Cimento";"CaixaCal",#N/A,TRUE,"Caixa - Cal e Outros";"InvestCons",#N/A,TRUE,"Invest Consolidado"}</definedName>
    <definedName name="ccwe" hidden="1">'[16]Equity set 04'!$F$12</definedName>
    <definedName name="cdsc" hidden="1">{#N/A,#N/A,FALSE,"FFCXOUT3"}</definedName>
    <definedName name="cdscs" hidden="1">[16]Lead!$G$1:$G$65536</definedName>
    <definedName name="cdscsdc" hidden="1">[16]Lead!#REF!</definedName>
    <definedName name="cdwcklk" hidden="1">[16]XREF!$A$2:$IV$2</definedName>
    <definedName name="cdx" hidden="1">{#N/A,#N/A,FALSE,"LLAVE";#N/A,#N/A,FALSE,"EERR";#N/A,#N/A,FALSE,"ESP";#N/A,#N/A,FALSE,"EOAF";#N/A,#N/A,FALSE,"CASH";#N/A,#N/A,FALSE,"FINANZAS";#N/A,#N/A,FALSE,"DEUDA";#N/A,#N/A,FALSE,"INVERSION";#N/A,#N/A,FALSE,"PERSONAL"}</definedName>
    <definedName name="chjy"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hjy_1"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hjy_2"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hjy_3"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hjy_4"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hjy_5"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CiaParanaense" hidden="1">{#N/A,#N/A,FALSE,"1321";#N/A,#N/A,FALSE,"1324";#N/A,#N/A,FALSE,"1333";#N/A,#N/A,FALSE,"1371"}</definedName>
    <definedName name="CIM" hidden="1">{"EconCons",#N/A,TRUE,"Econômico - Consolidado";"EconCim",#N/A,TRUE,"Econômico - Cimento";"EconCal",#N/A,TRUE,"Econômico - Cal e Outros";"CaixaCons",#N/A,TRUE,"Caixa - Consolidado";"CaixaCim",#N/A,TRUE,"Caixa - Cimento";"CaixaCal",#N/A,TRUE,"Caixa - Cal e Outros";"InvestCons",#N/A,TRUE,"Invest Consolidado"}</definedName>
    <definedName name="CIMESA" hidden="1">{"Econ Consolidado",#N/A,FALSE,"Econ Consol";"Fluxo de Caixa",#N/A,FALSE,"Fluxo Caixa";"Investimentos",#N/A,FALSE,"Investimentos"}</definedName>
    <definedName name="CIQWBGuid" hidden="1">"5735515a-cfbe-4892-8935-deb7f2a6bfa8"</definedName>
    <definedName name="claudia" hidden="1">{#N/A,#N/A,FALSE,"ENERGIA";#N/A,#N/A,FALSE,"PERDIDAS";#N/A,#N/A,FALSE,"CLIENTES";#N/A,#N/A,FALSE,"ESTADO";#N/A,#N/A,FALSE,"TECNICA"}</definedName>
    <definedName name="CMAG" hidden="1">{"Econ Consolidado",#N/A,FALSE,"Econ Consol";"Fluxo de Caixa",#N/A,FALSE,"Fluxo Caixa";"Investimentos",#N/A,FALSE,"Investimentos"}</definedName>
    <definedName name="COMENT_CCCP"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condução" hidden="1">{"Econ Consolidado",#N/A,FALSE,"Econ Consol";"Fluxo de Caixa",#N/A,FALSE,"Fluxo Caixa";"Investimentos",#N/A,FALSE,"Investimentos"}</definedName>
    <definedName name="cons"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_1"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_2"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_3"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_4"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_5"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consolidado"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1"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2"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3"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4"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5"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Consolidado_Contábil" hidden="1">{#N/A,#N/A,FALSE,"SIM95"}</definedName>
    <definedName name="CONT02092000.4" hidden="1">{#N/A,#N/A,FALSE,"1321";#N/A,#N/A,FALSE,"1324";#N/A,#N/A,FALSE,"1333";#N/A,#N/A,FALSE,"1371"}</definedName>
    <definedName name="cscdsc" hidden="1">[16]Ágio!$I$1:$I$65536</definedName>
    <definedName name="cscdscs" hidden="1">#REF!</definedName>
    <definedName name="cscscw" hidden="1">[16]Ágio!$C$19</definedName>
    <definedName name="cscsdc" hidden="1">[16]Ágio!$D$1:$D$65536</definedName>
    <definedName name="cscsdcsd" hidden="1">'[16]Equity set 04'!$F$12</definedName>
    <definedName name="CSLL"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CSLL"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CSLL1999" localSheetId="0" hidden="1">{#N/A,#N/A,FALSE,"Aging Summary";#N/A,#N/A,FALSE,"Ratio Analysis";#N/A,#N/A,FALSE,"Test 120 Day Accts";#N/A,#N/A,FALSE,"Tickmarks"}</definedName>
    <definedName name="CSLL1999" hidden="1">{#N/A,#N/A,FALSE,"Aging Summary";#N/A,#N/A,FALSE,"Ratio Analysis";#N/A,#N/A,FALSE,"Test 120 Day Accts";#N/A,#N/A,FALSE,"Tickmarks"}</definedName>
    <definedName name="cu102.ShareScalingFactor" hidden="1">1000000</definedName>
    <definedName name="cu103.EmployeeScalingFactor" hidden="1">1000</definedName>
    <definedName name="cu107.DPSSymbol" hidden="1">"R$"</definedName>
    <definedName name="cu107.EPSSymbol" hidden="1">"R$"</definedName>
    <definedName name="cu71.ScalingFactor" hidden="1">1000000</definedName>
    <definedName name="cursource" hidden="1">#N/A</definedName>
    <definedName name="cvbjhty"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bjhty_1"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bjhty_2"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bjhty_3"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bjhty_4"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bjhty_5"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cvcvxvxcvxcvxcv" hidden="1">{#N/A,#N/A,FALSE,"LLAVE";#N/A,#N/A,FALSE,"EERR";#N/A,#N/A,FALSE,"ESP";#N/A,#N/A,FALSE,"EOAF";#N/A,#N/A,FALSE,"CASH";#N/A,#N/A,FALSE,"FINANZAS";#N/A,#N/A,FALSE,"DEUDA";#N/A,#N/A,FALSE,"INVERSION";#N/A,#N/A,FALSE,"PERSONAL"}</definedName>
    <definedName name="d" hidden="1">{#N/A,#N/A,FALSE,"COVER PAGE";#N/A,#N/A,FALSE,"Page 2";#N/A,#N/A,FALSE,"Page 2";#N/A,#N/A,FALSE,"Page 4";#N/A,#N/A,FALSE,"Page5";#N/A,#N/A,FALSE,"Page 6";#N/A,#N/A,FALSE,"Page 7";#N/A,#N/A,FALSE,"Page 8";#N/A,#N/A,FALSE,"Page 10";#N/A,#N/A,FALSE,"Long-Term OCF Mult.";#N/A,#N/A,FALSE,"PCS Comp";#N/A,#N/A,FALSE,"OCS-CAPEX";#N/A,#N/A,FALSE,"Blank"}</definedName>
    <definedName name="dada" hidden="1">#REF!</definedName>
    <definedName name="DataFinal" localSheetId="0">'[10]Master Trimestre Abertura'!$D$2</definedName>
    <definedName name="DataFinal">'[11]Master Trimestre Abertura'!$D$2</definedName>
    <definedName name="DDD" hidden="1">{"'PXR_6500'!$A$1:$I$124"}</definedName>
    <definedName name="dddd" hidden="1">(MAX('[17]INDUSTRIAL(I)'!$BW$61,'[17]INDUSTRIAL(I)'!$BH$61,#REF!)-MIN('[17]INDUSTRIAL(I)'!$BU$61,'[17]INDUSTRIAL(I)'!$BH$61,#REF!))</definedName>
    <definedName name="ddeqwe" hidden="1">{#N/A,#N/A,FALSE,"SIM95"}</definedName>
    <definedName name="DecemberSBEP">'[12]Data SBEP'!$4664:$5083</definedName>
    <definedName name="def" hidden="1">8</definedName>
    <definedName name="Despesas" hidden="1">{#N/A,#N/A,FALSE,"ENERGIA";#N/A,#N/A,FALSE,"PERDIDAS";#N/A,#N/A,FALSE,"CLIENTES";#N/A,#N/A,FALSE,"ESTADO";#N/A,#N/A,FALSE,"TECNICA"}</definedName>
    <definedName name="DETH" hidden="1">{#N/A,#N/A,FALSE,"Dutos";#N/A,#N/A,FALSE,"Terminais"}</definedName>
    <definedName name="df" hidden="1">{#N/A,#N/A,FALSE,"LLAVE";#N/A,#N/A,FALSE,"EERR";#N/A,#N/A,FALSE,"ESP";#N/A,#N/A,FALSE,"EOAF";#N/A,#N/A,FALSE,"CASH";#N/A,#N/A,FALSE,"FINANZAS";#N/A,#N/A,FALSE,"DEUDA";#N/A,#N/A,FALSE,"INVERSION";#N/A,#N/A,FALSE,"PERSONAL"}</definedName>
    <definedName name="dffd" localSheetId="0" hidden="1">{#N/A,#N/A,TRUE,"Consolidate";"Work Paper MKT",#N/A,TRUE,"MKT";"Work Paper BUSS",#N/A,TRUE,"BusOper";"Work Paper TECH",#N/A,TRUE,"Tech";"Work Paper LOCAL",#N/A,TRUE,"LocalProg";"Work Paper GA",#N/A,TRUE,"G&amp;A";"Work Paper CONSOL",#N/A,TRUE,"Consolidate"}</definedName>
    <definedName name="dffd" hidden="1">{#N/A,#N/A,TRUE,"Consolidate";"Work Paper MKT",#N/A,TRUE,"MKT";"Work Paper BUSS",#N/A,TRUE,"BusOper";"Work Paper TECH",#N/A,TRUE,"Tech";"Work Paper LOCAL",#N/A,TRUE,"LocalProg";"Work Paper GA",#N/A,TRUE,"G&amp;A";"Work Paper CONSOL",#N/A,TRUE,"Consolidate"}</definedName>
    <definedName name="dfg" hidden="1">{"Votoran",#N/A,FALSE,"Votoran";"Salto",#N/A,FALSE,"Salto";"Jaguaré",#N/A,FALSE,"Jaguaré";"Cubatão",#N/A,FALSE,"Cubatão";"Rio Negro",#N/A,FALSE,"Rio Negro";"MVR CPII",#N/A,FALSE,"MVR CPII";"MVR CPIII",#N/A,FALSE,"MVR CPIII"}</definedName>
    <definedName name="dfh" hidden="1">{#N/A,#N/A,FALSE,"Dutos";#N/A,#N/A,FALSE,"Terminais"}</definedName>
    <definedName name="dfsagasgdfagadfgdaf" hidden="1">{#N/A,#N/A,FALSE,"ENERGIA";#N/A,#N/A,FALSE,"PERDIDAS";#N/A,#N/A,FALSE,"CLIENTES";#N/A,#N/A,FALSE,"ESTADO";#N/A,#N/A,FALSE,"TECNICA"}</definedName>
    <definedName name="DG" hidden="1">{#N/A,#N/A,FALSE,"Dutos";#N/A,#N/A,FALSE,"Terminais"}</definedName>
    <definedName name="DGHNGHDN" hidden="1">{#N/A,#N/A,FALSE,"PRJCTED QTRLY $'s"}</definedName>
    <definedName name="DGHNGHDN_1" hidden="1">{#N/A,#N/A,FALSE,"PRJCTED QTRLY $'s"}</definedName>
    <definedName name="DGHNGHDN_2" hidden="1">{#N/A,#N/A,FALSE,"PRJCTED QTRLY $'s"}</definedName>
    <definedName name="DGHNGHDN_3" hidden="1">{#N/A,#N/A,FALSE,"PRJCTED QTRLY $'s"}</definedName>
    <definedName name="DGHNGHDN_4" hidden="1">{#N/A,#N/A,FALSE,"PRJCTED QTRLY $'s"}</definedName>
    <definedName name="DGHNGHDN_5" hidden="1">{#N/A,#N/A,FALSE,"PRJCTED QTRLY $'s"}</definedName>
    <definedName name="DGHNGHN"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GHN_1"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GHN_2"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GHN_3"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GHN_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GHN_5"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DGHNH" hidden="1">{"'PRODUCTIONCOST SHEET'!$B$3:$G$48"}</definedName>
    <definedName name="DGHNH_1" hidden="1">{"'PRODUCTIONCOST SHEET'!$B$3:$G$48"}</definedName>
    <definedName name="DGHNH_2" hidden="1">{"'PRODUCTIONCOST SHEET'!$B$3:$G$48"}</definedName>
    <definedName name="DGHNH_3" hidden="1">{"'PRODUCTIONCOST SHEET'!$B$3:$G$48"}</definedName>
    <definedName name="DGHNH_4" hidden="1">{"'PRODUCTIONCOST SHEET'!$B$3:$G$48"}</definedName>
    <definedName name="DGHNH_5" hidden="1">{"'PRODUCTIONCOST SHEET'!$B$3:$G$48"}</definedName>
    <definedName name="DLKHASJKGFAJSKHDFJASHFJKAJKF" hidden="1">[18]Projeções!#REF!</definedName>
    <definedName name="dmjdsaodj" hidden="1">#REF!</definedName>
    <definedName name="DMLPQGOG" localSheetId="0" hidden="1">{#N/A,#N/A,FALSE,"Aging Summary";#N/A,#N/A,FALSE,"Ratio Analysis";#N/A,#N/A,FALSE,"Test 120 Day Accts";#N/A,#N/A,FALSE,"Tickmarks"}</definedName>
    <definedName name="DMLPQGOG" hidden="1">{#N/A,#N/A,FALSE,"Aging Summary";#N/A,#N/A,FALSE,"Ratio Analysis";#N/A,#N/A,FALSE,"Test 120 Day Accts";#N/A,#N/A,FALSE,"Tickmarks"}</definedName>
    <definedName name="DMPL1" localSheetId="0"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DMPL1"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dnlkwdknw" hidden="1">#REF!</definedName>
    <definedName name="dre" hidden="1">{#N/A,#N/A,FALSE,"ENERGIA";#N/A,#N/A,FALSE,"PERDIDAS";#N/A,#N/A,FALSE,"CLIENTES";#N/A,#N/A,FALSE,"ESTADO";#N/A,#N/A,FALSE,"TECNICA"}</definedName>
    <definedName name="drh" hidden="1">{#N/A,#N/A,FALSE,"Dutos";#N/A,#N/A,FALSE,"Terminais"}</definedName>
    <definedName name="dryh" hidden="1">{#N/A,#N/A,FALSE,"Dutos";#N/A,#N/A,FALSE,"Terminais"}</definedName>
    <definedName name="dscsdcsd" hidden="1">10</definedName>
    <definedName name="dsdls" localSheetId="0" hidden="1">{#N/A,#N/A,FALSE,"Aging Summary";#N/A,#N/A,FALSE,"Ratio Analysis";#N/A,#N/A,FALSE,"Test 120 Day Accts";#N/A,#N/A,FALSE,"Tickmarks"}</definedName>
    <definedName name="dsdls" hidden="1">{#N/A,#N/A,FALSE,"Aging Summary";#N/A,#N/A,FALSE,"Ratio Analysis";#N/A,#N/A,FALSE,"Test 120 Day Accts";#N/A,#N/A,FALSE,"Tickmarks"}</definedName>
    <definedName name="dsfd" localSheetId="0" hidden="1">{#N/A,#N/A,FALSE,"GRefetivo";#N/A,#N/A,FALSE,"PLefetivo";#N/A,#N/A,FALSE,"GRabsent";#N/A,#N/A,FALSE,"GRmovpes";#N/A,#N/A,FALSE,"GReh";#N/A,#N/A,FALSE,"PLhe";#N/A,#N/A,FALSE,"Aumentos";#N/A,#N/A,FALSE,"Sugest"}</definedName>
    <definedName name="dsfd" hidden="1">{#N/A,#N/A,FALSE,"GRefetivo";#N/A,#N/A,FALSE,"PLefetivo";#N/A,#N/A,FALSE,"GRabsent";#N/A,#N/A,FALSE,"GRmovpes";#N/A,#N/A,FALSE,"GReh";#N/A,#N/A,FALSE,"PLhe";#N/A,#N/A,FALSE,"Aumentos";#N/A,#N/A,FALSE,"Sugest"}</definedName>
    <definedName name="DTUYJDGJDGGHDGH"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TUYJDGJDGGHDGH_1"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TUYJDGJDGGHDGH_2"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TUYJDGJDGGHDGH_3"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TUYJDGJDGGHDGH_4"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TUYJDGJDGGHDGH_5"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dwedfwed" hidden="1">[16]Lead!#REF!</definedName>
    <definedName name="dwefewfew" localSheetId="0" hidden="1">{#N/A,#N/A,FALSE,"Aging Summary";#N/A,#N/A,FALSE,"Ratio Analysis";#N/A,#N/A,FALSE,"Test 120 Day Accts";#N/A,#N/A,FALSE,"Tickmarks"}</definedName>
    <definedName name="dwefewfew" hidden="1">{#N/A,#N/A,FALSE,"Aging Summary";#N/A,#N/A,FALSE,"Ratio Analysis";#N/A,#N/A,FALSE,"Test 120 Day Accts";#N/A,#N/A,FALSE,"Tickmarks"}</definedName>
    <definedName name="E"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E.On" hidden="1">{#N/A,#N/A,FALSE,"Eastern";#N/A,#N/A,FALSE,"Western"}</definedName>
    <definedName name="E.On_1" hidden="1">{#N/A,#N/A,FALSE,"Eastern";#N/A,#N/A,FALSE,"Western"}</definedName>
    <definedName name="E.On_2" hidden="1">{#N/A,#N/A,FALSE,"Eastern";#N/A,#N/A,FALSE,"Western"}</definedName>
    <definedName name="E.On_3" hidden="1">{#N/A,#N/A,FALSE,"Eastern";#N/A,#N/A,FALSE,"Western"}</definedName>
    <definedName name="E.On_4" hidden="1">{#N/A,#N/A,FALSE,"Eastern";#N/A,#N/A,FALSE,"Western"}</definedName>
    <definedName name="E.On_5" hidden="1">{#N/A,#N/A,FALSE,"Eastern";#N/A,#N/A,FALSE,"Western"}</definedName>
    <definedName name="e_1" hidden="1">{#N/A,#N/A,FALSE,"model"}</definedName>
    <definedName name="e_2" hidden="1">{#N/A,#N/A,FALSE,"model"}</definedName>
    <definedName name="e_3" hidden="1">{#N/A,#N/A,FALSE,"model"}</definedName>
    <definedName name="e_4" hidden="1">{#N/A,#N/A,FALSE,"model"}</definedName>
    <definedName name="e_5" hidden="1">{#N/A,#N/A,FALSE,"model"}</definedName>
    <definedName name="eaga" hidden="1">#REF!</definedName>
    <definedName name="eagaga" hidden="1">#REF!</definedName>
    <definedName name="EarningsModel"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ECNOFIBRAS" hidden="1">{"'PXR_6500'!$A$1:$I$124"}</definedName>
    <definedName name="ECNOFIBRAS2" hidden="1">{"'PXR_6500'!$A$1:$I$124"}</definedName>
    <definedName name="ee" hidden="1">{"Votoran",#N/A,FALSE,"Votoran";"Salto",#N/A,FALSE,"Salto";"Jaguaré",#N/A,FALSE,"Jaguaré";"Cubatão",#N/A,FALSE,"Cubatão";"Rio Negro",#N/A,FALSE,"Rio Negro";"MVR CPII",#N/A,FALSE,"MVR CPII";"MVR CPIII",#N/A,FALSE,"MVR CPIII"}</definedName>
    <definedName name="EEE" hidden="1">{"'PXR_6500'!$A$1:$I$124"}</definedName>
    <definedName name="eeerr" hidden="1">{"Rio Branco",#N/A,FALSE,"Rio Branco";"Itajaí",#N/A,FALSE,"Itajaí";"Pinheiro Machado",#N/A,FALSE,"PMachado";"Esteio",#N/A,FALSE,"Esteio"}</definedName>
    <definedName name="EF" hidden="1">{#N/A,#N/A,FALSE,"LLAVE";#N/A,#N/A,FALSE,"EERR";#N/A,#N/A,FALSE,"ESP";#N/A,#N/A,FALSE,"EOAF";#N/A,#N/A,FALSE,"CASH";#N/A,#N/A,FALSE,"FINANZAS";#N/A,#N/A,FALSE,"DEUDA";#N/A,#N/A,FALSE,"INVERSION";#N/A,#N/A,FALSE,"PERSONAL"}</definedName>
    <definedName name="efin" hidden="1">{#N/A,#N/A,FALSE,"Output";#N/A,#N/A,FALSE,"Cover Sheet";#N/A,#N/A,FALSE,"Current Mkt. Projections"}</definedName>
    <definedName name="efn" hidden="1">{#N/A,#N/A,TRUE,"DCF Summary";#N/A,#N/A,TRUE,"Casema";#N/A,#N/A,TRUE,"UK";#N/A,#N/A,TRUE,"RCF";#N/A,#N/A,TRUE,"Intercable CZ";#N/A,#N/A,TRUE,"Interkabel P";#N/A,#N/A,TRUE,"LBO-Total";#N/A,#N/A,TRUE,"LBO-Casema"}</definedName>
    <definedName name="ega" hidden="1">#REF!</definedName>
    <definedName name="eiginfj.yfirlit" localSheetId="0" hidden="1">{#N/A,#N/A,FALSE,"Aging Summary";#N/A,#N/A,FALSE,"Ratio Analysis";#N/A,#N/A,FALSE,"Test 120 Day Accts";#N/A,#N/A,FALSE,"Tickmarks"}</definedName>
    <definedName name="eiginfj.yfirlit" hidden="1">{#N/A,#N/A,FALSE,"Aging Summary";#N/A,#N/A,FALSE,"Ratio Analysis";#N/A,#N/A,FALSE,"Test 120 Day Accts";#N/A,#N/A,FALSE,"Tickmarks"}</definedName>
    <definedName name="ELIMLUCRO_1" hidden="1">{TRUE,TRUE,-1.25,-15.5,484.5,278.25,FALSE,FALSE,TRUE,FALSE,0,3,#N/A,574,#N/A,6.75,22.5714285714286,1,FALSE,FALSE,3,TRUE,1,FALSE,100,"Swvu.ELIMLUCRO.","ACwvu.ELIMLUCRO.",#N/A,FALSE,FALSE,0,0,0,0,2,"","",FALSE,FALSE,FALSE,FALSE,1,90,#N/A,#N/A,"=R1C1:R650C11",FALSE,#N/A,#N/A,FALSE,FALSE,FALSE,1,65532,65532,FALSE,FALSE,TRUE,TRUE,TRUE}</definedName>
    <definedName name="ELIMLUCRO_1_1" hidden="1">{TRUE,TRUE,-1.25,-15.5,484.5,278.25,FALSE,FALSE,TRUE,FALSE,0,3,#N/A,574,#N/A,6.75,22.5714285714286,1,FALSE,FALSE,3,TRUE,1,FALSE,100,"Swvu.ELIMLUCRO.","ACwvu.ELIMLUCRO.",#N/A,FALSE,FALSE,0,0,0,0,2,"","",FALSE,FALSE,FALSE,FALSE,1,90,#N/A,#N/A,"=R1C1:R650C11",FALSE,#N/A,#N/A,FALSE,FALSE,FALSE,1,65532,65532,FALSE,FALSE,TRUE,TRUE,TRUE}</definedName>
    <definedName name="ELIMLUCRO_1_2" hidden="1">{TRUE,TRUE,-1.25,-15.5,484.5,278.25,FALSE,FALSE,TRUE,FALSE,0,3,#N/A,574,#N/A,6.75,22.5714285714286,1,FALSE,FALSE,3,TRUE,1,FALSE,100,"Swvu.ELIMLUCRO.","ACwvu.ELIMLUCRO.",#N/A,FALSE,FALSE,0,0,0,0,2,"","",FALSE,FALSE,FALSE,FALSE,1,90,#N/A,#N/A,"=R1C1:R650C11",FALSE,#N/A,#N/A,FALSE,FALSE,FALSE,1,65532,65532,FALSE,FALSE,TRUE,TRUE,TRUE}</definedName>
    <definedName name="ELIMLUCRO_1_3" hidden="1">{TRUE,TRUE,-1.25,-15.5,484.5,278.25,FALSE,FALSE,TRUE,FALSE,0,3,#N/A,574,#N/A,6.75,22.5714285714286,1,FALSE,FALSE,3,TRUE,1,FALSE,100,"Swvu.ELIMLUCRO.","ACwvu.ELIMLUCRO.",#N/A,FALSE,FALSE,0,0,0,0,2,"","",FALSE,FALSE,FALSE,FALSE,1,90,#N/A,#N/A,"=R1C1:R650C11",FALSE,#N/A,#N/A,FALSE,FALSE,FALSE,1,65532,65532,FALSE,FALSE,TRUE,TRUE,TRUE}</definedName>
    <definedName name="ELIMLUCRO_1_4" hidden="1">{TRUE,TRUE,-1.25,-15.5,484.5,278.25,FALSE,FALSE,TRUE,FALSE,0,3,#N/A,574,#N/A,6.75,22.5714285714286,1,FALSE,FALSE,3,TRUE,1,FALSE,100,"Swvu.ELIMLUCRO.","ACwvu.ELIMLUCRO.",#N/A,FALSE,FALSE,0,0,0,0,2,"","",FALSE,FALSE,FALSE,FALSE,1,90,#N/A,#N/A,"=R1C1:R650C11",FALSE,#N/A,#N/A,FALSE,FALSE,FALSE,1,65532,65532,FALSE,FALSE,TRUE,TRUE,TRUE}</definedName>
    <definedName name="ELIMLUCRO_1_5" hidden="1">{TRUE,TRUE,-1.25,-15.5,484.5,278.25,FALSE,FALSE,TRUE,FALSE,0,3,#N/A,574,#N/A,6.75,22.5714285714286,1,FALSE,FALSE,3,TRUE,1,FALSE,100,"Swvu.ELIMLUCRO.","ACwvu.ELIMLUCRO.",#N/A,FALSE,FALSE,0,0,0,0,2,"","",FALSE,FALSE,FALSE,FALSE,1,90,#N/A,#N/A,"=R1C1:R650C11",FALSE,#N/A,#N/A,FALSE,FALSE,FALSE,1,65532,65532,FALSE,FALSE,TRUE,TRUE,TRUE}</definedName>
    <definedName name="encargos" hidden="1">[19]Lead!$G$1:$G$65536</definedName>
    <definedName name="Endesa" hidden="1">{#N/A,#N/A,FALSE,"Eastern";#N/A,#N/A,FALSE,"Western"}</definedName>
    <definedName name="Endesa_1" hidden="1">{#N/A,#N/A,FALSE,"Eastern";#N/A,#N/A,FALSE,"Western"}</definedName>
    <definedName name="Endesa_2" hidden="1">{#N/A,#N/A,FALSE,"Eastern";#N/A,#N/A,FALSE,"Western"}</definedName>
    <definedName name="Endesa_3" hidden="1">{#N/A,#N/A,FALSE,"Eastern";#N/A,#N/A,FALSE,"Western"}</definedName>
    <definedName name="Endesa_4" hidden="1">{#N/A,#N/A,FALSE,"Eastern";#N/A,#N/A,FALSE,"Western"}</definedName>
    <definedName name="Endesa_5" hidden="1">{#N/A,#N/A,FALSE,"Eastern";#N/A,#N/A,FALSE,"Western"}</definedName>
    <definedName name="enel" hidden="1">{#N/A,#N/A,FALSE,"Eastern";#N/A,#N/A,FALSE,"Western"}</definedName>
    <definedName name="enel_1" hidden="1">{#N/A,#N/A,FALSE,"Eastern";#N/A,#N/A,FALSE,"Western"}</definedName>
    <definedName name="enel_2" hidden="1">{#N/A,#N/A,FALSE,"Eastern";#N/A,#N/A,FALSE,"Western"}</definedName>
    <definedName name="enel_3" hidden="1">{#N/A,#N/A,FALSE,"Eastern";#N/A,#N/A,FALSE,"Western"}</definedName>
    <definedName name="enel_4" hidden="1">{#N/A,#N/A,FALSE,"Eastern";#N/A,#N/A,FALSE,"Western"}</definedName>
    <definedName name="enel_5" hidden="1">{#N/A,#N/A,FALSE,"Eastern";#N/A,#N/A,FALSE,"Western"}</definedName>
    <definedName name="enerdez" hidden="1">{"Econ Consolidado",#N/A,FALSE,"Econ Consol";"Fluxo de Caixa",#N/A,FALSE,"Fluxo Caixa";"Investimentos",#N/A,FALSE,"Investimentos"}</definedName>
    <definedName name="ERD" hidden="1">{"EconCons",#N/A,FALSE,"Econômico - Consolidado";"EconCim",#N/A,FALSE,"Econômico - Cimento";"EconCal",#N/A,FALSE,"Econômico - Cal e Outros";"EconVC",#N/A,FALSE,"Econômico - VC"}</definedName>
    <definedName name="erwer"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erwer"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erwrwefwefrqwfqwerwedsf" hidden="1">{#N/A,#N/A,FALSE,"ENERGIA";#N/A,#N/A,FALSE,"PERDIDAS";#N/A,#N/A,FALSE,"CLIENTES";#N/A,#N/A,FALSE,"ESTADO";#N/A,#N/A,FALSE,"TECNICA"}</definedName>
    <definedName name="esd" hidden="1">{#N/A,#N/A,FALSE,"Eastern";#N/A,#N/A,FALSE,"Western"}</definedName>
    <definedName name="esd_1" hidden="1">{#N/A,#N/A,FALSE,"Eastern";#N/A,#N/A,FALSE,"Western"}</definedName>
    <definedName name="esd_2" hidden="1">{#N/A,#N/A,FALSE,"Eastern";#N/A,#N/A,FALSE,"Western"}</definedName>
    <definedName name="esd_3" hidden="1">{#N/A,#N/A,FALSE,"Eastern";#N/A,#N/A,FALSE,"Western"}</definedName>
    <definedName name="esd_4" hidden="1">{#N/A,#N/A,FALSE,"Eastern";#N/A,#N/A,FALSE,"Western"}</definedName>
    <definedName name="esd_5" hidden="1">{#N/A,#N/A,FALSE,"Eastern";#N/A,#N/A,FALSE,"Western"}</definedName>
    <definedName name="estagio" hidden="1">{"Econ Consolidado",#N/A,FALSE,"Econ Consol";"Fluxo de Caixa",#N/A,FALSE,"Fluxo Caixa";"Investimentos",#N/A,FALSE,"Investimentos"}</definedName>
    <definedName name="eutu" hidden="1">{"SCH35",#N/A,FALSE,"5X3";"SCH36",#N/A,FALSE,"5X3";"SCH37",#N/A,FALSE,"5X3";"SCH38",#N/A,FALSE,"5X3";"SCH39A",#N/A,FALSE,"5X3";"SCH39B",#N/A,FALSE,"5X3";"SCH40",#N/A,FALSE,"5X3"}</definedName>
    <definedName name="ev.Calculation" hidden="1">-4135</definedName>
    <definedName name="ev.Initialized" hidden="1">FALSE</definedName>
    <definedName name="Evol." hidden="1">{"Econ Consolidado",#N/A,FALSE,"Econ Consol";"Fluxo de Caixa",#N/A,FALSE,"Fluxo Caixa";"Investimentos",#N/A,FALSE,"Investimentos"}</definedName>
    <definedName name="evol1" hidden="1">{"Econ Consolidado",#N/A,FALSE,"Econ Consol";"Fluxo de Caixa",#N/A,FALSE,"Fluxo Caixa";"Investimentos",#N/A,FALSE,"Investimentos"}</definedName>
    <definedName name="ewr" hidden="1">{#N/A,#N/A,FALSE,"1321";#N/A,#N/A,FALSE,"1324";#N/A,#N/A,FALSE,"1333";#N/A,#N/A,FALSE,"1371"}</definedName>
    <definedName name="exemplo" hidden="1">{"Rio Branco",#N/A,FALSE,"Rio Branco";"Itajaí",#N/A,FALSE,"Itajaí";"Pinheiro Machado",#N/A,FALSE,"PMachado";"Esteio",#N/A,FALSE,"Esteio"}</definedName>
    <definedName name="ezaqs" hidden="1">{#N/A,#N/A,FALSE,"Eastern";#N/A,#N/A,FALSE,"Western"}</definedName>
    <definedName name="ezaqs_1" hidden="1">{#N/A,#N/A,FALSE,"Eastern";#N/A,#N/A,FALSE,"Western"}</definedName>
    <definedName name="ezaqs_2" hidden="1">{#N/A,#N/A,FALSE,"Eastern";#N/A,#N/A,FALSE,"Western"}</definedName>
    <definedName name="ezaqs_3" hidden="1">{#N/A,#N/A,FALSE,"Eastern";#N/A,#N/A,FALSE,"Western"}</definedName>
    <definedName name="ezaqs_4" hidden="1">{#N/A,#N/A,FALSE,"Eastern";#N/A,#N/A,FALSE,"Western"}</definedName>
    <definedName name="ezaqs_5" hidden="1">{#N/A,#N/A,FALSE,"Eastern";#N/A,#N/A,FALSE,"Western"}</definedName>
    <definedName name="f" hidden="1">{#N/A,#N/A,FALSE,"Int'l 2002 Comparative Fore";#N/A,#N/A,FALSE,"Int'l - Consolidated";#N/A,#N/A,FALSE,"Co 05 - Tunisia";#N/A,#N/A,FALSE,"Co 06 - Machala Power";#N/A,#N/A,FALSE,"Co. 07 - Samedan of  N Africa";#N/A,#N/A,FALSE,"Co. 08 - Samedan Transfer Sub";#N/A,#N/A,FALSE,"Co. 11 - Samedan Mediterranean";#N/A,#N/A,FALSE,"Co. 12 - Samedan International";#N/A,#N/A,FALSE,"Co. 13 - China";#N/A,#N/A,FALSE,"Co. 14 - EDC Portugal";#N/A,#N/A,FALSE,"Co. 17 - EDC Argentina (Home)";#N/A,#N/A,FALSE,"Co. 18 - EDC Argentina (Branch)";#N/A,#N/A,FALSE,"Co. 19 - EDC Ecuador";#N/A,#N/A,FALSE,"Co. 21 - U.K. Limited";#N/A,#N/A,FALSE,"Co. 22 - EDC Europe ";#N/A,#N/A,FALSE,"Co. 23 - EDC Australia";#N/A,#N/A,FALSE,"Co. 28 - EDC Denmark";#N/A,#N/A,FALSE,"Co. 38 - Viet Nam";#N/A,#N/A,FALSE,"Co. 39-Ireland";#N/A,#N/A,FALSE,"Co.61 - Netherlands"}</definedName>
    <definedName name="Faturamento" hidden="1">{#N/A,#N/A,FALSE,"LLAVE";#N/A,#N/A,FALSE,"EERR";#N/A,#N/A,FALSE,"ESP";#N/A,#N/A,FALSE,"EOAF";#N/A,#N/A,FALSE,"CASH";#N/A,#N/A,FALSE,"FINANZAS";#N/A,#N/A,FALSE,"DEUDA";#N/A,#N/A,FALSE,"INVERSION";#N/A,#N/A,FALSE,"PERSONAL"}</definedName>
    <definedName name="fd" hidden="1">{#N/A,#N/A,FALSE,"Menu"}</definedName>
    <definedName name="FDC_0_0" hidden="1">"#"</definedName>
    <definedName name="FDC_1_0" hidden="1">"#"</definedName>
    <definedName name="FDC_10_0" hidden="1">"#"</definedName>
    <definedName name="FDC_10_1" hidden="1">"#"</definedName>
    <definedName name="FDC_10_2" hidden="1">"#"</definedName>
    <definedName name="FDC_10_3" hidden="1">"#"</definedName>
    <definedName name="FDC_11_0" hidden="1">"#"</definedName>
    <definedName name="FDC_11_1" hidden="1">"#"</definedName>
    <definedName name="FDC_11_2" hidden="1">"#"</definedName>
    <definedName name="FDC_11_3" hidden="1">"#"</definedName>
    <definedName name="FDC_12_0" hidden="1">"#"</definedName>
    <definedName name="FDC_12_1" hidden="1">"#"</definedName>
    <definedName name="FDC_12_2" hidden="1">"#"</definedName>
    <definedName name="FDC_12_3" hidden="1">"#"</definedName>
    <definedName name="FDC_13_0" hidden="1">"#"</definedName>
    <definedName name="FDC_13_1" hidden="1">"#"</definedName>
    <definedName name="FDC_13_2" hidden="1">"#"</definedName>
    <definedName name="FDC_13_3" hidden="1">"#"</definedName>
    <definedName name="FDC_14_0" hidden="1">"#"</definedName>
    <definedName name="FDC_14_1" hidden="1">"#"</definedName>
    <definedName name="FDC_14_2" hidden="1">"#"</definedName>
    <definedName name="FDC_14_3" hidden="1">"#"</definedName>
    <definedName name="FDC_15_0" hidden="1">"#"</definedName>
    <definedName name="FDC_16_0" hidden="1">"#"</definedName>
    <definedName name="FDC_17_0" hidden="1">"#"</definedName>
    <definedName name="FDC_18_0" hidden="1">"#"</definedName>
    <definedName name="FDC_19_0" hidden="1">"#"</definedName>
    <definedName name="FDC_19_1" hidden="1">"#"</definedName>
    <definedName name="FDC_19_2" hidden="1">"#"</definedName>
    <definedName name="FDC_19_3" hidden="1">"#"</definedName>
    <definedName name="FDC_2_0" hidden="1">"#"</definedName>
    <definedName name="FDC_20_0" hidden="1">"#"</definedName>
    <definedName name="FDC_21_0" hidden="1">"#"</definedName>
    <definedName name="FDC_21_1" hidden="1">"#"</definedName>
    <definedName name="FDC_21_2" hidden="1">"#"</definedName>
    <definedName name="FDC_21_3" hidden="1">"#"</definedName>
    <definedName name="FDC_22_0" hidden="1">"#"</definedName>
    <definedName name="FDC_23_0" hidden="1">"#"</definedName>
    <definedName name="FDC_24_0" hidden="1">"#"</definedName>
    <definedName name="FDC_25_0" hidden="1">"#"</definedName>
    <definedName name="FDC_25_1" hidden="1">"#"</definedName>
    <definedName name="FDC_25_2" hidden="1">"#"</definedName>
    <definedName name="FDC_25_3" hidden="1">"#"</definedName>
    <definedName name="FDC_26_0" hidden="1">"#"</definedName>
    <definedName name="FDC_26_1" hidden="1">"#"</definedName>
    <definedName name="FDC_26_2" hidden="1">"#"</definedName>
    <definedName name="FDC_26_3" hidden="1">"#"</definedName>
    <definedName name="FDC_27_0" hidden="1">"#"</definedName>
    <definedName name="FDC_28_0" hidden="1">"#"</definedName>
    <definedName name="FDC_28_1" hidden="1">"#"</definedName>
    <definedName name="FDC_28_2" hidden="1">"#"</definedName>
    <definedName name="FDC_28_3" hidden="1">"#"</definedName>
    <definedName name="FDC_29_0" hidden="1">"#"</definedName>
    <definedName name="FDC_29_1" hidden="1">"#"</definedName>
    <definedName name="FDC_29_2" hidden="1">"#"</definedName>
    <definedName name="FDC_29_3" hidden="1">"#"</definedName>
    <definedName name="FDC_3_0" hidden="1">"#"</definedName>
    <definedName name="FDC_30_0" hidden="1">"#"</definedName>
    <definedName name="FDC_31_0" hidden="1">"#"</definedName>
    <definedName name="FDC_32_0" hidden="1">"#"</definedName>
    <definedName name="FDC_33_0" hidden="1">"#"</definedName>
    <definedName name="FDC_34_0" hidden="1">"#"</definedName>
    <definedName name="FDC_35_0" hidden="1">"#"</definedName>
    <definedName name="FDC_36_0" hidden="1">"#"</definedName>
    <definedName name="FDC_37_0" hidden="1">"#"</definedName>
    <definedName name="FDC_38_0" hidden="1">"#"</definedName>
    <definedName name="FDC_39_0" hidden="1">"#"</definedName>
    <definedName name="FDC_4_0" hidden="1">"#"</definedName>
    <definedName name="FDC_40_0" hidden="1">"#"</definedName>
    <definedName name="FDC_41_0" hidden="1">"#"</definedName>
    <definedName name="FDC_41_1" hidden="1">"#"</definedName>
    <definedName name="FDC_41_2" hidden="1">"#"</definedName>
    <definedName name="FDC_41_3" hidden="1">"#"</definedName>
    <definedName name="FDC_42_0" hidden="1">"#"</definedName>
    <definedName name="FDC_42_1" hidden="1">"#"</definedName>
    <definedName name="FDC_42_2" hidden="1">"#"</definedName>
    <definedName name="FDC_42_3" hidden="1">"#"</definedName>
    <definedName name="FDC_43_0" hidden="1">"#"</definedName>
    <definedName name="FDC_43_1" hidden="1">"#"</definedName>
    <definedName name="FDC_43_2" hidden="1">"#"</definedName>
    <definedName name="FDC_43_3" hidden="1">"#"</definedName>
    <definedName name="FDC_44_0" hidden="1">"#"</definedName>
    <definedName name="FDC_45_0" hidden="1">"#"</definedName>
    <definedName name="FDC_45_1" hidden="1">"#"</definedName>
    <definedName name="FDC_45_2" hidden="1">"#"</definedName>
    <definedName name="FDC_45_3" hidden="1">"#"</definedName>
    <definedName name="FDC_46_0" hidden="1">"#"</definedName>
    <definedName name="FDC_46_1" hidden="1">"#"</definedName>
    <definedName name="FDC_46_2" hidden="1">"#"</definedName>
    <definedName name="FDC_46_3" hidden="1">"#"</definedName>
    <definedName name="FDC_47_0" hidden="1">"#"</definedName>
    <definedName name="FDC_47_1" hidden="1">"#"</definedName>
    <definedName name="FDC_47_2" hidden="1">"#"</definedName>
    <definedName name="FDC_47_3" hidden="1">"#"</definedName>
    <definedName name="FDC_48_0" hidden="1">"#"</definedName>
    <definedName name="FDC_48_1" hidden="1">"#"</definedName>
    <definedName name="FDC_48_2" hidden="1">"#"</definedName>
    <definedName name="FDC_48_3" hidden="1">"#"</definedName>
    <definedName name="FDC_49_0" hidden="1">"#"</definedName>
    <definedName name="FDC_49_1" hidden="1">"#"</definedName>
    <definedName name="FDC_49_2" hidden="1">"#"</definedName>
    <definedName name="FDC_49_3" hidden="1">"#"</definedName>
    <definedName name="FDC_5_0" hidden="1">"#"</definedName>
    <definedName name="FDC_5_1" hidden="1">"#"</definedName>
    <definedName name="FDC_5_2" hidden="1">"#"</definedName>
    <definedName name="FDC_5_3" hidden="1">"#"</definedName>
    <definedName name="FDC_50_0" hidden="1">"#"</definedName>
    <definedName name="FDC_50_1" hidden="1">"#"</definedName>
    <definedName name="FDC_50_2" hidden="1">"#"</definedName>
    <definedName name="FDC_50_3" hidden="1">"#"</definedName>
    <definedName name="FDC_51_0" hidden="1">"#"</definedName>
    <definedName name="FDC_51_1" hidden="1">"#"</definedName>
    <definedName name="FDC_51_2" hidden="1">"#"</definedName>
    <definedName name="FDC_51_3" hidden="1">"#"</definedName>
    <definedName name="FDC_52_0" hidden="1">"#"</definedName>
    <definedName name="FDC_52_1" hidden="1">"#"</definedName>
    <definedName name="FDC_52_2" hidden="1">"#"</definedName>
    <definedName name="FDC_52_3" hidden="1">"#"</definedName>
    <definedName name="FDC_53_0" hidden="1">"#"</definedName>
    <definedName name="FDC_53_1" hidden="1">"#"</definedName>
    <definedName name="FDC_53_2" hidden="1">"#"</definedName>
    <definedName name="FDC_53_3" hidden="1">"#"</definedName>
    <definedName name="FDC_54_0" hidden="1">"#"</definedName>
    <definedName name="FDC_54_1" hidden="1">"#"</definedName>
    <definedName name="FDC_54_2" hidden="1">"#"</definedName>
    <definedName name="FDC_54_3" hidden="1">"#"</definedName>
    <definedName name="FDC_55_0" hidden="1">"#"</definedName>
    <definedName name="FDC_55_1" hidden="1">"#"</definedName>
    <definedName name="FDC_55_2" hidden="1">"#"</definedName>
    <definedName name="FDC_55_3" hidden="1">"#"</definedName>
    <definedName name="FDC_56_0" hidden="1">"#"</definedName>
    <definedName name="FDC_57_0" hidden="1">"#"</definedName>
    <definedName name="FDC_58_0" hidden="1">"#"</definedName>
    <definedName name="FDC_58_1" hidden="1">"#"</definedName>
    <definedName name="FDC_58_10" hidden="1">"#"</definedName>
    <definedName name="FDC_58_100" hidden="1">"#"</definedName>
    <definedName name="FDC_58_101" hidden="1">"#"</definedName>
    <definedName name="FDC_58_102" hidden="1">"#"</definedName>
    <definedName name="FDC_58_103" hidden="1">"#"</definedName>
    <definedName name="FDC_58_104" hidden="1">"#"</definedName>
    <definedName name="FDC_58_105" hidden="1">"#"</definedName>
    <definedName name="FDC_58_106" hidden="1">"#"</definedName>
    <definedName name="FDC_58_107" hidden="1">"#"</definedName>
    <definedName name="FDC_58_108" hidden="1">"#"</definedName>
    <definedName name="FDC_58_109" hidden="1">"#"</definedName>
    <definedName name="FDC_58_11" hidden="1">"#"</definedName>
    <definedName name="FDC_58_110" hidden="1">"#"</definedName>
    <definedName name="FDC_58_111" hidden="1">"#"</definedName>
    <definedName name="FDC_58_112" hidden="1">"#"</definedName>
    <definedName name="FDC_58_113" hidden="1">"#"</definedName>
    <definedName name="FDC_58_114" hidden="1">"#"</definedName>
    <definedName name="FDC_58_115" hidden="1">"#"</definedName>
    <definedName name="FDC_58_116" hidden="1">"#"</definedName>
    <definedName name="FDC_58_117" hidden="1">"#"</definedName>
    <definedName name="FDC_58_118" hidden="1">"#"</definedName>
    <definedName name="FDC_58_119" hidden="1">"#"</definedName>
    <definedName name="FDC_58_12" hidden="1">"#"</definedName>
    <definedName name="FDC_58_120" hidden="1">"#"</definedName>
    <definedName name="FDC_58_121" hidden="1">"#"</definedName>
    <definedName name="FDC_58_122" hidden="1">"#"</definedName>
    <definedName name="FDC_58_123" hidden="1">"#"</definedName>
    <definedName name="FDC_58_124" hidden="1">"#"</definedName>
    <definedName name="FDC_58_125" hidden="1">"#"</definedName>
    <definedName name="FDC_58_126" hidden="1">"#"</definedName>
    <definedName name="FDC_58_127" hidden="1">"#"</definedName>
    <definedName name="FDC_58_128" hidden="1">"#"</definedName>
    <definedName name="FDC_58_129" hidden="1">"#"</definedName>
    <definedName name="FDC_58_13" hidden="1">"#"</definedName>
    <definedName name="FDC_58_130" hidden="1">"#"</definedName>
    <definedName name="FDC_58_131" hidden="1">"#"</definedName>
    <definedName name="FDC_58_132" hidden="1">"#"</definedName>
    <definedName name="FDC_58_133" hidden="1">"#"</definedName>
    <definedName name="FDC_58_134" hidden="1">"#"</definedName>
    <definedName name="FDC_58_135" hidden="1">"#"</definedName>
    <definedName name="FDC_58_136" hidden="1">"#"</definedName>
    <definedName name="FDC_58_137" hidden="1">"#"</definedName>
    <definedName name="FDC_58_138" hidden="1">"#"</definedName>
    <definedName name="FDC_58_139" hidden="1">"#"</definedName>
    <definedName name="FDC_58_14" hidden="1">"#"</definedName>
    <definedName name="FDC_58_140" hidden="1">"#"</definedName>
    <definedName name="FDC_58_141" hidden="1">"#"</definedName>
    <definedName name="FDC_58_142" hidden="1">"#"</definedName>
    <definedName name="FDC_58_143" hidden="1">"#"</definedName>
    <definedName name="FDC_58_144" hidden="1">"#"</definedName>
    <definedName name="FDC_58_145" hidden="1">"#"</definedName>
    <definedName name="FDC_58_146" hidden="1">"#"</definedName>
    <definedName name="FDC_58_147" hidden="1">"#"</definedName>
    <definedName name="FDC_58_148" hidden="1">"#"</definedName>
    <definedName name="FDC_58_149" hidden="1">"#"</definedName>
    <definedName name="FDC_58_15" hidden="1">"#"</definedName>
    <definedName name="FDC_58_150" hidden="1">"#"</definedName>
    <definedName name="FDC_58_151" hidden="1">"#"</definedName>
    <definedName name="FDC_58_152" hidden="1">"#"</definedName>
    <definedName name="FDC_58_153" hidden="1">"#"</definedName>
    <definedName name="FDC_58_154" hidden="1">"#"</definedName>
    <definedName name="FDC_58_155" hidden="1">"#"</definedName>
    <definedName name="FDC_58_156" hidden="1">"#"</definedName>
    <definedName name="FDC_58_157" hidden="1">"#"</definedName>
    <definedName name="FDC_58_158" hidden="1">"#"</definedName>
    <definedName name="FDC_58_159" hidden="1">"#"</definedName>
    <definedName name="FDC_58_16" hidden="1">"#"</definedName>
    <definedName name="FDC_58_160" hidden="1">"#"</definedName>
    <definedName name="FDC_58_161" hidden="1">"#"</definedName>
    <definedName name="FDC_58_162" hidden="1">"#"</definedName>
    <definedName name="FDC_58_163" hidden="1">"#"</definedName>
    <definedName name="FDC_58_164" hidden="1">"#"</definedName>
    <definedName name="FDC_58_165" hidden="1">"#"</definedName>
    <definedName name="FDC_58_166" hidden="1">"#"</definedName>
    <definedName name="FDC_58_167" hidden="1">"#"</definedName>
    <definedName name="FDC_58_168" hidden="1">"#"</definedName>
    <definedName name="FDC_58_169" hidden="1">"#"</definedName>
    <definedName name="FDC_58_17" hidden="1">"#"</definedName>
    <definedName name="FDC_58_170" hidden="1">"#"</definedName>
    <definedName name="FDC_58_171" hidden="1">"#"</definedName>
    <definedName name="FDC_58_172" hidden="1">"#"</definedName>
    <definedName name="FDC_58_173" hidden="1">"#"</definedName>
    <definedName name="FDC_58_174" hidden="1">"#"</definedName>
    <definedName name="FDC_58_175" hidden="1">"#"</definedName>
    <definedName name="FDC_58_176" hidden="1">"#"</definedName>
    <definedName name="FDC_58_177" hidden="1">"#"</definedName>
    <definedName name="FDC_58_178" hidden="1">"#"</definedName>
    <definedName name="FDC_58_179" hidden="1">"#"</definedName>
    <definedName name="FDC_58_18" hidden="1">"#"</definedName>
    <definedName name="FDC_58_180" hidden="1">"#"</definedName>
    <definedName name="FDC_58_181" hidden="1">"#"</definedName>
    <definedName name="FDC_58_182" hidden="1">"#"</definedName>
    <definedName name="FDC_58_183" hidden="1">"#"</definedName>
    <definedName name="FDC_58_184" hidden="1">"#"</definedName>
    <definedName name="FDC_58_185" hidden="1">"#"</definedName>
    <definedName name="FDC_58_186" hidden="1">"#"</definedName>
    <definedName name="FDC_58_187" hidden="1">"#"</definedName>
    <definedName name="FDC_58_188" hidden="1">"#"</definedName>
    <definedName name="FDC_58_189" hidden="1">"#"</definedName>
    <definedName name="FDC_58_19" hidden="1">"#"</definedName>
    <definedName name="FDC_58_190" hidden="1">"#"</definedName>
    <definedName name="FDC_58_191" hidden="1">"#"</definedName>
    <definedName name="FDC_58_192" hidden="1">"#"</definedName>
    <definedName name="FDC_58_193" hidden="1">"#"</definedName>
    <definedName name="FDC_58_194" hidden="1">"#"</definedName>
    <definedName name="FDC_58_195" hidden="1">"#"</definedName>
    <definedName name="FDC_58_196" hidden="1">"#"</definedName>
    <definedName name="FDC_58_197" hidden="1">"#"</definedName>
    <definedName name="FDC_58_198" hidden="1">"#"</definedName>
    <definedName name="FDC_58_199" hidden="1">"#"</definedName>
    <definedName name="FDC_58_2" hidden="1">"#"</definedName>
    <definedName name="FDC_58_20" hidden="1">"#"</definedName>
    <definedName name="FDC_58_200" hidden="1">"#"</definedName>
    <definedName name="FDC_58_201" hidden="1">"#"</definedName>
    <definedName name="FDC_58_202" hidden="1">"#"</definedName>
    <definedName name="FDC_58_203" hidden="1">"#"</definedName>
    <definedName name="FDC_58_204" hidden="1">"#"</definedName>
    <definedName name="FDC_58_205" hidden="1">"#"</definedName>
    <definedName name="FDC_58_206" hidden="1">"#"</definedName>
    <definedName name="FDC_58_207" hidden="1">"#"</definedName>
    <definedName name="FDC_58_208" hidden="1">"#"</definedName>
    <definedName name="FDC_58_209" hidden="1">"#"</definedName>
    <definedName name="FDC_58_21" hidden="1">"#"</definedName>
    <definedName name="FDC_58_210" hidden="1">"#"</definedName>
    <definedName name="FDC_58_211" hidden="1">"#"</definedName>
    <definedName name="FDC_58_212" hidden="1">"#"</definedName>
    <definedName name="FDC_58_213" hidden="1">"#"</definedName>
    <definedName name="FDC_58_214" hidden="1">"#"</definedName>
    <definedName name="FDC_58_215" hidden="1">"#"</definedName>
    <definedName name="FDC_58_216" hidden="1">"#"</definedName>
    <definedName name="FDC_58_217" hidden="1">"#"</definedName>
    <definedName name="FDC_58_218" hidden="1">"#"</definedName>
    <definedName name="FDC_58_219" hidden="1">"#"</definedName>
    <definedName name="FDC_58_22" hidden="1">"#"</definedName>
    <definedName name="FDC_58_220" hidden="1">"#"</definedName>
    <definedName name="FDC_58_221" hidden="1">"#"</definedName>
    <definedName name="FDC_58_222" hidden="1">"#"</definedName>
    <definedName name="FDC_58_223" hidden="1">"#"</definedName>
    <definedName name="FDC_58_224" hidden="1">"#"</definedName>
    <definedName name="FDC_58_225" hidden="1">"#"</definedName>
    <definedName name="FDC_58_226" hidden="1">"#"</definedName>
    <definedName name="FDC_58_227" hidden="1">"#"</definedName>
    <definedName name="FDC_58_228" hidden="1">"#"</definedName>
    <definedName name="FDC_58_229" hidden="1">"#"</definedName>
    <definedName name="FDC_58_23" hidden="1">"#"</definedName>
    <definedName name="FDC_58_230" hidden="1">"#"</definedName>
    <definedName name="FDC_58_231" hidden="1">"#"</definedName>
    <definedName name="FDC_58_232" hidden="1">"#"</definedName>
    <definedName name="FDC_58_233" hidden="1">"#"</definedName>
    <definedName name="FDC_58_234" hidden="1">"#"</definedName>
    <definedName name="FDC_58_235" hidden="1">"#"</definedName>
    <definedName name="FDC_58_236" hidden="1">"#"</definedName>
    <definedName name="FDC_58_237" hidden="1">"#"</definedName>
    <definedName name="FDC_58_238" hidden="1">"#"</definedName>
    <definedName name="FDC_58_239" hidden="1">"#"</definedName>
    <definedName name="FDC_58_24" hidden="1">"#"</definedName>
    <definedName name="FDC_58_240" hidden="1">"#"</definedName>
    <definedName name="FDC_58_241" hidden="1">"#"</definedName>
    <definedName name="FDC_58_242" hidden="1">"#"</definedName>
    <definedName name="FDC_58_243" hidden="1">"#"</definedName>
    <definedName name="FDC_58_244" hidden="1">"#"</definedName>
    <definedName name="FDC_58_245" hidden="1">"#"</definedName>
    <definedName name="FDC_58_246" hidden="1">"#"</definedName>
    <definedName name="FDC_58_247" hidden="1">"#"</definedName>
    <definedName name="FDC_58_248" hidden="1">"#"</definedName>
    <definedName name="FDC_58_249" hidden="1">"#"</definedName>
    <definedName name="FDC_58_25" hidden="1">"#"</definedName>
    <definedName name="FDC_58_250" hidden="1">"#"</definedName>
    <definedName name="FDC_58_251" hidden="1">"#"</definedName>
    <definedName name="FDC_58_252" hidden="1">"#"</definedName>
    <definedName name="FDC_58_253" hidden="1">"#"</definedName>
    <definedName name="FDC_58_254" hidden="1">"#"</definedName>
    <definedName name="FDC_58_255" hidden="1">"#"</definedName>
    <definedName name="FDC_58_256" hidden="1">"#"</definedName>
    <definedName name="FDC_58_257" hidden="1">"#"</definedName>
    <definedName name="FDC_58_258" hidden="1">"#"</definedName>
    <definedName name="FDC_58_259" hidden="1">"#"</definedName>
    <definedName name="FDC_58_26" hidden="1">"#"</definedName>
    <definedName name="FDC_58_260" hidden="1">"#"</definedName>
    <definedName name="FDC_58_261" hidden="1">"#"</definedName>
    <definedName name="FDC_58_27" hidden="1">"#"</definedName>
    <definedName name="FDC_58_28" hidden="1">"#"</definedName>
    <definedName name="FDC_58_29" hidden="1">"#"</definedName>
    <definedName name="FDC_58_3" hidden="1">"#"</definedName>
    <definedName name="FDC_58_30" hidden="1">"#"</definedName>
    <definedName name="FDC_58_31" hidden="1">"#"</definedName>
    <definedName name="FDC_58_32" hidden="1">"#"</definedName>
    <definedName name="FDC_58_33" hidden="1">"#"</definedName>
    <definedName name="FDC_58_34" hidden="1">"#"</definedName>
    <definedName name="FDC_58_35" hidden="1">"#"</definedName>
    <definedName name="FDC_58_36" hidden="1">"#"</definedName>
    <definedName name="FDC_58_37" hidden="1">"#"</definedName>
    <definedName name="FDC_58_38" hidden="1">"#"</definedName>
    <definedName name="FDC_58_39" hidden="1">"#"</definedName>
    <definedName name="FDC_58_4" hidden="1">"#"</definedName>
    <definedName name="FDC_58_40" hidden="1">"#"</definedName>
    <definedName name="FDC_58_41" hidden="1">"#"</definedName>
    <definedName name="FDC_58_42" hidden="1">"#"</definedName>
    <definedName name="FDC_58_43" hidden="1">"#"</definedName>
    <definedName name="FDC_58_44" hidden="1">"#"</definedName>
    <definedName name="FDC_58_45" hidden="1">"#"</definedName>
    <definedName name="FDC_58_46" hidden="1">"#"</definedName>
    <definedName name="FDC_58_47" hidden="1">"#"</definedName>
    <definedName name="FDC_58_48" hidden="1">"#"</definedName>
    <definedName name="FDC_58_49" hidden="1">"#"</definedName>
    <definedName name="FDC_58_5" hidden="1">"#"</definedName>
    <definedName name="FDC_58_50" hidden="1">"#"</definedName>
    <definedName name="FDC_58_51" hidden="1">"#"</definedName>
    <definedName name="FDC_58_52" hidden="1">"#"</definedName>
    <definedName name="FDC_58_53" hidden="1">"#"</definedName>
    <definedName name="FDC_58_54" hidden="1">"#"</definedName>
    <definedName name="FDC_58_55" hidden="1">"#"</definedName>
    <definedName name="FDC_58_56" hidden="1">"#"</definedName>
    <definedName name="FDC_58_57" hidden="1">"#"</definedName>
    <definedName name="FDC_58_58" hidden="1">"#"</definedName>
    <definedName name="FDC_58_59" hidden="1">"#"</definedName>
    <definedName name="FDC_58_6" hidden="1">"#"</definedName>
    <definedName name="FDC_58_60" hidden="1">"#"</definedName>
    <definedName name="FDC_58_61" hidden="1">"#"</definedName>
    <definedName name="FDC_58_62" hidden="1">"#"</definedName>
    <definedName name="FDC_58_63" hidden="1">"#"</definedName>
    <definedName name="FDC_58_64" hidden="1">"#"</definedName>
    <definedName name="FDC_58_65" hidden="1">"#"</definedName>
    <definedName name="FDC_58_66" hidden="1">"#"</definedName>
    <definedName name="FDC_58_67" hidden="1">"#"</definedName>
    <definedName name="FDC_58_68" hidden="1">"#"</definedName>
    <definedName name="FDC_58_69" hidden="1">"#"</definedName>
    <definedName name="FDC_58_7" hidden="1">"#"</definedName>
    <definedName name="FDC_58_70" hidden="1">"#"</definedName>
    <definedName name="FDC_58_71" hidden="1">"#"</definedName>
    <definedName name="FDC_58_72" hidden="1">"#"</definedName>
    <definedName name="FDC_58_73" hidden="1">"#"</definedName>
    <definedName name="FDC_58_74" hidden="1">"#"</definedName>
    <definedName name="FDC_58_75" hidden="1">"#"</definedName>
    <definedName name="FDC_58_76" hidden="1">"#"</definedName>
    <definedName name="FDC_58_77" hidden="1">"#"</definedName>
    <definedName name="FDC_58_78" hidden="1">"#"</definedName>
    <definedName name="FDC_58_79" hidden="1">"#"</definedName>
    <definedName name="FDC_58_8" hidden="1">"#"</definedName>
    <definedName name="FDC_58_80" hidden="1">"#"</definedName>
    <definedName name="FDC_58_81" hidden="1">"#"</definedName>
    <definedName name="FDC_58_82" hidden="1">"#"</definedName>
    <definedName name="FDC_58_83" hidden="1">"#"</definedName>
    <definedName name="FDC_58_84" hidden="1">"#"</definedName>
    <definedName name="FDC_58_85" hidden="1">"#"</definedName>
    <definedName name="FDC_58_86" hidden="1">"#"</definedName>
    <definedName name="FDC_58_87" hidden="1">"#"</definedName>
    <definedName name="FDC_58_88" hidden="1">"#"</definedName>
    <definedName name="FDC_58_89" hidden="1">"#"</definedName>
    <definedName name="FDC_58_9" hidden="1">"#"</definedName>
    <definedName name="FDC_58_90" hidden="1">"#"</definedName>
    <definedName name="FDC_58_91" hidden="1">"#"</definedName>
    <definedName name="FDC_58_92" hidden="1">"#"</definedName>
    <definedName name="FDC_58_93" hidden="1">"#"</definedName>
    <definedName name="FDC_58_94" hidden="1">"#"</definedName>
    <definedName name="FDC_58_95" hidden="1">"#"</definedName>
    <definedName name="FDC_58_96" hidden="1">"#"</definedName>
    <definedName name="FDC_58_97" hidden="1">"#"</definedName>
    <definedName name="FDC_58_98" hidden="1">"#"</definedName>
    <definedName name="FDC_58_99" hidden="1">"#"</definedName>
    <definedName name="FDC_59_0" hidden="1">"#"</definedName>
    <definedName name="FDC_59_1" hidden="1">"#"</definedName>
    <definedName name="FDC_59_10" hidden="1">"#"</definedName>
    <definedName name="FDC_59_100" hidden="1">"#"</definedName>
    <definedName name="FDC_59_101" hidden="1">"#"</definedName>
    <definedName name="FDC_59_102" hidden="1">"#"</definedName>
    <definedName name="FDC_59_103" hidden="1">"#"</definedName>
    <definedName name="FDC_59_104" hidden="1">"#"</definedName>
    <definedName name="FDC_59_105" hidden="1">"#"</definedName>
    <definedName name="FDC_59_106" hidden="1">"#"</definedName>
    <definedName name="FDC_59_107" hidden="1">"#"</definedName>
    <definedName name="FDC_59_108" hidden="1">"#"</definedName>
    <definedName name="FDC_59_109" hidden="1">"#"</definedName>
    <definedName name="FDC_59_11" hidden="1">"#"</definedName>
    <definedName name="FDC_59_110" hidden="1">"#"</definedName>
    <definedName name="FDC_59_111" hidden="1">"#"</definedName>
    <definedName name="FDC_59_112" hidden="1">"#"</definedName>
    <definedName name="FDC_59_113" hidden="1">"#"</definedName>
    <definedName name="FDC_59_114" hidden="1">"#"</definedName>
    <definedName name="FDC_59_115" hidden="1">"#"</definedName>
    <definedName name="FDC_59_116" hidden="1">"#"</definedName>
    <definedName name="FDC_59_117" hidden="1">"#"</definedName>
    <definedName name="FDC_59_118" hidden="1">"#"</definedName>
    <definedName name="FDC_59_119" hidden="1">"#"</definedName>
    <definedName name="FDC_59_12" hidden="1">"#"</definedName>
    <definedName name="FDC_59_120" hidden="1">"#"</definedName>
    <definedName name="FDC_59_121" hidden="1">"#"</definedName>
    <definedName name="FDC_59_122" hidden="1">"#"</definedName>
    <definedName name="FDC_59_123" hidden="1">"#"</definedName>
    <definedName name="FDC_59_124" hidden="1">"#"</definedName>
    <definedName name="FDC_59_125" hidden="1">"#"</definedName>
    <definedName name="FDC_59_126" hidden="1">"#"</definedName>
    <definedName name="FDC_59_127" hidden="1">"#"</definedName>
    <definedName name="FDC_59_128" hidden="1">"#"</definedName>
    <definedName name="FDC_59_129" hidden="1">"#"</definedName>
    <definedName name="FDC_59_13" hidden="1">"#"</definedName>
    <definedName name="FDC_59_130" hidden="1">"#"</definedName>
    <definedName name="FDC_59_131" hidden="1">"#"</definedName>
    <definedName name="FDC_59_132" hidden="1">"#"</definedName>
    <definedName name="FDC_59_133" hidden="1">"#"</definedName>
    <definedName name="FDC_59_134" hidden="1">"#"</definedName>
    <definedName name="FDC_59_135" hidden="1">"#"</definedName>
    <definedName name="FDC_59_136" hidden="1">"#"</definedName>
    <definedName name="FDC_59_137" hidden="1">"#"</definedName>
    <definedName name="FDC_59_138" hidden="1">"#"</definedName>
    <definedName name="FDC_59_139" hidden="1">"#"</definedName>
    <definedName name="FDC_59_14" hidden="1">"#"</definedName>
    <definedName name="FDC_59_140" hidden="1">"#"</definedName>
    <definedName name="FDC_59_141" hidden="1">"#"</definedName>
    <definedName name="FDC_59_142" hidden="1">"#"</definedName>
    <definedName name="FDC_59_143" hidden="1">"#"</definedName>
    <definedName name="FDC_59_144" hidden="1">"#"</definedName>
    <definedName name="FDC_59_145" hidden="1">"#"</definedName>
    <definedName name="FDC_59_146" hidden="1">"#"</definedName>
    <definedName name="FDC_59_147" hidden="1">"#"</definedName>
    <definedName name="FDC_59_148" hidden="1">"#"</definedName>
    <definedName name="FDC_59_149" hidden="1">"#"</definedName>
    <definedName name="FDC_59_15" hidden="1">"#"</definedName>
    <definedName name="FDC_59_150" hidden="1">"#"</definedName>
    <definedName name="FDC_59_151" hidden="1">"#"</definedName>
    <definedName name="FDC_59_152" hidden="1">"#"</definedName>
    <definedName name="FDC_59_153" hidden="1">"#"</definedName>
    <definedName name="FDC_59_154" hidden="1">"#"</definedName>
    <definedName name="FDC_59_155" hidden="1">"#"</definedName>
    <definedName name="FDC_59_156" hidden="1">"#"</definedName>
    <definedName name="FDC_59_157" hidden="1">"#"</definedName>
    <definedName name="FDC_59_158" hidden="1">"#"</definedName>
    <definedName name="FDC_59_159" hidden="1">"#"</definedName>
    <definedName name="FDC_59_16" hidden="1">"#"</definedName>
    <definedName name="FDC_59_160" hidden="1">"#"</definedName>
    <definedName name="FDC_59_161" hidden="1">"#"</definedName>
    <definedName name="FDC_59_162" hidden="1">"#"</definedName>
    <definedName name="FDC_59_163" hidden="1">"#"</definedName>
    <definedName name="FDC_59_164" hidden="1">"#"</definedName>
    <definedName name="FDC_59_165" hidden="1">"#"</definedName>
    <definedName name="FDC_59_166" hidden="1">"#"</definedName>
    <definedName name="FDC_59_167" hidden="1">"#"</definedName>
    <definedName name="FDC_59_168" hidden="1">"#"</definedName>
    <definedName name="FDC_59_169" hidden="1">"#"</definedName>
    <definedName name="FDC_59_17" hidden="1">"#"</definedName>
    <definedName name="FDC_59_170" hidden="1">"#"</definedName>
    <definedName name="FDC_59_171" hidden="1">"#"</definedName>
    <definedName name="FDC_59_172" hidden="1">"#"</definedName>
    <definedName name="FDC_59_173" hidden="1">"#"</definedName>
    <definedName name="FDC_59_174" hidden="1">"#"</definedName>
    <definedName name="FDC_59_175" hidden="1">"#"</definedName>
    <definedName name="FDC_59_176" hidden="1">"#"</definedName>
    <definedName name="FDC_59_177" hidden="1">"#"</definedName>
    <definedName name="FDC_59_178" hidden="1">"#"</definedName>
    <definedName name="FDC_59_179" hidden="1">"#"</definedName>
    <definedName name="FDC_59_18" hidden="1">"#"</definedName>
    <definedName name="FDC_59_180" hidden="1">"#"</definedName>
    <definedName name="FDC_59_181" hidden="1">"#"</definedName>
    <definedName name="FDC_59_182" hidden="1">"#"</definedName>
    <definedName name="FDC_59_183" hidden="1">"#"</definedName>
    <definedName name="FDC_59_184" hidden="1">"#"</definedName>
    <definedName name="FDC_59_185" hidden="1">"#"</definedName>
    <definedName name="FDC_59_186" hidden="1">"#"</definedName>
    <definedName name="FDC_59_187" hidden="1">"#"</definedName>
    <definedName name="FDC_59_188" hidden="1">"#"</definedName>
    <definedName name="FDC_59_189" hidden="1">"#"</definedName>
    <definedName name="FDC_59_19" hidden="1">"#"</definedName>
    <definedName name="FDC_59_190" hidden="1">"#"</definedName>
    <definedName name="FDC_59_191" hidden="1">"#"</definedName>
    <definedName name="FDC_59_192" hidden="1">"#"</definedName>
    <definedName name="FDC_59_193" hidden="1">"#"</definedName>
    <definedName name="FDC_59_194" hidden="1">"#"</definedName>
    <definedName name="FDC_59_195" hidden="1">"#"</definedName>
    <definedName name="FDC_59_196" hidden="1">"#"</definedName>
    <definedName name="FDC_59_197" hidden="1">"#"</definedName>
    <definedName name="FDC_59_198" hidden="1">"#"</definedName>
    <definedName name="FDC_59_199" hidden="1">"#"</definedName>
    <definedName name="FDC_59_2" hidden="1">"#"</definedName>
    <definedName name="FDC_59_20" hidden="1">"#"</definedName>
    <definedName name="FDC_59_200" hidden="1">"#"</definedName>
    <definedName name="FDC_59_201" hidden="1">"#"</definedName>
    <definedName name="FDC_59_202" hidden="1">"#"</definedName>
    <definedName name="FDC_59_203" hidden="1">"#"</definedName>
    <definedName name="FDC_59_204" hidden="1">"#"</definedName>
    <definedName name="FDC_59_205" hidden="1">"#"</definedName>
    <definedName name="FDC_59_206" hidden="1">"#"</definedName>
    <definedName name="FDC_59_207" hidden="1">"#"</definedName>
    <definedName name="FDC_59_208" hidden="1">"#"</definedName>
    <definedName name="FDC_59_209" hidden="1">"#"</definedName>
    <definedName name="FDC_59_21" hidden="1">"#"</definedName>
    <definedName name="FDC_59_210" hidden="1">"#"</definedName>
    <definedName name="FDC_59_211" hidden="1">"#"</definedName>
    <definedName name="FDC_59_212" hidden="1">"#"</definedName>
    <definedName name="FDC_59_213" hidden="1">"#"</definedName>
    <definedName name="FDC_59_214" hidden="1">"#"</definedName>
    <definedName name="FDC_59_215" hidden="1">"#"</definedName>
    <definedName name="FDC_59_216" hidden="1">"#"</definedName>
    <definedName name="FDC_59_217" hidden="1">"#"</definedName>
    <definedName name="FDC_59_218" hidden="1">"#"</definedName>
    <definedName name="FDC_59_219" hidden="1">"#"</definedName>
    <definedName name="FDC_59_22" hidden="1">"#"</definedName>
    <definedName name="FDC_59_220" hidden="1">"#"</definedName>
    <definedName name="FDC_59_221" hidden="1">"#"</definedName>
    <definedName name="FDC_59_222" hidden="1">"#"</definedName>
    <definedName name="FDC_59_223" hidden="1">"#"</definedName>
    <definedName name="FDC_59_224" hidden="1">"#"</definedName>
    <definedName name="FDC_59_225" hidden="1">"#"</definedName>
    <definedName name="FDC_59_226" hidden="1">"#"</definedName>
    <definedName name="FDC_59_227" hidden="1">"#"</definedName>
    <definedName name="FDC_59_228" hidden="1">"#"</definedName>
    <definedName name="FDC_59_229" hidden="1">"#"</definedName>
    <definedName name="FDC_59_23" hidden="1">"#"</definedName>
    <definedName name="FDC_59_230" hidden="1">"#"</definedName>
    <definedName name="FDC_59_231" hidden="1">"#"</definedName>
    <definedName name="FDC_59_232" hidden="1">"#"</definedName>
    <definedName name="FDC_59_233" hidden="1">"#"</definedName>
    <definedName name="FDC_59_234" hidden="1">"#"</definedName>
    <definedName name="FDC_59_235" hidden="1">"#"</definedName>
    <definedName name="FDC_59_236" hidden="1">"#"</definedName>
    <definedName name="FDC_59_237" hidden="1">"#"</definedName>
    <definedName name="FDC_59_238" hidden="1">"#"</definedName>
    <definedName name="FDC_59_239" hidden="1">"#"</definedName>
    <definedName name="FDC_59_24" hidden="1">"#"</definedName>
    <definedName name="FDC_59_240" hidden="1">"#"</definedName>
    <definedName name="FDC_59_241" hidden="1">"#"</definedName>
    <definedName name="FDC_59_242" hidden="1">"#"</definedName>
    <definedName name="FDC_59_243" hidden="1">"#"</definedName>
    <definedName name="FDC_59_244" hidden="1">"#"</definedName>
    <definedName name="FDC_59_245" hidden="1">"#"</definedName>
    <definedName name="FDC_59_246" hidden="1">"#"</definedName>
    <definedName name="FDC_59_247" hidden="1">"#"</definedName>
    <definedName name="FDC_59_248" hidden="1">"#"</definedName>
    <definedName name="FDC_59_249" hidden="1">"#"</definedName>
    <definedName name="FDC_59_25" hidden="1">"#"</definedName>
    <definedName name="FDC_59_250" hidden="1">"#"</definedName>
    <definedName name="FDC_59_251" hidden="1">"#"</definedName>
    <definedName name="FDC_59_252" hidden="1">"#"</definedName>
    <definedName name="FDC_59_253" hidden="1">"#"</definedName>
    <definedName name="FDC_59_254" hidden="1">"#"</definedName>
    <definedName name="FDC_59_255" hidden="1">"#"</definedName>
    <definedName name="FDC_59_256" hidden="1">"#"</definedName>
    <definedName name="FDC_59_257" hidden="1">"#"</definedName>
    <definedName name="FDC_59_258" hidden="1">"#"</definedName>
    <definedName name="FDC_59_259" hidden="1">"#"</definedName>
    <definedName name="FDC_59_26" hidden="1">"#"</definedName>
    <definedName name="FDC_59_260" hidden="1">"#"</definedName>
    <definedName name="FDC_59_261" hidden="1">"#"</definedName>
    <definedName name="FDC_59_27" hidden="1">"#"</definedName>
    <definedName name="FDC_59_28" hidden="1">"#"</definedName>
    <definedName name="FDC_59_29" hidden="1">"#"</definedName>
    <definedName name="FDC_59_3" hidden="1">"#"</definedName>
    <definedName name="FDC_59_30" hidden="1">"#"</definedName>
    <definedName name="FDC_59_31" hidden="1">"#"</definedName>
    <definedName name="FDC_59_32" hidden="1">"#"</definedName>
    <definedName name="FDC_59_33" hidden="1">"#"</definedName>
    <definedName name="FDC_59_34" hidden="1">"#"</definedName>
    <definedName name="FDC_59_35" hidden="1">"#"</definedName>
    <definedName name="FDC_59_36" hidden="1">"#"</definedName>
    <definedName name="FDC_59_37" hidden="1">"#"</definedName>
    <definedName name="FDC_59_38" hidden="1">"#"</definedName>
    <definedName name="FDC_59_39" hidden="1">"#"</definedName>
    <definedName name="FDC_59_4" hidden="1">"#"</definedName>
    <definedName name="FDC_59_40" hidden="1">"#"</definedName>
    <definedName name="FDC_59_41" hidden="1">"#"</definedName>
    <definedName name="FDC_59_42" hidden="1">"#"</definedName>
    <definedName name="FDC_59_43" hidden="1">"#"</definedName>
    <definedName name="FDC_59_44" hidden="1">"#"</definedName>
    <definedName name="FDC_59_45" hidden="1">"#"</definedName>
    <definedName name="FDC_59_46" hidden="1">"#"</definedName>
    <definedName name="FDC_59_47" hidden="1">"#"</definedName>
    <definedName name="FDC_59_48" hidden="1">"#"</definedName>
    <definedName name="FDC_59_49" hidden="1">"#"</definedName>
    <definedName name="FDC_59_5" hidden="1">"#"</definedName>
    <definedName name="FDC_59_50" hidden="1">"#"</definedName>
    <definedName name="FDC_59_51" hidden="1">"#"</definedName>
    <definedName name="FDC_59_52" hidden="1">"#"</definedName>
    <definedName name="FDC_59_53" hidden="1">"#"</definedName>
    <definedName name="FDC_59_54" hidden="1">"#"</definedName>
    <definedName name="FDC_59_55" hidden="1">"#"</definedName>
    <definedName name="FDC_59_56" hidden="1">"#"</definedName>
    <definedName name="FDC_59_57" hidden="1">"#"</definedName>
    <definedName name="FDC_59_58" hidden="1">"#"</definedName>
    <definedName name="FDC_59_59" hidden="1">"#"</definedName>
    <definedName name="FDC_59_6" hidden="1">"#"</definedName>
    <definedName name="FDC_59_60" hidden="1">"#"</definedName>
    <definedName name="FDC_59_61" hidden="1">"#"</definedName>
    <definedName name="FDC_59_62" hidden="1">"#"</definedName>
    <definedName name="FDC_59_63" hidden="1">"#"</definedName>
    <definedName name="FDC_59_64" hidden="1">"#"</definedName>
    <definedName name="FDC_59_65" hidden="1">"#"</definedName>
    <definedName name="FDC_59_66" hidden="1">"#"</definedName>
    <definedName name="FDC_59_67" hidden="1">"#"</definedName>
    <definedName name="FDC_59_68" hidden="1">"#"</definedName>
    <definedName name="FDC_59_69" hidden="1">"#"</definedName>
    <definedName name="FDC_59_7" hidden="1">"#"</definedName>
    <definedName name="FDC_59_70" hidden="1">"#"</definedName>
    <definedName name="FDC_59_71" hidden="1">"#"</definedName>
    <definedName name="FDC_59_72" hidden="1">"#"</definedName>
    <definedName name="FDC_59_73" hidden="1">"#"</definedName>
    <definedName name="FDC_59_74" hidden="1">"#"</definedName>
    <definedName name="FDC_59_75" hidden="1">"#"</definedName>
    <definedName name="FDC_59_76" hidden="1">"#"</definedName>
    <definedName name="FDC_59_77" hidden="1">"#"</definedName>
    <definedName name="FDC_59_78" hidden="1">"#"</definedName>
    <definedName name="FDC_59_79" hidden="1">"#"</definedName>
    <definedName name="FDC_59_8" hidden="1">"#"</definedName>
    <definedName name="FDC_59_80" hidden="1">"#"</definedName>
    <definedName name="FDC_59_81" hidden="1">"#"</definedName>
    <definedName name="FDC_59_82" hidden="1">"#"</definedName>
    <definedName name="FDC_59_83" hidden="1">"#"</definedName>
    <definedName name="FDC_59_84" hidden="1">"#"</definedName>
    <definedName name="FDC_59_85" hidden="1">"#"</definedName>
    <definedName name="FDC_59_86" hidden="1">"#"</definedName>
    <definedName name="FDC_59_87" hidden="1">"#"</definedName>
    <definedName name="FDC_59_88" hidden="1">"#"</definedName>
    <definedName name="FDC_59_89" hidden="1">"#"</definedName>
    <definedName name="FDC_59_9" hidden="1">"#"</definedName>
    <definedName name="FDC_59_90" hidden="1">"#"</definedName>
    <definedName name="FDC_59_91" hidden="1">"#"</definedName>
    <definedName name="FDC_59_92" hidden="1">"#"</definedName>
    <definedName name="FDC_59_93" hidden="1">"#"</definedName>
    <definedName name="FDC_59_94" hidden="1">"#"</definedName>
    <definedName name="FDC_59_95" hidden="1">"#"</definedName>
    <definedName name="FDC_59_96" hidden="1">"#"</definedName>
    <definedName name="FDC_59_97" hidden="1">"#"</definedName>
    <definedName name="FDC_59_98" hidden="1">"#"</definedName>
    <definedName name="FDC_59_99" hidden="1">"#"</definedName>
    <definedName name="FDC_6_0" hidden="1">"#"</definedName>
    <definedName name="FDC_6_1" hidden="1">"#"</definedName>
    <definedName name="FDC_6_2" hidden="1">"#"</definedName>
    <definedName name="FDC_6_3" hidden="1">"#"</definedName>
    <definedName name="FDC_60_0" hidden="1">"#"</definedName>
    <definedName name="FDC_60_1" hidden="1">"#"</definedName>
    <definedName name="FDC_60_10" hidden="1">"#"</definedName>
    <definedName name="FDC_60_100" hidden="1">"#"</definedName>
    <definedName name="FDC_60_101" hidden="1">"#"</definedName>
    <definedName name="FDC_60_102" hidden="1">"#"</definedName>
    <definedName name="FDC_60_103" hidden="1">"#"</definedName>
    <definedName name="FDC_60_104" hidden="1">"#"</definedName>
    <definedName name="FDC_60_105" hidden="1">"#"</definedName>
    <definedName name="FDC_60_106" hidden="1">"#"</definedName>
    <definedName name="FDC_60_107" hidden="1">"#"</definedName>
    <definedName name="FDC_60_108" hidden="1">"#"</definedName>
    <definedName name="FDC_60_109" hidden="1">"#"</definedName>
    <definedName name="FDC_60_11" hidden="1">"#"</definedName>
    <definedName name="FDC_60_110" hidden="1">"#"</definedName>
    <definedName name="FDC_60_111" hidden="1">"#"</definedName>
    <definedName name="FDC_60_112" hidden="1">"#"</definedName>
    <definedName name="FDC_60_113" hidden="1">"#"</definedName>
    <definedName name="FDC_60_114" hidden="1">"#"</definedName>
    <definedName name="FDC_60_115" hidden="1">"#"</definedName>
    <definedName name="FDC_60_116" hidden="1">"#"</definedName>
    <definedName name="FDC_60_117" hidden="1">"#"</definedName>
    <definedName name="FDC_60_118" hidden="1">"#"</definedName>
    <definedName name="FDC_60_119" hidden="1">"#"</definedName>
    <definedName name="FDC_60_12" hidden="1">"#"</definedName>
    <definedName name="FDC_60_120" hidden="1">"#"</definedName>
    <definedName name="FDC_60_121" hidden="1">"#"</definedName>
    <definedName name="FDC_60_122" hidden="1">"#"</definedName>
    <definedName name="FDC_60_123" hidden="1">"#"</definedName>
    <definedName name="FDC_60_124" hidden="1">"#"</definedName>
    <definedName name="FDC_60_125" hidden="1">"#"</definedName>
    <definedName name="FDC_60_126" hidden="1">"#"</definedName>
    <definedName name="FDC_60_127" hidden="1">"#"</definedName>
    <definedName name="FDC_60_128" hidden="1">"#"</definedName>
    <definedName name="FDC_60_129" hidden="1">"#"</definedName>
    <definedName name="FDC_60_13" hidden="1">"#"</definedName>
    <definedName name="FDC_60_130" hidden="1">"#"</definedName>
    <definedName name="FDC_60_131" hidden="1">"#"</definedName>
    <definedName name="FDC_60_132" hidden="1">"#"</definedName>
    <definedName name="FDC_60_133" hidden="1">"#"</definedName>
    <definedName name="FDC_60_134" hidden="1">"#"</definedName>
    <definedName name="FDC_60_135" hidden="1">"#"</definedName>
    <definedName name="FDC_60_136" hidden="1">"#"</definedName>
    <definedName name="FDC_60_137" hidden="1">"#"</definedName>
    <definedName name="FDC_60_138" hidden="1">"#"</definedName>
    <definedName name="FDC_60_139" hidden="1">"#"</definedName>
    <definedName name="FDC_60_14" hidden="1">"#"</definedName>
    <definedName name="FDC_60_140" hidden="1">"#"</definedName>
    <definedName name="FDC_60_141" hidden="1">"#"</definedName>
    <definedName name="FDC_60_142" hidden="1">"#"</definedName>
    <definedName name="FDC_60_143" hidden="1">"#"</definedName>
    <definedName name="FDC_60_144" hidden="1">"#"</definedName>
    <definedName name="FDC_60_145" hidden="1">"#"</definedName>
    <definedName name="FDC_60_146" hidden="1">"#"</definedName>
    <definedName name="FDC_60_147" hidden="1">"#"</definedName>
    <definedName name="FDC_60_148" hidden="1">"#"</definedName>
    <definedName name="FDC_60_149" hidden="1">"#"</definedName>
    <definedName name="FDC_60_15" hidden="1">"#"</definedName>
    <definedName name="FDC_60_150" hidden="1">"#"</definedName>
    <definedName name="FDC_60_151" hidden="1">"#"</definedName>
    <definedName name="FDC_60_152" hidden="1">"#"</definedName>
    <definedName name="FDC_60_153" hidden="1">"#"</definedName>
    <definedName name="FDC_60_154" hidden="1">"#"</definedName>
    <definedName name="FDC_60_155" hidden="1">"#"</definedName>
    <definedName name="FDC_60_156" hidden="1">"#"</definedName>
    <definedName name="FDC_60_157" hidden="1">"#"</definedName>
    <definedName name="FDC_60_158" hidden="1">"#"</definedName>
    <definedName name="FDC_60_159" hidden="1">"#"</definedName>
    <definedName name="FDC_60_16" hidden="1">"#"</definedName>
    <definedName name="FDC_60_160" hidden="1">"#"</definedName>
    <definedName name="FDC_60_161" hidden="1">"#"</definedName>
    <definedName name="FDC_60_162" hidden="1">"#"</definedName>
    <definedName name="FDC_60_163" hidden="1">"#"</definedName>
    <definedName name="FDC_60_164" hidden="1">"#"</definedName>
    <definedName name="FDC_60_165" hidden="1">"#"</definedName>
    <definedName name="FDC_60_166" hidden="1">"#"</definedName>
    <definedName name="FDC_60_167" hidden="1">"#"</definedName>
    <definedName name="FDC_60_168" hidden="1">"#"</definedName>
    <definedName name="FDC_60_169" hidden="1">"#"</definedName>
    <definedName name="FDC_60_17" hidden="1">"#"</definedName>
    <definedName name="FDC_60_170" hidden="1">"#"</definedName>
    <definedName name="FDC_60_171" hidden="1">"#"</definedName>
    <definedName name="FDC_60_172" hidden="1">"#"</definedName>
    <definedName name="FDC_60_173" hidden="1">"#"</definedName>
    <definedName name="FDC_60_174" hidden="1">"#"</definedName>
    <definedName name="FDC_60_175" hidden="1">"#"</definedName>
    <definedName name="FDC_60_176" hidden="1">"#"</definedName>
    <definedName name="FDC_60_177" hidden="1">"#"</definedName>
    <definedName name="FDC_60_178" hidden="1">"#"</definedName>
    <definedName name="FDC_60_179" hidden="1">"#"</definedName>
    <definedName name="FDC_60_18" hidden="1">"#"</definedName>
    <definedName name="FDC_60_180" hidden="1">"#"</definedName>
    <definedName name="FDC_60_181" hidden="1">"#"</definedName>
    <definedName name="FDC_60_182" hidden="1">"#"</definedName>
    <definedName name="FDC_60_183" hidden="1">"#"</definedName>
    <definedName name="FDC_60_184" hidden="1">"#"</definedName>
    <definedName name="FDC_60_185" hidden="1">"#"</definedName>
    <definedName name="FDC_60_186" hidden="1">"#"</definedName>
    <definedName name="FDC_60_187" hidden="1">"#"</definedName>
    <definedName name="FDC_60_188" hidden="1">"#"</definedName>
    <definedName name="FDC_60_189" hidden="1">"#"</definedName>
    <definedName name="FDC_60_19" hidden="1">"#"</definedName>
    <definedName name="FDC_60_190" hidden="1">"#"</definedName>
    <definedName name="FDC_60_191" hidden="1">"#"</definedName>
    <definedName name="FDC_60_192" hidden="1">"#"</definedName>
    <definedName name="FDC_60_193" hidden="1">"#"</definedName>
    <definedName name="FDC_60_194" hidden="1">"#"</definedName>
    <definedName name="FDC_60_195" hidden="1">"#"</definedName>
    <definedName name="FDC_60_196" hidden="1">"#"</definedName>
    <definedName name="FDC_60_197" hidden="1">"#"</definedName>
    <definedName name="FDC_60_198" hidden="1">"#"</definedName>
    <definedName name="FDC_60_199" hidden="1">"#"</definedName>
    <definedName name="FDC_60_2" hidden="1">"#"</definedName>
    <definedName name="FDC_60_20" hidden="1">"#"</definedName>
    <definedName name="FDC_60_200" hidden="1">"#"</definedName>
    <definedName name="FDC_60_201" hidden="1">"#"</definedName>
    <definedName name="FDC_60_202" hidden="1">"#"</definedName>
    <definedName name="FDC_60_203" hidden="1">"#"</definedName>
    <definedName name="FDC_60_204" hidden="1">"#"</definedName>
    <definedName name="FDC_60_205" hidden="1">"#"</definedName>
    <definedName name="FDC_60_206" hidden="1">"#"</definedName>
    <definedName name="FDC_60_207" hidden="1">"#"</definedName>
    <definedName name="FDC_60_208" hidden="1">"#"</definedName>
    <definedName name="FDC_60_209" hidden="1">"#"</definedName>
    <definedName name="FDC_60_21" hidden="1">"#"</definedName>
    <definedName name="FDC_60_210" hidden="1">"#"</definedName>
    <definedName name="FDC_60_211" hidden="1">"#"</definedName>
    <definedName name="FDC_60_212" hidden="1">"#"</definedName>
    <definedName name="FDC_60_213" hidden="1">"#"</definedName>
    <definedName name="FDC_60_214" hidden="1">"#"</definedName>
    <definedName name="FDC_60_215" hidden="1">"#"</definedName>
    <definedName name="FDC_60_216" hidden="1">"#"</definedName>
    <definedName name="FDC_60_217" hidden="1">"#"</definedName>
    <definedName name="FDC_60_218" hidden="1">"#"</definedName>
    <definedName name="FDC_60_219" hidden="1">"#"</definedName>
    <definedName name="FDC_60_22" hidden="1">"#"</definedName>
    <definedName name="FDC_60_220" hidden="1">"#"</definedName>
    <definedName name="FDC_60_221" hidden="1">"#"</definedName>
    <definedName name="FDC_60_222" hidden="1">"#"</definedName>
    <definedName name="FDC_60_223" hidden="1">"#"</definedName>
    <definedName name="FDC_60_224" hidden="1">"#"</definedName>
    <definedName name="FDC_60_225" hidden="1">"#"</definedName>
    <definedName name="FDC_60_226" hidden="1">"#"</definedName>
    <definedName name="FDC_60_227" hidden="1">"#"</definedName>
    <definedName name="FDC_60_228" hidden="1">"#"</definedName>
    <definedName name="FDC_60_229" hidden="1">"#"</definedName>
    <definedName name="FDC_60_23" hidden="1">"#"</definedName>
    <definedName name="FDC_60_230" hidden="1">"#"</definedName>
    <definedName name="FDC_60_231" hidden="1">"#"</definedName>
    <definedName name="FDC_60_232" hidden="1">"#"</definedName>
    <definedName name="FDC_60_233" hidden="1">"#"</definedName>
    <definedName name="FDC_60_234" hidden="1">"#"</definedName>
    <definedName name="FDC_60_235" hidden="1">"#"</definedName>
    <definedName name="FDC_60_236" hidden="1">"#"</definedName>
    <definedName name="FDC_60_237" hidden="1">"#"</definedName>
    <definedName name="FDC_60_238" hidden="1">"#"</definedName>
    <definedName name="FDC_60_239" hidden="1">"#"</definedName>
    <definedName name="FDC_60_24" hidden="1">"#"</definedName>
    <definedName name="FDC_60_240" hidden="1">"#"</definedName>
    <definedName name="FDC_60_241" hidden="1">"#"</definedName>
    <definedName name="FDC_60_242" hidden="1">"#"</definedName>
    <definedName name="FDC_60_243" hidden="1">"#"</definedName>
    <definedName name="FDC_60_244" hidden="1">"#"</definedName>
    <definedName name="FDC_60_245" hidden="1">"#"</definedName>
    <definedName name="FDC_60_246" hidden="1">"#"</definedName>
    <definedName name="FDC_60_247" hidden="1">"#"</definedName>
    <definedName name="FDC_60_248" hidden="1">"#"</definedName>
    <definedName name="FDC_60_249" hidden="1">"#"</definedName>
    <definedName name="FDC_60_25" hidden="1">"#"</definedName>
    <definedName name="FDC_60_250" hidden="1">"#"</definedName>
    <definedName name="FDC_60_251" hidden="1">"#"</definedName>
    <definedName name="FDC_60_252" hidden="1">"#"</definedName>
    <definedName name="FDC_60_253" hidden="1">"#"</definedName>
    <definedName name="FDC_60_254" hidden="1">"#"</definedName>
    <definedName name="FDC_60_255" hidden="1">"#"</definedName>
    <definedName name="FDC_60_256" hidden="1">"#"</definedName>
    <definedName name="FDC_60_257" hidden="1">"#"</definedName>
    <definedName name="FDC_60_258" hidden="1">"#"</definedName>
    <definedName name="FDC_60_259" hidden="1">"#"</definedName>
    <definedName name="FDC_60_26" hidden="1">"#"</definedName>
    <definedName name="FDC_60_260" hidden="1">"#"</definedName>
    <definedName name="FDC_60_261" hidden="1">"#"</definedName>
    <definedName name="FDC_60_27" hidden="1">"#"</definedName>
    <definedName name="FDC_60_28" hidden="1">"#"</definedName>
    <definedName name="FDC_60_29" hidden="1">"#"</definedName>
    <definedName name="FDC_60_3" hidden="1">"#"</definedName>
    <definedName name="FDC_60_30" hidden="1">"#"</definedName>
    <definedName name="FDC_60_31" hidden="1">"#"</definedName>
    <definedName name="FDC_60_32" hidden="1">"#"</definedName>
    <definedName name="FDC_60_33" hidden="1">"#"</definedName>
    <definedName name="FDC_60_34" hidden="1">"#"</definedName>
    <definedName name="FDC_60_35" hidden="1">"#"</definedName>
    <definedName name="FDC_60_36" hidden="1">"#"</definedName>
    <definedName name="FDC_60_37" hidden="1">"#"</definedName>
    <definedName name="FDC_60_38" hidden="1">"#"</definedName>
    <definedName name="FDC_60_39" hidden="1">"#"</definedName>
    <definedName name="FDC_60_4" hidden="1">"#"</definedName>
    <definedName name="FDC_60_40" hidden="1">"#"</definedName>
    <definedName name="FDC_60_41" hidden="1">"#"</definedName>
    <definedName name="FDC_60_42" hidden="1">"#"</definedName>
    <definedName name="FDC_60_43" hidden="1">"#"</definedName>
    <definedName name="FDC_60_44" hidden="1">"#"</definedName>
    <definedName name="FDC_60_45" hidden="1">"#"</definedName>
    <definedName name="FDC_60_46" hidden="1">"#"</definedName>
    <definedName name="FDC_60_47" hidden="1">"#"</definedName>
    <definedName name="FDC_60_48" hidden="1">"#"</definedName>
    <definedName name="FDC_60_49" hidden="1">"#"</definedName>
    <definedName name="FDC_60_5" hidden="1">"#"</definedName>
    <definedName name="FDC_60_50" hidden="1">"#"</definedName>
    <definedName name="FDC_60_51" hidden="1">"#"</definedName>
    <definedName name="FDC_60_52" hidden="1">"#"</definedName>
    <definedName name="FDC_60_53" hidden="1">"#"</definedName>
    <definedName name="FDC_60_54" hidden="1">"#"</definedName>
    <definedName name="FDC_60_55" hidden="1">"#"</definedName>
    <definedName name="FDC_60_56" hidden="1">"#"</definedName>
    <definedName name="FDC_60_57" hidden="1">"#"</definedName>
    <definedName name="FDC_60_58" hidden="1">"#"</definedName>
    <definedName name="FDC_60_59" hidden="1">"#"</definedName>
    <definedName name="FDC_60_6" hidden="1">"#"</definedName>
    <definedName name="FDC_60_60" hidden="1">"#"</definedName>
    <definedName name="FDC_60_61" hidden="1">"#"</definedName>
    <definedName name="FDC_60_62" hidden="1">"#"</definedName>
    <definedName name="FDC_60_63" hidden="1">"#"</definedName>
    <definedName name="FDC_60_64" hidden="1">"#"</definedName>
    <definedName name="FDC_60_65" hidden="1">"#"</definedName>
    <definedName name="FDC_60_66" hidden="1">"#"</definedName>
    <definedName name="FDC_60_67" hidden="1">"#"</definedName>
    <definedName name="FDC_60_68" hidden="1">"#"</definedName>
    <definedName name="FDC_60_69" hidden="1">"#"</definedName>
    <definedName name="FDC_60_7" hidden="1">"#"</definedName>
    <definedName name="FDC_60_70" hidden="1">"#"</definedName>
    <definedName name="FDC_60_71" hidden="1">"#"</definedName>
    <definedName name="FDC_60_72" hidden="1">"#"</definedName>
    <definedName name="FDC_60_73" hidden="1">"#"</definedName>
    <definedName name="FDC_60_74" hidden="1">"#"</definedName>
    <definedName name="FDC_60_75" hidden="1">"#"</definedName>
    <definedName name="FDC_60_76" hidden="1">"#"</definedName>
    <definedName name="FDC_60_77" hidden="1">"#"</definedName>
    <definedName name="FDC_60_78" hidden="1">"#"</definedName>
    <definedName name="FDC_60_79" hidden="1">"#"</definedName>
    <definedName name="FDC_60_8" hidden="1">"#"</definedName>
    <definedName name="FDC_60_80" hidden="1">"#"</definedName>
    <definedName name="FDC_60_81" hidden="1">"#"</definedName>
    <definedName name="FDC_60_82" hidden="1">"#"</definedName>
    <definedName name="FDC_60_83" hidden="1">"#"</definedName>
    <definedName name="FDC_60_84" hidden="1">"#"</definedName>
    <definedName name="FDC_60_85" hidden="1">"#"</definedName>
    <definedName name="FDC_60_86" hidden="1">"#"</definedName>
    <definedName name="FDC_60_87" hidden="1">"#"</definedName>
    <definedName name="FDC_60_88" hidden="1">"#"</definedName>
    <definedName name="FDC_60_89" hidden="1">"#"</definedName>
    <definedName name="FDC_60_9" hidden="1">"#"</definedName>
    <definedName name="FDC_60_90" hidden="1">"#"</definedName>
    <definedName name="FDC_60_91" hidden="1">"#"</definedName>
    <definedName name="FDC_60_92" hidden="1">"#"</definedName>
    <definedName name="FDC_60_93" hidden="1">"#"</definedName>
    <definedName name="FDC_60_94" hidden="1">"#"</definedName>
    <definedName name="FDC_60_95" hidden="1">"#"</definedName>
    <definedName name="FDC_60_96" hidden="1">"#"</definedName>
    <definedName name="FDC_60_97" hidden="1">"#"</definedName>
    <definedName name="FDC_60_98" hidden="1">"#"</definedName>
    <definedName name="FDC_60_99" hidden="1">"#"</definedName>
    <definedName name="FDC_61_0" hidden="1">"#"</definedName>
    <definedName name="FDC_62_0" hidden="1">"#"</definedName>
    <definedName name="FDC_62_1" hidden="1">"#"</definedName>
    <definedName name="FDC_62_10" hidden="1">"#"</definedName>
    <definedName name="FDC_62_100" hidden="1">"#"</definedName>
    <definedName name="FDC_62_101" hidden="1">"#"</definedName>
    <definedName name="FDC_62_102" hidden="1">"#"</definedName>
    <definedName name="FDC_62_103" hidden="1">"#"</definedName>
    <definedName name="FDC_62_104" hidden="1">"#"</definedName>
    <definedName name="FDC_62_105" hidden="1">"#"</definedName>
    <definedName name="FDC_62_106" hidden="1">"#"</definedName>
    <definedName name="FDC_62_107" hidden="1">"#"</definedName>
    <definedName name="FDC_62_108" hidden="1">"#"</definedName>
    <definedName name="FDC_62_109" hidden="1">"#"</definedName>
    <definedName name="FDC_62_11" hidden="1">"#"</definedName>
    <definedName name="FDC_62_110" hidden="1">"#"</definedName>
    <definedName name="FDC_62_111" hidden="1">"#"</definedName>
    <definedName name="FDC_62_112" hidden="1">"#"</definedName>
    <definedName name="FDC_62_113" hidden="1">"#"</definedName>
    <definedName name="FDC_62_114" hidden="1">"#"</definedName>
    <definedName name="FDC_62_115" hidden="1">"#"</definedName>
    <definedName name="FDC_62_116" hidden="1">"#"</definedName>
    <definedName name="FDC_62_117" hidden="1">"#"</definedName>
    <definedName name="FDC_62_118" hidden="1">"#"</definedName>
    <definedName name="FDC_62_119" hidden="1">"#"</definedName>
    <definedName name="FDC_62_12" hidden="1">"#"</definedName>
    <definedName name="FDC_62_120" hidden="1">"#"</definedName>
    <definedName name="FDC_62_121" hidden="1">"#"</definedName>
    <definedName name="FDC_62_122" hidden="1">"#"</definedName>
    <definedName name="FDC_62_123" hidden="1">"#"</definedName>
    <definedName name="FDC_62_124" hidden="1">"#"</definedName>
    <definedName name="FDC_62_125" hidden="1">"#"</definedName>
    <definedName name="FDC_62_126" hidden="1">"#"</definedName>
    <definedName name="FDC_62_127" hidden="1">"#"</definedName>
    <definedName name="FDC_62_128" hidden="1">"#"</definedName>
    <definedName name="FDC_62_129" hidden="1">"#"</definedName>
    <definedName name="FDC_62_13" hidden="1">"#"</definedName>
    <definedName name="FDC_62_130" hidden="1">"#"</definedName>
    <definedName name="FDC_62_131" hidden="1">"#"</definedName>
    <definedName name="FDC_62_132" hidden="1">"#"</definedName>
    <definedName name="FDC_62_133" hidden="1">"#"</definedName>
    <definedName name="FDC_62_134" hidden="1">"#"</definedName>
    <definedName name="FDC_62_135" hidden="1">"#"</definedName>
    <definedName name="FDC_62_136" hidden="1">"#"</definedName>
    <definedName name="FDC_62_137" hidden="1">"#"</definedName>
    <definedName name="FDC_62_138" hidden="1">"#"</definedName>
    <definedName name="FDC_62_139" hidden="1">"#"</definedName>
    <definedName name="FDC_62_14" hidden="1">"#"</definedName>
    <definedName name="FDC_62_140" hidden="1">"#"</definedName>
    <definedName name="FDC_62_141" hidden="1">"#"</definedName>
    <definedName name="FDC_62_142" hidden="1">"#"</definedName>
    <definedName name="FDC_62_143" hidden="1">"#"</definedName>
    <definedName name="FDC_62_144" hidden="1">"#"</definedName>
    <definedName name="FDC_62_145" hidden="1">"#"</definedName>
    <definedName name="FDC_62_146" hidden="1">"#"</definedName>
    <definedName name="FDC_62_147" hidden="1">"#"</definedName>
    <definedName name="FDC_62_148" hidden="1">"#"</definedName>
    <definedName name="FDC_62_149" hidden="1">"#"</definedName>
    <definedName name="FDC_62_15" hidden="1">"#"</definedName>
    <definedName name="FDC_62_150" hidden="1">"#"</definedName>
    <definedName name="FDC_62_151" hidden="1">"#"</definedName>
    <definedName name="FDC_62_152" hidden="1">"#"</definedName>
    <definedName name="FDC_62_153" hidden="1">"#"</definedName>
    <definedName name="FDC_62_154" hidden="1">"#"</definedName>
    <definedName name="FDC_62_155" hidden="1">"#"</definedName>
    <definedName name="FDC_62_156" hidden="1">"#"</definedName>
    <definedName name="FDC_62_157" hidden="1">"#"</definedName>
    <definedName name="FDC_62_158" hidden="1">"#"</definedName>
    <definedName name="FDC_62_159" hidden="1">"#"</definedName>
    <definedName name="FDC_62_16" hidden="1">"#"</definedName>
    <definedName name="FDC_62_160" hidden="1">"#"</definedName>
    <definedName name="FDC_62_161" hidden="1">"#"</definedName>
    <definedName name="FDC_62_162" hidden="1">"#"</definedName>
    <definedName name="FDC_62_163" hidden="1">"#"</definedName>
    <definedName name="FDC_62_164" hidden="1">"#"</definedName>
    <definedName name="FDC_62_165" hidden="1">"#"</definedName>
    <definedName name="FDC_62_166" hidden="1">"#"</definedName>
    <definedName name="FDC_62_167" hidden="1">"#"</definedName>
    <definedName name="FDC_62_168" hidden="1">"#"</definedName>
    <definedName name="FDC_62_169" hidden="1">"#"</definedName>
    <definedName name="FDC_62_17" hidden="1">"#"</definedName>
    <definedName name="FDC_62_170" hidden="1">"#"</definedName>
    <definedName name="FDC_62_171" hidden="1">"#"</definedName>
    <definedName name="FDC_62_172" hidden="1">"#"</definedName>
    <definedName name="FDC_62_173" hidden="1">"#"</definedName>
    <definedName name="FDC_62_174" hidden="1">"#"</definedName>
    <definedName name="FDC_62_175" hidden="1">"#"</definedName>
    <definedName name="FDC_62_176" hidden="1">"#"</definedName>
    <definedName name="FDC_62_177" hidden="1">"#"</definedName>
    <definedName name="FDC_62_178" hidden="1">"#"</definedName>
    <definedName name="FDC_62_179" hidden="1">"#"</definedName>
    <definedName name="FDC_62_18" hidden="1">"#"</definedName>
    <definedName name="FDC_62_180" hidden="1">"#"</definedName>
    <definedName name="FDC_62_181" hidden="1">"#"</definedName>
    <definedName name="FDC_62_182" hidden="1">"#"</definedName>
    <definedName name="FDC_62_183" hidden="1">"#"</definedName>
    <definedName name="FDC_62_184" hidden="1">"#"</definedName>
    <definedName name="FDC_62_185" hidden="1">"#"</definedName>
    <definedName name="FDC_62_186" hidden="1">"#"</definedName>
    <definedName name="FDC_62_187" hidden="1">"#"</definedName>
    <definedName name="FDC_62_188" hidden="1">"#"</definedName>
    <definedName name="FDC_62_189" hidden="1">"#"</definedName>
    <definedName name="FDC_62_19" hidden="1">"#"</definedName>
    <definedName name="FDC_62_190" hidden="1">"#"</definedName>
    <definedName name="FDC_62_191" hidden="1">"#"</definedName>
    <definedName name="FDC_62_192" hidden="1">"#"</definedName>
    <definedName name="FDC_62_193" hidden="1">"#"</definedName>
    <definedName name="FDC_62_194" hidden="1">"#"</definedName>
    <definedName name="FDC_62_195" hidden="1">"#"</definedName>
    <definedName name="FDC_62_196" hidden="1">"#"</definedName>
    <definedName name="FDC_62_197" hidden="1">"#"</definedName>
    <definedName name="FDC_62_198" hidden="1">"#"</definedName>
    <definedName name="FDC_62_199" hidden="1">"#"</definedName>
    <definedName name="FDC_62_2" hidden="1">"#"</definedName>
    <definedName name="FDC_62_20" hidden="1">"#"</definedName>
    <definedName name="FDC_62_200" hidden="1">"#"</definedName>
    <definedName name="FDC_62_201" hidden="1">"#"</definedName>
    <definedName name="FDC_62_202" hidden="1">"#"</definedName>
    <definedName name="FDC_62_203" hidden="1">"#"</definedName>
    <definedName name="FDC_62_204" hidden="1">"#"</definedName>
    <definedName name="FDC_62_205" hidden="1">"#"</definedName>
    <definedName name="FDC_62_206" hidden="1">"#"</definedName>
    <definedName name="FDC_62_207" hidden="1">"#"</definedName>
    <definedName name="FDC_62_208" hidden="1">"#"</definedName>
    <definedName name="FDC_62_209" hidden="1">"#"</definedName>
    <definedName name="FDC_62_21" hidden="1">"#"</definedName>
    <definedName name="FDC_62_210" hidden="1">"#"</definedName>
    <definedName name="FDC_62_211" hidden="1">"#"</definedName>
    <definedName name="FDC_62_212" hidden="1">"#"</definedName>
    <definedName name="FDC_62_213" hidden="1">"#"</definedName>
    <definedName name="FDC_62_214" hidden="1">"#"</definedName>
    <definedName name="FDC_62_215" hidden="1">"#"</definedName>
    <definedName name="FDC_62_216" hidden="1">"#"</definedName>
    <definedName name="FDC_62_217" hidden="1">"#"</definedName>
    <definedName name="FDC_62_218" hidden="1">"#"</definedName>
    <definedName name="FDC_62_219" hidden="1">"#"</definedName>
    <definedName name="FDC_62_22" hidden="1">"#"</definedName>
    <definedName name="FDC_62_220" hidden="1">"#"</definedName>
    <definedName name="FDC_62_221" hidden="1">"#"</definedName>
    <definedName name="FDC_62_222" hidden="1">"#"</definedName>
    <definedName name="FDC_62_223" hidden="1">"#"</definedName>
    <definedName name="FDC_62_224" hidden="1">"#"</definedName>
    <definedName name="FDC_62_225" hidden="1">"#"</definedName>
    <definedName name="FDC_62_226" hidden="1">"#"</definedName>
    <definedName name="FDC_62_227" hidden="1">"#"</definedName>
    <definedName name="FDC_62_228" hidden="1">"#"</definedName>
    <definedName name="FDC_62_229" hidden="1">"#"</definedName>
    <definedName name="FDC_62_23" hidden="1">"#"</definedName>
    <definedName name="FDC_62_230" hidden="1">"#"</definedName>
    <definedName name="FDC_62_231" hidden="1">"#"</definedName>
    <definedName name="FDC_62_232" hidden="1">"#"</definedName>
    <definedName name="FDC_62_233" hidden="1">"#"</definedName>
    <definedName name="FDC_62_234" hidden="1">"#"</definedName>
    <definedName name="FDC_62_235" hidden="1">"#"</definedName>
    <definedName name="FDC_62_236" hidden="1">"#"</definedName>
    <definedName name="FDC_62_237" hidden="1">"#"</definedName>
    <definedName name="FDC_62_238" hidden="1">"#"</definedName>
    <definedName name="FDC_62_239" hidden="1">"#"</definedName>
    <definedName name="FDC_62_24" hidden="1">"#"</definedName>
    <definedName name="FDC_62_240" hidden="1">"#"</definedName>
    <definedName name="FDC_62_241" hidden="1">"#"</definedName>
    <definedName name="FDC_62_242" hidden="1">"#"</definedName>
    <definedName name="FDC_62_243" hidden="1">"#"</definedName>
    <definedName name="FDC_62_244" hidden="1">"#"</definedName>
    <definedName name="FDC_62_245" hidden="1">"#"</definedName>
    <definedName name="FDC_62_246" hidden="1">"#"</definedName>
    <definedName name="FDC_62_247" hidden="1">"#"</definedName>
    <definedName name="FDC_62_248" hidden="1">"#"</definedName>
    <definedName name="FDC_62_249" hidden="1">"#"</definedName>
    <definedName name="FDC_62_25" hidden="1">"#"</definedName>
    <definedName name="FDC_62_250" hidden="1">"#"</definedName>
    <definedName name="FDC_62_251" hidden="1">"#"</definedName>
    <definedName name="FDC_62_252" hidden="1">"#"</definedName>
    <definedName name="FDC_62_253" hidden="1">"#"</definedName>
    <definedName name="FDC_62_254" hidden="1">"#"</definedName>
    <definedName name="FDC_62_255" hidden="1">"#"</definedName>
    <definedName name="FDC_62_256" hidden="1">"#"</definedName>
    <definedName name="FDC_62_257" hidden="1">"#"</definedName>
    <definedName name="FDC_62_258" hidden="1">"#"</definedName>
    <definedName name="FDC_62_259" hidden="1">"#"</definedName>
    <definedName name="FDC_62_26" hidden="1">"#"</definedName>
    <definedName name="FDC_62_260" hidden="1">"#"</definedName>
    <definedName name="FDC_62_261" hidden="1">"#"</definedName>
    <definedName name="FDC_62_27" hidden="1">"#"</definedName>
    <definedName name="FDC_62_28" hidden="1">"#"</definedName>
    <definedName name="FDC_62_29" hidden="1">"#"</definedName>
    <definedName name="FDC_62_3" hidden="1">"#"</definedName>
    <definedName name="FDC_62_30" hidden="1">"#"</definedName>
    <definedName name="FDC_62_31" hidden="1">"#"</definedName>
    <definedName name="FDC_62_32" hidden="1">"#"</definedName>
    <definedName name="FDC_62_33" hidden="1">"#"</definedName>
    <definedName name="FDC_62_34" hidden="1">"#"</definedName>
    <definedName name="FDC_62_35" hidden="1">"#"</definedName>
    <definedName name="FDC_62_36" hidden="1">"#"</definedName>
    <definedName name="FDC_62_37" hidden="1">"#"</definedName>
    <definedName name="FDC_62_38" hidden="1">"#"</definedName>
    <definedName name="FDC_62_39" hidden="1">"#"</definedName>
    <definedName name="FDC_62_4" hidden="1">"#"</definedName>
    <definedName name="FDC_62_40" hidden="1">"#"</definedName>
    <definedName name="FDC_62_41" hidden="1">"#"</definedName>
    <definedName name="FDC_62_42" hidden="1">"#"</definedName>
    <definedName name="FDC_62_43" hidden="1">"#"</definedName>
    <definedName name="FDC_62_44" hidden="1">"#"</definedName>
    <definedName name="FDC_62_45" hidden="1">"#"</definedName>
    <definedName name="FDC_62_46" hidden="1">"#"</definedName>
    <definedName name="FDC_62_47" hidden="1">"#"</definedName>
    <definedName name="FDC_62_48" hidden="1">"#"</definedName>
    <definedName name="FDC_62_49" hidden="1">"#"</definedName>
    <definedName name="FDC_62_5" hidden="1">"#"</definedName>
    <definedName name="FDC_62_50" hidden="1">"#"</definedName>
    <definedName name="FDC_62_51" hidden="1">"#"</definedName>
    <definedName name="FDC_62_52" hidden="1">"#"</definedName>
    <definedName name="FDC_62_53" hidden="1">"#"</definedName>
    <definedName name="FDC_62_54" hidden="1">"#"</definedName>
    <definedName name="FDC_62_55" hidden="1">"#"</definedName>
    <definedName name="FDC_62_56" hidden="1">"#"</definedName>
    <definedName name="FDC_62_57" hidden="1">"#"</definedName>
    <definedName name="FDC_62_58" hidden="1">"#"</definedName>
    <definedName name="FDC_62_59" hidden="1">"#"</definedName>
    <definedName name="FDC_62_6" hidden="1">"#"</definedName>
    <definedName name="FDC_62_60" hidden="1">"#"</definedName>
    <definedName name="FDC_62_61" hidden="1">"#"</definedName>
    <definedName name="FDC_62_62" hidden="1">"#"</definedName>
    <definedName name="FDC_62_63" hidden="1">"#"</definedName>
    <definedName name="FDC_62_64" hidden="1">"#"</definedName>
    <definedName name="FDC_62_65" hidden="1">"#"</definedName>
    <definedName name="FDC_62_66" hidden="1">"#"</definedName>
    <definedName name="FDC_62_67" hidden="1">"#"</definedName>
    <definedName name="FDC_62_68" hidden="1">"#"</definedName>
    <definedName name="FDC_62_69" hidden="1">"#"</definedName>
    <definedName name="FDC_62_7" hidden="1">"#"</definedName>
    <definedName name="FDC_62_70" hidden="1">"#"</definedName>
    <definedName name="FDC_62_71" hidden="1">"#"</definedName>
    <definedName name="FDC_62_72" hidden="1">"#"</definedName>
    <definedName name="FDC_62_73" hidden="1">"#"</definedName>
    <definedName name="FDC_62_74" hidden="1">"#"</definedName>
    <definedName name="FDC_62_75" hidden="1">"#"</definedName>
    <definedName name="FDC_62_76" hidden="1">"#"</definedName>
    <definedName name="FDC_62_77" hidden="1">"#"</definedName>
    <definedName name="FDC_62_78" hidden="1">"#"</definedName>
    <definedName name="FDC_62_79" hidden="1">"#"</definedName>
    <definedName name="FDC_62_8" hidden="1">"#"</definedName>
    <definedName name="FDC_62_80" hidden="1">"#"</definedName>
    <definedName name="FDC_62_81" hidden="1">"#"</definedName>
    <definedName name="FDC_62_82" hidden="1">"#"</definedName>
    <definedName name="FDC_62_83" hidden="1">"#"</definedName>
    <definedName name="FDC_62_84" hidden="1">"#"</definedName>
    <definedName name="FDC_62_85" hidden="1">"#"</definedName>
    <definedName name="FDC_62_86" hidden="1">"#"</definedName>
    <definedName name="FDC_62_87" hidden="1">"#"</definedName>
    <definedName name="FDC_62_88" hidden="1">"#"</definedName>
    <definedName name="FDC_62_89" hidden="1">"#"</definedName>
    <definedName name="FDC_62_9" hidden="1">"#"</definedName>
    <definedName name="FDC_62_90" hidden="1">"#"</definedName>
    <definedName name="FDC_62_91" hidden="1">"#"</definedName>
    <definedName name="FDC_62_92" hidden="1">"#"</definedName>
    <definedName name="FDC_62_93" hidden="1">"#"</definedName>
    <definedName name="FDC_62_94" hidden="1">"#"</definedName>
    <definedName name="FDC_62_95" hidden="1">"#"</definedName>
    <definedName name="FDC_62_96" hidden="1">"#"</definedName>
    <definedName name="FDC_62_97" hidden="1">"#"</definedName>
    <definedName name="FDC_62_98" hidden="1">"#"</definedName>
    <definedName name="FDC_62_99" hidden="1">"#"</definedName>
    <definedName name="FDC_63_0" hidden="1">"#"</definedName>
    <definedName name="FDC_63_1" hidden="1">"#"</definedName>
    <definedName name="FDC_63_10" hidden="1">"#"</definedName>
    <definedName name="FDC_63_100" hidden="1">"#"</definedName>
    <definedName name="FDC_63_101" hidden="1">"#"</definedName>
    <definedName name="FDC_63_102" hidden="1">"#"</definedName>
    <definedName name="FDC_63_103" hidden="1">"#"</definedName>
    <definedName name="FDC_63_104" hidden="1">"#"</definedName>
    <definedName name="FDC_63_105" hidden="1">"#"</definedName>
    <definedName name="FDC_63_106" hidden="1">"#"</definedName>
    <definedName name="FDC_63_107" hidden="1">"#"</definedName>
    <definedName name="FDC_63_108" hidden="1">"#"</definedName>
    <definedName name="FDC_63_109" hidden="1">"#"</definedName>
    <definedName name="FDC_63_11" hidden="1">"#"</definedName>
    <definedName name="FDC_63_110" hidden="1">"#"</definedName>
    <definedName name="FDC_63_111" hidden="1">"#"</definedName>
    <definedName name="FDC_63_112" hidden="1">"#"</definedName>
    <definedName name="FDC_63_113" hidden="1">"#"</definedName>
    <definedName name="FDC_63_114" hidden="1">"#"</definedName>
    <definedName name="FDC_63_115" hidden="1">"#"</definedName>
    <definedName name="FDC_63_116" hidden="1">"#"</definedName>
    <definedName name="FDC_63_117" hidden="1">"#"</definedName>
    <definedName name="FDC_63_118" hidden="1">"#"</definedName>
    <definedName name="FDC_63_119" hidden="1">"#"</definedName>
    <definedName name="FDC_63_12" hidden="1">"#"</definedName>
    <definedName name="FDC_63_120" hidden="1">"#"</definedName>
    <definedName name="FDC_63_121" hidden="1">"#"</definedName>
    <definedName name="FDC_63_122" hidden="1">"#"</definedName>
    <definedName name="FDC_63_123" hidden="1">"#"</definedName>
    <definedName name="FDC_63_124" hidden="1">"#"</definedName>
    <definedName name="FDC_63_125" hidden="1">"#"</definedName>
    <definedName name="FDC_63_126" hidden="1">"#"</definedName>
    <definedName name="FDC_63_127" hidden="1">"#"</definedName>
    <definedName name="FDC_63_128" hidden="1">"#"</definedName>
    <definedName name="FDC_63_129" hidden="1">"#"</definedName>
    <definedName name="FDC_63_13" hidden="1">"#"</definedName>
    <definedName name="FDC_63_130" hidden="1">"#"</definedName>
    <definedName name="FDC_63_131" hidden="1">"#"</definedName>
    <definedName name="FDC_63_132" hidden="1">"#"</definedName>
    <definedName name="FDC_63_133" hidden="1">"#"</definedName>
    <definedName name="FDC_63_134" hidden="1">"#"</definedName>
    <definedName name="FDC_63_135" hidden="1">"#"</definedName>
    <definedName name="FDC_63_136" hidden="1">"#"</definedName>
    <definedName name="FDC_63_137" hidden="1">"#"</definedName>
    <definedName name="FDC_63_138" hidden="1">"#"</definedName>
    <definedName name="FDC_63_139" hidden="1">"#"</definedName>
    <definedName name="FDC_63_14" hidden="1">"#"</definedName>
    <definedName name="FDC_63_140" hidden="1">"#"</definedName>
    <definedName name="FDC_63_141" hidden="1">"#"</definedName>
    <definedName name="FDC_63_142" hidden="1">"#"</definedName>
    <definedName name="FDC_63_143" hidden="1">"#"</definedName>
    <definedName name="FDC_63_144" hidden="1">"#"</definedName>
    <definedName name="FDC_63_145" hidden="1">"#"</definedName>
    <definedName name="FDC_63_146" hidden="1">"#"</definedName>
    <definedName name="FDC_63_147" hidden="1">"#"</definedName>
    <definedName name="FDC_63_148" hidden="1">"#"</definedName>
    <definedName name="FDC_63_149" hidden="1">"#"</definedName>
    <definedName name="FDC_63_15" hidden="1">"#"</definedName>
    <definedName name="FDC_63_150" hidden="1">"#"</definedName>
    <definedName name="FDC_63_151" hidden="1">"#"</definedName>
    <definedName name="FDC_63_152" hidden="1">"#"</definedName>
    <definedName name="FDC_63_153" hidden="1">"#"</definedName>
    <definedName name="FDC_63_154" hidden="1">"#"</definedName>
    <definedName name="FDC_63_155" hidden="1">"#"</definedName>
    <definedName name="FDC_63_156" hidden="1">"#"</definedName>
    <definedName name="FDC_63_157" hidden="1">"#"</definedName>
    <definedName name="FDC_63_158" hidden="1">"#"</definedName>
    <definedName name="FDC_63_159" hidden="1">"#"</definedName>
    <definedName name="FDC_63_16" hidden="1">"#"</definedName>
    <definedName name="FDC_63_160" hidden="1">"#"</definedName>
    <definedName name="FDC_63_161" hidden="1">"#"</definedName>
    <definedName name="FDC_63_162" hidden="1">"#"</definedName>
    <definedName name="FDC_63_163" hidden="1">"#"</definedName>
    <definedName name="FDC_63_164" hidden="1">"#"</definedName>
    <definedName name="FDC_63_165" hidden="1">"#"</definedName>
    <definedName name="FDC_63_166" hidden="1">"#"</definedName>
    <definedName name="FDC_63_167" hidden="1">"#"</definedName>
    <definedName name="FDC_63_168" hidden="1">"#"</definedName>
    <definedName name="FDC_63_169" hidden="1">"#"</definedName>
    <definedName name="FDC_63_17" hidden="1">"#"</definedName>
    <definedName name="FDC_63_170" hidden="1">"#"</definedName>
    <definedName name="FDC_63_171" hidden="1">"#"</definedName>
    <definedName name="FDC_63_172" hidden="1">"#"</definedName>
    <definedName name="FDC_63_173" hidden="1">"#"</definedName>
    <definedName name="FDC_63_174" hidden="1">"#"</definedName>
    <definedName name="FDC_63_175" hidden="1">"#"</definedName>
    <definedName name="FDC_63_176" hidden="1">"#"</definedName>
    <definedName name="FDC_63_177" hidden="1">"#"</definedName>
    <definedName name="FDC_63_178" hidden="1">"#"</definedName>
    <definedName name="FDC_63_179" hidden="1">"#"</definedName>
    <definedName name="FDC_63_18" hidden="1">"#"</definedName>
    <definedName name="FDC_63_180" hidden="1">"#"</definedName>
    <definedName name="FDC_63_181" hidden="1">"#"</definedName>
    <definedName name="FDC_63_182" hidden="1">"#"</definedName>
    <definedName name="FDC_63_183" hidden="1">"#"</definedName>
    <definedName name="FDC_63_184" hidden="1">"#"</definedName>
    <definedName name="FDC_63_185" hidden="1">"#"</definedName>
    <definedName name="FDC_63_186" hidden="1">"#"</definedName>
    <definedName name="FDC_63_187" hidden="1">"#"</definedName>
    <definedName name="FDC_63_188" hidden="1">"#"</definedName>
    <definedName name="FDC_63_189" hidden="1">"#"</definedName>
    <definedName name="FDC_63_19" hidden="1">"#"</definedName>
    <definedName name="FDC_63_190" hidden="1">"#"</definedName>
    <definedName name="FDC_63_191" hidden="1">"#"</definedName>
    <definedName name="FDC_63_192" hidden="1">"#"</definedName>
    <definedName name="FDC_63_193" hidden="1">"#"</definedName>
    <definedName name="FDC_63_194" hidden="1">"#"</definedName>
    <definedName name="FDC_63_195" hidden="1">"#"</definedName>
    <definedName name="FDC_63_196" hidden="1">"#"</definedName>
    <definedName name="FDC_63_197" hidden="1">"#"</definedName>
    <definedName name="FDC_63_198" hidden="1">"#"</definedName>
    <definedName name="FDC_63_199" hidden="1">"#"</definedName>
    <definedName name="FDC_63_2" hidden="1">"#"</definedName>
    <definedName name="FDC_63_20" hidden="1">"#"</definedName>
    <definedName name="FDC_63_200" hidden="1">"#"</definedName>
    <definedName name="FDC_63_201" hidden="1">"#"</definedName>
    <definedName name="FDC_63_202" hidden="1">"#"</definedName>
    <definedName name="FDC_63_203" hidden="1">"#"</definedName>
    <definedName name="FDC_63_204" hidden="1">"#"</definedName>
    <definedName name="FDC_63_205" hidden="1">"#"</definedName>
    <definedName name="FDC_63_206" hidden="1">"#"</definedName>
    <definedName name="FDC_63_207" hidden="1">"#"</definedName>
    <definedName name="FDC_63_208" hidden="1">"#"</definedName>
    <definedName name="FDC_63_209" hidden="1">"#"</definedName>
    <definedName name="FDC_63_21" hidden="1">"#"</definedName>
    <definedName name="FDC_63_210" hidden="1">"#"</definedName>
    <definedName name="FDC_63_211" hidden="1">"#"</definedName>
    <definedName name="FDC_63_212" hidden="1">"#"</definedName>
    <definedName name="FDC_63_213" hidden="1">"#"</definedName>
    <definedName name="FDC_63_214" hidden="1">"#"</definedName>
    <definedName name="FDC_63_215" hidden="1">"#"</definedName>
    <definedName name="FDC_63_216" hidden="1">"#"</definedName>
    <definedName name="FDC_63_217" hidden="1">"#"</definedName>
    <definedName name="FDC_63_218" hidden="1">"#"</definedName>
    <definedName name="FDC_63_219" hidden="1">"#"</definedName>
    <definedName name="FDC_63_22" hidden="1">"#"</definedName>
    <definedName name="FDC_63_220" hidden="1">"#"</definedName>
    <definedName name="FDC_63_221" hidden="1">"#"</definedName>
    <definedName name="FDC_63_222" hidden="1">"#"</definedName>
    <definedName name="FDC_63_223" hidden="1">"#"</definedName>
    <definedName name="FDC_63_224" hidden="1">"#"</definedName>
    <definedName name="FDC_63_225" hidden="1">"#"</definedName>
    <definedName name="FDC_63_226" hidden="1">"#"</definedName>
    <definedName name="FDC_63_227" hidden="1">"#"</definedName>
    <definedName name="FDC_63_228" hidden="1">"#"</definedName>
    <definedName name="FDC_63_229" hidden="1">"#"</definedName>
    <definedName name="FDC_63_23" hidden="1">"#"</definedName>
    <definedName name="FDC_63_230" hidden="1">"#"</definedName>
    <definedName name="FDC_63_231" hidden="1">"#"</definedName>
    <definedName name="FDC_63_232" hidden="1">"#"</definedName>
    <definedName name="FDC_63_233" hidden="1">"#"</definedName>
    <definedName name="FDC_63_234" hidden="1">"#"</definedName>
    <definedName name="FDC_63_235" hidden="1">"#"</definedName>
    <definedName name="FDC_63_236" hidden="1">"#"</definedName>
    <definedName name="FDC_63_237" hidden="1">"#"</definedName>
    <definedName name="FDC_63_238" hidden="1">"#"</definedName>
    <definedName name="FDC_63_239" hidden="1">"#"</definedName>
    <definedName name="FDC_63_24" hidden="1">"#"</definedName>
    <definedName name="FDC_63_240" hidden="1">"#"</definedName>
    <definedName name="FDC_63_241" hidden="1">"#"</definedName>
    <definedName name="FDC_63_242" hidden="1">"#"</definedName>
    <definedName name="FDC_63_243" hidden="1">"#"</definedName>
    <definedName name="FDC_63_244" hidden="1">"#"</definedName>
    <definedName name="FDC_63_245" hidden="1">"#"</definedName>
    <definedName name="FDC_63_246" hidden="1">"#"</definedName>
    <definedName name="FDC_63_247" hidden="1">"#"</definedName>
    <definedName name="FDC_63_248" hidden="1">"#"</definedName>
    <definedName name="FDC_63_249" hidden="1">"#"</definedName>
    <definedName name="FDC_63_25" hidden="1">"#"</definedName>
    <definedName name="FDC_63_250" hidden="1">"#"</definedName>
    <definedName name="FDC_63_251" hidden="1">"#"</definedName>
    <definedName name="FDC_63_252" hidden="1">"#"</definedName>
    <definedName name="FDC_63_253" hidden="1">"#"</definedName>
    <definedName name="FDC_63_254" hidden="1">"#"</definedName>
    <definedName name="FDC_63_255" hidden="1">"#"</definedName>
    <definedName name="FDC_63_256" hidden="1">"#"</definedName>
    <definedName name="FDC_63_257" hidden="1">"#"</definedName>
    <definedName name="FDC_63_258" hidden="1">"#"</definedName>
    <definedName name="FDC_63_259" hidden="1">"#"</definedName>
    <definedName name="FDC_63_26" hidden="1">"#"</definedName>
    <definedName name="FDC_63_260" hidden="1">"#"</definedName>
    <definedName name="FDC_63_261" hidden="1">"#"</definedName>
    <definedName name="FDC_63_27" hidden="1">"#"</definedName>
    <definedName name="FDC_63_28" hidden="1">"#"</definedName>
    <definedName name="FDC_63_29" hidden="1">"#"</definedName>
    <definedName name="FDC_63_3" hidden="1">"#"</definedName>
    <definedName name="FDC_63_30" hidden="1">"#"</definedName>
    <definedName name="FDC_63_31" hidden="1">"#"</definedName>
    <definedName name="FDC_63_32" hidden="1">"#"</definedName>
    <definedName name="FDC_63_33" hidden="1">"#"</definedName>
    <definedName name="FDC_63_34" hidden="1">"#"</definedName>
    <definedName name="FDC_63_35" hidden="1">"#"</definedName>
    <definedName name="FDC_63_36" hidden="1">"#"</definedName>
    <definedName name="FDC_63_37" hidden="1">"#"</definedName>
    <definedName name="FDC_63_38" hidden="1">"#"</definedName>
    <definedName name="FDC_63_39" hidden="1">"#"</definedName>
    <definedName name="FDC_63_4" hidden="1">"#"</definedName>
    <definedName name="FDC_63_40" hidden="1">"#"</definedName>
    <definedName name="FDC_63_41" hidden="1">"#"</definedName>
    <definedName name="FDC_63_42" hidden="1">"#"</definedName>
    <definedName name="FDC_63_43" hidden="1">"#"</definedName>
    <definedName name="FDC_63_44" hidden="1">"#"</definedName>
    <definedName name="FDC_63_45" hidden="1">"#"</definedName>
    <definedName name="FDC_63_46" hidden="1">"#"</definedName>
    <definedName name="FDC_63_47" hidden="1">"#"</definedName>
    <definedName name="FDC_63_48" hidden="1">"#"</definedName>
    <definedName name="FDC_63_49" hidden="1">"#"</definedName>
    <definedName name="FDC_63_5" hidden="1">"#"</definedName>
    <definedName name="FDC_63_50" hidden="1">"#"</definedName>
    <definedName name="FDC_63_51" hidden="1">"#"</definedName>
    <definedName name="FDC_63_52" hidden="1">"#"</definedName>
    <definedName name="FDC_63_53" hidden="1">"#"</definedName>
    <definedName name="FDC_63_54" hidden="1">"#"</definedName>
    <definedName name="FDC_63_55" hidden="1">"#"</definedName>
    <definedName name="FDC_63_56" hidden="1">"#"</definedName>
    <definedName name="FDC_63_57" hidden="1">"#"</definedName>
    <definedName name="FDC_63_58" hidden="1">"#"</definedName>
    <definedName name="FDC_63_59" hidden="1">"#"</definedName>
    <definedName name="FDC_63_6" hidden="1">"#"</definedName>
    <definedName name="FDC_63_60" hidden="1">"#"</definedName>
    <definedName name="FDC_63_61" hidden="1">"#"</definedName>
    <definedName name="FDC_63_62" hidden="1">"#"</definedName>
    <definedName name="FDC_63_63" hidden="1">"#"</definedName>
    <definedName name="FDC_63_64" hidden="1">"#"</definedName>
    <definedName name="FDC_63_65" hidden="1">"#"</definedName>
    <definedName name="FDC_63_66" hidden="1">"#"</definedName>
    <definedName name="FDC_63_67" hidden="1">"#"</definedName>
    <definedName name="FDC_63_68" hidden="1">"#"</definedName>
    <definedName name="FDC_63_69" hidden="1">"#"</definedName>
    <definedName name="FDC_63_7" hidden="1">"#"</definedName>
    <definedName name="FDC_63_70" hidden="1">"#"</definedName>
    <definedName name="FDC_63_71" hidden="1">"#"</definedName>
    <definedName name="FDC_63_72" hidden="1">"#"</definedName>
    <definedName name="FDC_63_73" hidden="1">"#"</definedName>
    <definedName name="FDC_63_74" hidden="1">"#"</definedName>
    <definedName name="FDC_63_75" hidden="1">"#"</definedName>
    <definedName name="FDC_63_76" hidden="1">"#"</definedName>
    <definedName name="FDC_63_77" hidden="1">"#"</definedName>
    <definedName name="FDC_63_78" hidden="1">"#"</definedName>
    <definedName name="FDC_63_79" hidden="1">"#"</definedName>
    <definedName name="FDC_63_8" hidden="1">"#"</definedName>
    <definedName name="FDC_63_80" hidden="1">"#"</definedName>
    <definedName name="FDC_63_81" hidden="1">"#"</definedName>
    <definedName name="FDC_63_82" hidden="1">"#"</definedName>
    <definedName name="FDC_63_83" hidden="1">"#"</definedName>
    <definedName name="FDC_63_84" hidden="1">"#"</definedName>
    <definedName name="FDC_63_85" hidden="1">"#"</definedName>
    <definedName name="FDC_63_86" hidden="1">"#"</definedName>
    <definedName name="FDC_63_87" hidden="1">"#"</definedName>
    <definedName name="FDC_63_88" hidden="1">"#"</definedName>
    <definedName name="FDC_63_89" hidden="1">"#"</definedName>
    <definedName name="FDC_63_9" hidden="1">"#"</definedName>
    <definedName name="FDC_63_90" hidden="1">"#"</definedName>
    <definedName name="FDC_63_91" hidden="1">"#"</definedName>
    <definedName name="FDC_63_92" hidden="1">"#"</definedName>
    <definedName name="FDC_63_93" hidden="1">"#"</definedName>
    <definedName name="FDC_63_94" hidden="1">"#"</definedName>
    <definedName name="FDC_63_95" hidden="1">"#"</definedName>
    <definedName name="FDC_63_96" hidden="1">"#"</definedName>
    <definedName name="FDC_63_97" hidden="1">"#"</definedName>
    <definedName name="FDC_63_98" hidden="1">"#"</definedName>
    <definedName name="FDC_63_99" hidden="1">"#"</definedName>
    <definedName name="FDC_64_0" hidden="1">"#"</definedName>
    <definedName name="FDC_64_1" hidden="1">"#"</definedName>
    <definedName name="FDC_64_10" hidden="1">"#"</definedName>
    <definedName name="FDC_64_100" hidden="1">"#"</definedName>
    <definedName name="FDC_64_101" hidden="1">"#"</definedName>
    <definedName name="FDC_64_102" hidden="1">"#"</definedName>
    <definedName name="FDC_64_103" hidden="1">"#"</definedName>
    <definedName name="FDC_64_104" hidden="1">"#"</definedName>
    <definedName name="FDC_64_105" hidden="1">"#"</definedName>
    <definedName name="FDC_64_106" hidden="1">"#"</definedName>
    <definedName name="FDC_64_107" hidden="1">"#"</definedName>
    <definedName name="FDC_64_108" hidden="1">"#"</definedName>
    <definedName name="FDC_64_109" hidden="1">"#"</definedName>
    <definedName name="FDC_64_11" hidden="1">"#"</definedName>
    <definedName name="FDC_64_110" hidden="1">"#"</definedName>
    <definedName name="FDC_64_111" hidden="1">"#"</definedName>
    <definedName name="FDC_64_112" hidden="1">"#"</definedName>
    <definedName name="FDC_64_113" hidden="1">"#"</definedName>
    <definedName name="FDC_64_114" hidden="1">"#"</definedName>
    <definedName name="FDC_64_115" hidden="1">"#"</definedName>
    <definedName name="FDC_64_116" hidden="1">"#"</definedName>
    <definedName name="FDC_64_117" hidden="1">"#"</definedName>
    <definedName name="FDC_64_118" hidden="1">"#"</definedName>
    <definedName name="FDC_64_119" hidden="1">"#"</definedName>
    <definedName name="FDC_64_12" hidden="1">"#"</definedName>
    <definedName name="FDC_64_120" hidden="1">"#"</definedName>
    <definedName name="FDC_64_121" hidden="1">"#"</definedName>
    <definedName name="FDC_64_122" hidden="1">"#"</definedName>
    <definedName name="FDC_64_123" hidden="1">"#"</definedName>
    <definedName name="FDC_64_124" hidden="1">"#"</definedName>
    <definedName name="FDC_64_125" hidden="1">"#"</definedName>
    <definedName name="FDC_64_126" hidden="1">"#"</definedName>
    <definedName name="FDC_64_127" hidden="1">"#"</definedName>
    <definedName name="FDC_64_128" hidden="1">"#"</definedName>
    <definedName name="FDC_64_129" hidden="1">"#"</definedName>
    <definedName name="FDC_64_13" hidden="1">"#"</definedName>
    <definedName name="FDC_64_130" hidden="1">"#"</definedName>
    <definedName name="FDC_64_131" hidden="1">"#"</definedName>
    <definedName name="FDC_64_132" hidden="1">"#"</definedName>
    <definedName name="FDC_64_133" hidden="1">"#"</definedName>
    <definedName name="FDC_64_134" hidden="1">"#"</definedName>
    <definedName name="FDC_64_135" hidden="1">"#"</definedName>
    <definedName name="FDC_64_136" hidden="1">"#"</definedName>
    <definedName name="FDC_64_137" hidden="1">"#"</definedName>
    <definedName name="FDC_64_138" hidden="1">"#"</definedName>
    <definedName name="FDC_64_139" hidden="1">"#"</definedName>
    <definedName name="FDC_64_14" hidden="1">"#"</definedName>
    <definedName name="FDC_64_140" hidden="1">"#"</definedName>
    <definedName name="FDC_64_141" hidden="1">"#"</definedName>
    <definedName name="FDC_64_142" hidden="1">"#"</definedName>
    <definedName name="FDC_64_143" hidden="1">"#"</definedName>
    <definedName name="FDC_64_144" hidden="1">"#"</definedName>
    <definedName name="FDC_64_145" hidden="1">"#"</definedName>
    <definedName name="FDC_64_146" hidden="1">"#"</definedName>
    <definedName name="FDC_64_147" hidden="1">"#"</definedName>
    <definedName name="FDC_64_148" hidden="1">"#"</definedName>
    <definedName name="FDC_64_149" hidden="1">"#"</definedName>
    <definedName name="FDC_64_15" hidden="1">"#"</definedName>
    <definedName name="FDC_64_150" hidden="1">"#"</definedName>
    <definedName name="FDC_64_151" hidden="1">"#"</definedName>
    <definedName name="FDC_64_152" hidden="1">"#"</definedName>
    <definedName name="FDC_64_153" hidden="1">"#"</definedName>
    <definedName name="FDC_64_154" hidden="1">"#"</definedName>
    <definedName name="FDC_64_155" hidden="1">"#"</definedName>
    <definedName name="FDC_64_156" hidden="1">"#"</definedName>
    <definedName name="FDC_64_157" hidden="1">"#"</definedName>
    <definedName name="FDC_64_158" hidden="1">"#"</definedName>
    <definedName name="FDC_64_159" hidden="1">"#"</definedName>
    <definedName name="FDC_64_16" hidden="1">"#"</definedName>
    <definedName name="FDC_64_160" hidden="1">"#"</definedName>
    <definedName name="FDC_64_161" hidden="1">"#"</definedName>
    <definedName name="FDC_64_162" hidden="1">"#"</definedName>
    <definedName name="FDC_64_163" hidden="1">"#"</definedName>
    <definedName name="FDC_64_164" hidden="1">"#"</definedName>
    <definedName name="FDC_64_165" hidden="1">"#"</definedName>
    <definedName name="FDC_64_166" hidden="1">"#"</definedName>
    <definedName name="FDC_64_167" hidden="1">"#"</definedName>
    <definedName name="FDC_64_168" hidden="1">"#"</definedName>
    <definedName name="FDC_64_169" hidden="1">"#"</definedName>
    <definedName name="FDC_64_17" hidden="1">"#"</definedName>
    <definedName name="FDC_64_170" hidden="1">"#"</definedName>
    <definedName name="FDC_64_171" hidden="1">"#"</definedName>
    <definedName name="FDC_64_172" hidden="1">"#"</definedName>
    <definedName name="FDC_64_173" hidden="1">"#"</definedName>
    <definedName name="FDC_64_174" hidden="1">"#"</definedName>
    <definedName name="FDC_64_175" hidden="1">"#"</definedName>
    <definedName name="FDC_64_176" hidden="1">"#"</definedName>
    <definedName name="FDC_64_177" hidden="1">"#"</definedName>
    <definedName name="FDC_64_178" hidden="1">"#"</definedName>
    <definedName name="FDC_64_179" hidden="1">"#"</definedName>
    <definedName name="FDC_64_18" hidden="1">"#"</definedName>
    <definedName name="FDC_64_180" hidden="1">"#"</definedName>
    <definedName name="FDC_64_181" hidden="1">"#"</definedName>
    <definedName name="FDC_64_182" hidden="1">"#"</definedName>
    <definedName name="FDC_64_183" hidden="1">"#"</definedName>
    <definedName name="FDC_64_184" hidden="1">"#"</definedName>
    <definedName name="FDC_64_185" hidden="1">"#"</definedName>
    <definedName name="FDC_64_186" hidden="1">"#"</definedName>
    <definedName name="FDC_64_187" hidden="1">"#"</definedName>
    <definedName name="FDC_64_188" hidden="1">"#"</definedName>
    <definedName name="FDC_64_189" hidden="1">"#"</definedName>
    <definedName name="FDC_64_19" hidden="1">"#"</definedName>
    <definedName name="FDC_64_190" hidden="1">"#"</definedName>
    <definedName name="FDC_64_191" hidden="1">"#"</definedName>
    <definedName name="FDC_64_192" hidden="1">"#"</definedName>
    <definedName name="FDC_64_193" hidden="1">"#"</definedName>
    <definedName name="FDC_64_194" hidden="1">"#"</definedName>
    <definedName name="FDC_64_195" hidden="1">"#"</definedName>
    <definedName name="FDC_64_196" hidden="1">"#"</definedName>
    <definedName name="FDC_64_197" hidden="1">"#"</definedName>
    <definedName name="FDC_64_198" hidden="1">"#"</definedName>
    <definedName name="FDC_64_199" hidden="1">"#"</definedName>
    <definedName name="FDC_64_2" hidden="1">"#"</definedName>
    <definedName name="FDC_64_20" hidden="1">"#"</definedName>
    <definedName name="FDC_64_200" hidden="1">"#"</definedName>
    <definedName name="FDC_64_201" hidden="1">"#"</definedName>
    <definedName name="FDC_64_202" hidden="1">"#"</definedName>
    <definedName name="FDC_64_203" hidden="1">"#"</definedName>
    <definedName name="FDC_64_204" hidden="1">"#"</definedName>
    <definedName name="FDC_64_205" hidden="1">"#"</definedName>
    <definedName name="FDC_64_206" hidden="1">"#"</definedName>
    <definedName name="FDC_64_207" hidden="1">"#"</definedName>
    <definedName name="FDC_64_208" hidden="1">"#"</definedName>
    <definedName name="FDC_64_209" hidden="1">"#"</definedName>
    <definedName name="FDC_64_21" hidden="1">"#"</definedName>
    <definedName name="FDC_64_210" hidden="1">"#"</definedName>
    <definedName name="FDC_64_211" hidden="1">"#"</definedName>
    <definedName name="FDC_64_212" hidden="1">"#"</definedName>
    <definedName name="FDC_64_213" hidden="1">"#"</definedName>
    <definedName name="FDC_64_214" hidden="1">"#"</definedName>
    <definedName name="FDC_64_215" hidden="1">"#"</definedName>
    <definedName name="FDC_64_216" hidden="1">"#"</definedName>
    <definedName name="FDC_64_217" hidden="1">"#"</definedName>
    <definedName name="FDC_64_218" hidden="1">"#"</definedName>
    <definedName name="FDC_64_219" hidden="1">"#"</definedName>
    <definedName name="FDC_64_22" hidden="1">"#"</definedName>
    <definedName name="FDC_64_220" hidden="1">"#"</definedName>
    <definedName name="FDC_64_221" hidden="1">"#"</definedName>
    <definedName name="FDC_64_222" hidden="1">"#"</definedName>
    <definedName name="FDC_64_223" hidden="1">"#"</definedName>
    <definedName name="FDC_64_224" hidden="1">"#"</definedName>
    <definedName name="FDC_64_225" hidden="1">"#"</definedName>
    <definedName name="FDC_64_226" hidden="1">"#"</definedName>
    <definedName name="FDC_64_227" hidden="1">"#"</definedName>
    <definedName name="FDC_64_228" hidden="1">"#"</definedName>
    <definedName name="FDC_64_229" hidden="1">"#"</definedName>
    <definedName name="FDC_64_23" hidden="1">"#"</definedName>
    <definedName name="FDC_64_230" hidden="1">"#"</definedName>
    <definedName name="FDC_64_231" hidden="1">"#"</definedName>
    <definedName name="FDC_64_232" hidden="1">"#"</definedName>
    <definedName name="FDC_64_233" hidden="1">"#"</definedName>
    <definedName name="FDC_64_234" hidden="1">"#"</definedName>
    <definedName name="FDC_64_235" hidden="1">"#"</definedName>
    <definedName name="FDC_64_236" hidden="1">"#"</definedName>
    <definedName name="FDC_64_237" hidden="1">"#"</definedName>
    <definedName name="FDC_64_238" hidden="1">"#"</definedName>
    <definedName name="FDC_64_239" hidden="1">"#"</definedName>
    <definedName name="FDC_64_24" hidden="1">"#"</definedName>
    <definedName name="FDC_64_240" hidden="1">"#"</definedName>
    <definedName name="FDC_64_241" hidden="1">"#"</definedName>
    <definedName name="FDC_64_242" hidden="1">"#"</definedName>
    <definedName name="FDC_64_243" hidden="1">"#"</definedName>
    <definedName name="FDC_64_244" hidden="1">"#"</definedName>
    <definedName name="FDC_64_245" hidden="1">"#"</definedName>
    <definedName name="FDC_64_246" hidden="1">"#"</definedName>
    <definedName name="FDC_64_247" hidden="1">"#"</definedName>
    <definedName name="FDC_64_248" hidden="1">"#"</definedName>
    <definedName name="FDC_64_249" hidden="1">"#"</definedName>
    <definedName name="FDC_64_25" hidden="1">"#"</definedName>
    <definedName name="FDC_64_250" hidden="1">"#"</definedName>
    <definedName name="FDC_64_251" hidden="1">"#"</definedName>
    <definedName name="FDC_64_252" hidden="1">"#"</definedName>
    <definedName name="FDC_64_253" hidden="1">"#"</definedName>
    <definedName name="FDC_64_254" hidden="1">"#"</definedName>
    <definedName name="FDC_64_255" hidden="1">"#"</definedName>
    <definedName name="FDC_64_256" hidden="1">"#"</definedName>
    <definedName name="FDC_64_257" hidden="1">"#"</definedName>
    <definedName name="FDC_64_258" hidden="1">"#"</definedName>
    <definedName name="FDC_64_259" hidden="1">"#"</definedName>
    <definedName name="FDC_64_26" hidden="1">"#"</definedName>
    <definedName name="FDC_64_260" hidden="1">"#"</definedName>
    <definedName name="FDC_64_261" hidden="1">"#"</definedName>
    <definedName name="FDC_64_27" hidden="1">"#"</definedName>
    <definedName name="FDC_64_28" hidden="1">"#"</definedName>
    <definedName name="FDC_64_29" hidden="1">"#"</definedName>
    <definedName name="FDC_64_3" hidden="1">"#"</definedName>
    <definedName name="FDC_64_30" hidden="1">"#"</definedName>
    <definedName name="FDC_64_31" hidden="1">"#"</definedName>
    <definedName name="FDC_64_32" hidden="1">"#"</definedName>
    <definedName name="FDC_64_33" hidden="1">"#"</definedName>
    <definedName name="FDC_64_34" hidden="1">"#"</definedName>
    <definedName name="FDC_64_35" hidden="1">"#"</definedName>
    <definedName name="FDC_64_36" hidden="1">"#"</definedName>
    <definedName name="FDC_64_37" hidden="1">"#"</definedName>
    <definedName name="FDC_64_38" hidden="1">"#"</definedName>
    <definedName name="FDC_64_39" hidden="1">"#"</definedName>
    <definedName name="FDC_64_4" hidden="1">"#"</definedName>
    <definedName name="FDC_64_40" hidden="1">"#"</definedName>
    <definedName name="FDC_64_41" hidden="1">"#"</definedName>
    <definedName name="FDC_64_42" hidden="1">"#"</definedName>
    <definedName name="FDC_64_43" hidden="1">"#"</definedName>
    <definedName name="FDC_64_44" hidden="1">"#"</definedName>
    <definedName name="FDC_64_45" hidden="1">"#"</definedName>
    <definedName name="FDC_64_46" hidden="1">"#"</definedName>
    <definedName name="FDC_64_47" hidden="1">"#"</definedName>
    <definedName name="FDC_64_48" hidden="1">"#"</definedName>
    <definedName name="FDC_64_49" hidden="1">"#"</definedName>
    <definedName name="FDC_64_5" hidden="1">"#"</definedName>
    <definedName name="FDC_64_50" hidden="1">"#"</definedName>
    <definedName name="FDC_64_51" hidden="1">"#"</definedName>
    <definedName name="FDC_64_52" hidden="1">"#"</definedName>
    <definedName name="FDC_64_53" hidden="1">"#"</definedName>
    <definedName name="FDC_64_54" hidden="1">"#"</definedName>
    <definedName name="FDC_64_55" hidden="1">"#"</definedName>
    <definedName name="FDC_64_56" hidden="1">"#"</definedName>
    <definedName name="FDC_64_57" hidden="1">"#"</definedName>
    <definedName name="FDC_64_58" hidden="1">"#"</definedName>
    <definedName name="FDC_64_59" hidden="1">"#"</definedName>
    <definedName name="FDC_64_6" hidden="1">"#"</definedName>
    <definedName name="FDC_64_60" hidden="1">"#"</definedName>
    <definedName name="FDC_64_61" hidden="1">"#"</definedName>
    <definedName name="FDC_64_62" hidden="1">"#"</definedName>
    <definedName name="FDC_64_63" hidden="1">"#"</definedName>
    <definedName name="FDC_64_64" hidden="1">"#"</definedName>
    <definedName name="FDC_64_65" hidden="1">"#"</definedName>
    <definedName name="FDC_64_66" hidden="1">"#"</definedName>
    <definedName name="FDC_64_67" hidden="1">"#"</definedName>
    <definedName name="FDC_64_68" hidden="1">"#"</definedName>
    <definedName name="FDC_64_69" hidden="1">"#"</definedName>
    <definedName name="FDC_64_7" hidden="1">"#"</definedName>
    <definedName name="FDC_64_70" hidden="1">"#"</definedName>
    <definedName name="FDC_64_71" hidden="1">"#"</definedName>
    <definedName name="FDC_64_72" hidden="1">"#"</definedName>
    <definedName name="FDC_64_73" hidden="1">"#"</definedName>
    <definedName name="FDC_64_74" hidden="1">"#"</definedName>
    <definedName name="FDC_64_75" hidden="1">"#"</definedName>
    <definedName name="FDC_64_76" hidden="1">"#"</definedName>
    <definedName name="FDC_64_77" hidden="1">"#"</definedName>
    <definedName name="FDC_64_78" hidden="1">"#"</definedName>
    <definedName name="FDC_64_79" hidden="1">"#"</definedName>
    <definedName name="FDC_64_8" hidden="1">"#"</definedName>
    <definedName name="FDC_64_80" hidden="1">"#"</definedName>
    <definedName name="FDC_64_81" hidden="1">"#"</definedName>
    <definedName name="FDC_64_82" hidden="1">"#"</definedName>
    <definedName name="FDC_64_83" hidden="1">"#"</definedName>
    <definedName name="FDC_64_84" hidden="1">"#"</definedName>
    <definedName name="FDC_64_85" hidden="1">"#"</definedName>
    <definedName name="FDC_64_86" hidden="1">"#"</definedName>
    <definedName name="FDC_64_87" hidden="1">"#"</definedName>
    <definedName name="FDC_64_88" hidden="1">"#"</definedName>
    <definedName name="FDC_64_89" hidden="1">"#"</definedName>
    <definedName name="FDC_64_9" hidden="1">"#"</definedName>
    <definedName name="FDC_64_90" hidden="1">"#"</definedName>
    <definedName name="FDC_64_91" hidden="1">"#"</definedName>
    <definedName name="FDC_64_92" hidden="1">"#"</definedName>
    <definedName name="FDC_64_93" hidden="1">"#"</definedName>
    <definedName name="FDC_64_94" hidden="1">"#"</definedName>
    <definedName name="FDC_64_95" hidden="1">"#"</definedName>
    <definedName name="FDC_64_96" hidden="1">"#"</definedName>
    <definedName name="FDC_64_97" hidden="1">"#"</definedName>
    <definedName name="FDC_64_98" hidden="1">"#"</definedName>
    <definedName name="FDC_64_99" hidden="1">"#"</definedName>
    <definedName name="FDC_65_0" hidden="1">"#"</definedName>
    <definedName name="FDC_7_0" hidden="1">"#"</definedName>
    <definedName name="FDC_7_1" hidden="1">"#"</definedName>
    <definedName name="FDC_7_2" hidden="1">"#"</definedName>
    <definedName name="FDC_7_3" hidden="1">"#"</definedName>
    <definedName name="FDC_8_0" hidden="1">"#"</definedName>
    <definedName name="FDC_8_1" hidden="1">"#"</definedName>
    <definedName name="FDC_8_2" hidden="1">"#"</definedName>
    <definedName name="FDC_8_3" hidden="1">"#"</definedName>
    <definedName name="FDC_9_0" hidden="1">"#"</definedName>
    <definedName name="FDC_9_1" hidden="1">"#"</definedName>
    <definedName name="FDC_9_2" hidden="1">"#"</definedName>
    <definedName name="FDC_9_3" hidden="1">"#"</definedName>
    <definedName name="FDD_0_0" hidden="1">"A30681"</definedName>
    <definedName name="FDD_0_1" hidden="1">"A31047"</definedName>
    <definedName name="FDD_0_10" hidden="1">"A34334"</definedName>
    <definedName name="FDD_0_11" hidden="1">"A34699"</definedName>
    <definedName name="FDD_0_12" hidden="1">"A35064"</definedName>
    <definedName name="FDD_0_13" hidden="1">"A35430"</definedName>
    <definedName name="FDD_0_14" hidden="1">"A35795"</definedName>
    <definedName name="FDD_0_2" hidden="1">"A31412"</definedName>
    <definedName name="FDD_0_3" hidden="1">"A31777"</definedName>
    <definedName name="FDD_0_4" hidden="1">"A32142"</definedName>
    <definedName name="FDD_0_5" hidden="1">"A32508"</definedName>
    <definedName name="FDD_0_6" hidden="1">"A32873"</definedName>
    <definedName name="FDD_0_7" hidden="1">"A33238"</definedName>
    <definedName name="FDD_0_8" hidden="1">"A33603"</definedName>
    <definedName name="FDD_0_9" hidden="1">"A33969"</definedName>
    <definedName name="FDD_1_0" hidden="1">"U25569"</definedName>
    <definedName name="FDD_10_0" hidden="1">"A25569"</definedName>
    <definedName name="FDD_10_1" hidden="1">"A35795"</definedName>
    <definedName name="FDD_10_2" hidden="1">"A36160"</definedName>
    <definedName name="FDD_10_3" hidden="1">"E36525"</definedName>
    <definedName name="FDD_100_0" hidden="1">"A25569"</definedName>
    <definedName name="FDD_101_0" hidden="1">"A25569"</definedName>
    <definedName name="FDD_102_0" hidden="1">"A25569"</definedName>
    <definedName name="FDD_103_0" hidden="1">"A25569"</definedName>
    <definedName name="FDD_104_0" hidden="1">"A25569"</definedName>
    <definedName name="FDD_105_0" hidden="1">"A25569"</definedName>
    <definedName name="FDD_106_0" hidden="1">"A25569"</definedName>
    <definedName name="FDD_107_0" hidden="1">"A25569"</definedName>
    <definedName name="FDD_108_0" hidden="1">"A25569"</definedName>
    <definedName name="FDD_109_0" hidden="1">"A25569"</definedName>
    <definedName name="FDD_11_0" hidden="1">"A25569"</definedName>
    <definedName name="FDD_11_1" hidden="1">"E35795"</definedName>
    <definedName name="FDD_11_2" hidden="1">"E36160"</definedName>
    <definedName name="FDD_11_3" hidden="1">"E36525"</definedName>
    <definedName name="FDD_110_0" hidden="1">"A25569"</definedName>
    <definedName name="FDD_111_0" hidden="1">"A25569"</definedName>
    <definedName name="FDD_112_0" hidden="1">"A25569"</definedName>
    <definedName name="FDD_113_0" hidden="1">"A25569"</definedName>
    <definedName name="FDD_114_0" hidden="1">"A25569"</definedName>
    <definedName name="FDD_115_0" hidden="1">"A25569"</definedName>
    <definedName name="FDD_116_0" hidden="1">"A25569"</definedName>
    <definedName name="FDD_117_0" hidden="1">"A30681"</definedName>
    <definedName name="FDD_117_1" hidden="1">"A31047"</definedName>
    <definedName name="FDD_117_10" hidden="1">"A34334"</definedName>
    <definedName name="FDD_117_11" hidden="1">"A34699"</definedName>
    <definedName name="FDD_117_12" hidden="1">"A35064"</definedName>
    <definedName name="FDD_117_13" hidden="1">"A35430"</definedName>
    <definedName name="FDD_117_14" hidden="1">"A35795"</definedName>
    <definedName name="FDD_117_2" hidden="1">"A31412"</definedName>
    <definedName name="FDD_117_3" hidden="1">"A31777"</definedName>
    <definedName name="FDD_117_4" hidden="1">"A32142"</definedName>
    <definedName name="FDD_117_5" hidden="1">"A32508"</definedName>
    <definedName name="FDD_117_6" hidden="1">"A32873"</definedName>
    <definedName name="FDD_117_7" hidden="1">"A33238"</definedName>
    <definedName name="FDD_117_8" hidden="1">"A33603"</definedName>
    <definedName name="FDD_117_9" hidden="1">"A33969"</definedName>
    <definedName name="FDD_118_0" hidden="1">"A30681"</definedName>
    <definedName name="FDD_118_1" hidden="1">"A31047"</definedName>
    <definedName name="FDD_118_10" hidden="1">"A34334"</definedName>
    <definedName name="FDD_118_11" hidden="1">"A34699"</definedName>
    <definedName name="FDD_118_12" hidden="1">"A35064"</definedName>
    <definedName name="FDD_118_13" hidden="1">"A35430"</definedName>
    <definedName name="FDD_118_14" hidden="1">"A35795"</definedName>
    <definedName name="FDD_118_2" hidden="1">"A31412"</definedName>
    <definedName name="FDD_118_3" hidden="1">"A31777"</definedName>
    <definedName name="FDD_118_4" hidden="1">"A32142"</definedName>
    <definedName name="FDD_118_5" hidden="1">"A32508"</definedName>
    <definedName name="FDD_118_6" hidden="1">"A32873"</definedName>
    <definedName name="FDD_118_7" hidden="1">"A33238"</definedName>
    <definedName name="FDD_118_8" hidden="1">"A33603"</definedName>
    <definedName name="FDD_118_9" hidden="1">"A33969"</definedName>
    <definedName name="FDD_119_0" hidden="1">"A30681"</definedName>
    <definedName name="FDD_119_1" hidden="1">"A31047"</definedName>
    <definedName name="FDD_119_10" hidden="1">"A34334"</definedName>
    <definedName name="FDD_119_11" hidden="1">"A34699"</definedName>
    <definedName name="FDD_119_12" hidden="1">"A35064"</definedName>
    <definedName name="FDD_119_13" hidden="1">"A35430"</definedName>
    <definedName name="FDD_119_14" hidden="1">"A35795"</definedName>
    <definedName name="FDD_119_2" hidden="1">"A31412"</definedName>
    <definedName name="FDD_119_3" hidden="1">"A31777"</definedName>
    <definedName name="FDD_119_4" hidden="1">"A32142"</definedName>
    <definedName name="FDD_119_5" hidden="1">"A32508"</definedName>
    <definedName name="FDD_119_6" hidden="1">"A32873"</definedName>
    <definedName name="FDD_119_7" hidden="1">"A33238"</definedName>
    <definedName name="FDD_119_8" hidden="1">"A33603"</definedName>
    <definedName name="FDD_119_9" hidden="1">"A33969"</definedName>
    <definedName name="FDD_12_0" hidden="1">"A25569"</definedName>
    <definedName name="FDD_12_1" hidden="1">"E35795"</definedName>
    <definedName name="FDD_12_2" hidden="1">"E36160"</definedName>
    <definedName name="FDD_12_3" hidden="1">"E36525"</definedName>
    <definedName name="FDD_120_0" hidden="1">"A30681"</definedName>
    <definedName name="FDD_120_1" hidden="1">"A31047"</definedName>
    <definedName name="FDD_120_10" hidden="1">"A34334"</definedName>
    <definedName name="FDD_120_11" hidden="1">"A34699"</definedName>
    <definedName name="FDD_120_12" hidden="1">"A35064"</definedName>
    <definedName name="FDD_120_13" hidden="1">"A35430"</definedName>
    <definedName name="FDD_120_14" hidden="1">"A35795"</definedName>
    <definedName name="FDD_120_2" hidden="1">"A31412"</definedName>
    <definedName name="FDD_120_3" hidden="1">"A31777"</definedName>
    <definedName name="FDD_120_4" hidden="1">"A32142"</definedName>
    <definedName name="FDD_120_5" hidden="1">"A32508"</definedName>
    <definedName name="FDD_120_6" hidden="1">"A32873"</definedName>
    <definedName name="FDD_120_7" hidden="1">"A33238"</definedName>
    <definedName name="FDD_120_8" hidden="1">"A33603"</definedName>
    <definedName name="FDD_120_9" hidden="1">"A33969"</definedName>
    <definedName name="FDD_121_0" hidden="1">"A30681"</definedName>
    <definedName name="FDD_121_1" hidden="1">"A31047"</definedName>
    <definedName name="FDD_121_10" hidden="1">"A34334"</definedName>
    <definedName name="FDD_121_11" hidden="1">"A34699"</definedName>
    <definedName name="FDD_121_12" hidden="1">"A35064"</definedName>
    <definedName name="FDD_121_13" hidden="1">"A35430"</definedName>
    <definedName name="FDD_121_14" hidden="1">"A35795"</definedName>
    <definedName name="FDD_121_2" hidden="1">"A31412"</definedName>
    <definedName name="FDD_121_3" hidden="1">"A31777"</definedName>
    <definedName name="FDD_121_4" hidden="1">"A32142"</definedName>
    <definedName name="FDD_121_5" hidden="1">"A32508"</definedName>
    <definedName name="FDD_121_6" hidden="1">"A32873"</definedName>
    <definedName name="FDD_121_7" hidden="1">"A33238"</definedName>
    <definedName name="FDD_121_8" hidden="1">"A33603"</definedName>
    <definedName name="FDD_121_9" hidden="1">"A33969"</definedName>
    <definedName name="FDD_122_0" hidden="1">"A30681"</definedName>
    <definedName name="FDD_122_1" hidden="1">"A31047"</definedName>
    <definedName name="FDD_122_10" hidden="1">"A34334"</definedName>
    <definedName name="FDD_122_11" hidden="1">"A34699"</definedName>
    <definedName name="FDD_122_12" hidden="1">"A35064"</definedName>
    <definedName name="FDD_122_13" hidden="1">"A35430"</definedName>
    <definedName name="FDD_122_14" hidden="1">"A35795"</definedName>
    <definedName name="FDD_122_2" hidden="1">"A31412"</definedName>
    <definedName name="FDD_122_3" hidden="1">"A31777"</definedName>
    <definedName name="FDD_122_4" hidden="1">"A32142"</definedName>
    <definedName name="FDD_122_5" hidden="1">"A32508"</definedName>
    <definedName name="FDD_122_6" hidden="1">"A32873"</definedName>
    <definedName name="FDD_122_7" hidden="1">"A33238"</definedName>
    <definedName name="FDD_122_8" hidden="1">"A33603"</definedName>
    <definedName name="FDD_122_9" hidden="1">"A33969"</definedName>
    <definedName name="FDD_123_0" hidden="1">"A30681"</definedName>
    <definedName name="FDD_123_1" hidden="1">"A31047"</definedName>
    <definedName name="FDD_123_10" hidden="1">"A34334"</definedName>
    <definedName name="FDD_123_11" hidden="1">"A34699"</definedName>
    <definedName name="FDD_123_12" hidden="1">"A35064"</definedName>
    <definedName name="FDD_123_13" hidden="1">"A35430"</definedName>
    <definedName name="FDD_123_14" hidden="1">"A35795"</definedName>
    <definedName name="FDD_123_2" hidden="1">"A31412"</definedName>
    <definedName name="FDD_123_3" hidden="1">"A31777"</definedName>
    <definedName name="FDD_123_4" hidden="1">"A32142"</definedName>
    <definedName name="FDD_123_5" hidden="1">"A32508"</definedName>
    <definedName name="FDD_123_6" hidden="1">"A32873"</definedName>
    <definedName name="FDD_123_7" hidden="1">"A33238"</definedName>
    <definedName name="FDD_123_8" hidden="1">"A33603"</definedName>
    <definedName name="FDD_123_9" hidden="1">"A33969"</definedName>
    <definedName name="FDD_124_0" hidden="1">"A30681"</definedName>
    <definedName name="FDD_124_1" hidden="1">"A31047"</definedName>
    <definedName name="FDD_124_10" hidden="1">"A34334"</definedName>
    <definedName name="FDD_124_11" hidden="1">"A34699"</definedName>
    <definedName name="FDD_124_12" hidden="1">"A35064"</definedName>
    <definedName name="FDD_124_13" hidden="1">"A35430"</definedName>
    <definedName name="FDD_124_14" hidden="1">"A35795"</definedName>
    <definedName name="FDD_124_2" hidden="1">"A31412"</definedName>
    <definedName name="FDD_124_3" hidden="1">"A31777"</definedName>
    <definedName name="FDD_124_4" hidden="1">"A32142"</definedName>
    <definedName name="FDD_124_5" hidden="1">"A32508"</definedName>
    <definedName name="FDD_124_6" hidden="1">"A32873"</definedName>
    <definedName name="FDD_124_7" hidden="1">"A33238"</definedName>
    <definedName name="FDD_124_8" hidden="1">"A33603"</definedName>
    <definedName name="FDD_124_9" hidden="1">"A33969"</definedName>
    <definedName name="FDD_125_0" hidden="1">"A30681"</definedName>
    <definedName name="FDD_125_1" hidden="1">"A31047"</definedName>
    <definedName name="FDD_125_10" hidden="1">"A34334"</definedName>
    <definedName name="FDD_125_11" hidden="1">"A34699"</definedName>
    <definedName name="FDD_125_12" hidden="1">"A35064"</definedName>
    <definedName name="FDD_125_13" hidden="1">"A35430"</definedName>
    <definedName name="FDD_125_14" hidden="1">"A35795"</definedName>
    <definedName name="FDD_125_2" hidden="1">"A31412"</definedName>
    <definedName name="FDD_125_3" hidden="1">"A31777"</definedName>
    <definedName name="FDD_125_4" hidden="1">"A32142"</definedName>
    <definedName name="FDD_125_5" hidden="1">"A32508"</definedName>
    <definedName name="FDD_125_6" hidden="1">"A32873"</definedName>
    <definedName name="FDD_125_7" hidden="1">"A33238"</definedName>
    <definedName name="FDD_125_8" hidden="1">"A33603"</definedName>
    <definedName name="FDD_125_9" hidden="1">"A33969"</definedName>
    <definedName name="FDD_126_0" hidden="1">"A30681"</definedName>
    <definedName name="FDD_126_1" hidden="1">"A31047"</definedName>
    <definedName name="FDD_126_10" hidden="1">"A34334"</definedName>
    <definedName name="FDD_126_11" hidden="1">"A34699"</definedName>
    <definedName name="FDD_126_12" hidden="1">"A35064"</definedName>
    <definedName name="FDD_126_13" hidden="1">"A35430"</definedName>
    <definedName name="FDD_126_14" hidden="1">"A35795"</definedName>
    <definedName name="FDD_126_2" hidden="1">"A31412"</definedName>
    <definedName name="FDD_126_3" hidden="1">"A31777"</definedName>
    <definedName name="FDD_126_4" hidden="1">"A32142"</definedName>
    <definedName name="FDD_126_5" hidden="1">"A32508"</definedName>
    <definedName name="FDD_126_6" hidden="1">"A32873"</definedName>
    <definedName name="FDD_126_7" hidden="1">"A33238"</definedName>
    <definedName name="FDD_126_8" hidden="1">"A33603"</definedName>
    <definedName name="FDD_126_9" hidden="1">"A33969"</definedName>
    <definedName name="FDD_127_0" hidden="1">"A30681"</definedName>
    <definedName name="FDD_127_1" hidden="1">"A31047"</definedName>
    <definedName name="FDD_127_10" hidden="1">"A34334"</definedName>
    <definedName name="FDD_127_11" hidden="1">"A34699"</definedName>
    <definedName name="FDD_127_12" hidden="1">"A35064"</definedName>
    <definedName name="FDD_127_13" hidden="1">"A35430"</definedName>
    <definedName name="FDD_127_14" hidden="1">"A35795"</definedName>
    <definedName name="FDD_127_2" hidden="1">"A31412"</definedName>
    <definedName name="FDD_127_3" hidden="1">"A31777"</definedName>
    <definedName name="FDD_127_4" hidden="1">"A32142"</definedName>
    <definedName name="FDD_127_5" hidden="1">"A32508"</definedName>
    <definedName name="FDD_127_6" hidden="1">"A32873"</definedName>
    <definedName name="FDD_127_7" hidden="1">"A33238"</definedName>
    <definedName name="FDD_127_8" hidden="1">"A33603"</definedName>
    <definedName name="FDD_127_9" hidden="1">"A33969"</definedName>
    <definedName name="FDD_128_0" hidden="1">"A30681"</definedName>
    <definedName name="FDD_128_1" hidden="1">"A31047"</definedName>
    <definedName name="FDD_128_10" hidden="1">"A34334"</definedName>
    <definedName name="FDD_128_11" hidden="1">"A34699"</definedName>
    <definedName name="FDD_128_12" hidden="1">"A35064"</definedName>
    <definedName name="FDD_128_13" hidden="1">"A35430"</definedName>
    <definedName name="FDD_128_14" hidden="1">"A35795"</definedName>
    <definedName name="FDD_128_2" hidden="1">"A31412"</definedName>
    <definedName name="FDD_128_3" hidden="1">"A31777"</definedName>
    <definedName name="FDD_128_4" hidden="1">"A32142"</definedName>
    <definedName name="FDD_128_5" hidden="1">"A32508"</definedName>
    <definedName name="FDD_128_6" hidden="1">"A32873"</definedName>
    <definedName name="FDD_128_7" hidden="1">"A33238"</definedName>
    <definedName name="FDD_128_8" hidden="1">"A33603"</definedName>
    <definedName name="FDD_128_9" hidden="1">"A33969"</definedName>
    <definedName name="FDD_129_0" hidden="1">"A30681"</definedName>
    <definedName name="FDD_129_1" hidden="1">"A31047"</definedName>
    <definedName name="FDD_129_10" hidden="1">"A34334"</definedName>
    <definedName name="FDD_129_11" hidden="1">"A34699"</definedName>
    <definedName name="FDD_129_12" hidden="1">"A35064"</definedName>
    <definedName name="FDD_129_13" hidden="1">"A35430"</definedName>
    <definedName name="FDD_129_14" hidden="1">"A35795"</definedName>
    <definedName name="FDD_129_2" hidden="1">"A31412"</definedName>
    <definedName name="FDD_129_3" hidden="1">"A31777"</definedName>
    <definedName name="FDD_129_4" hidden="1">"A32142"</definedName>
    <definedName name="FDD_129_5" hidden="1">"A32508"</definedName>
    <definedName name="FDD_129_6" hidden="1">"A32873"</definedName>
    <definedName name="FDD_129_7" hidden="1">"A33238"</definedName>
    <definedName name="FDD_129_8" hidden="1">"A33603"</definedName>
    <definedName name="FDD_129_9" hidden="1">"A33969"</definedName>
    <definedName name="FDD_13_0" hidden="1">"A25569"</definedName>
    <definedName name="FDD_130_0" hidden="1">"A30681"</definedName>
    <definedName name="FDD_130_1" hidden="1">"A31047"</definedName>
    <definedName name="FDD_130_10" hidden="1">"A34334"</definedName>
    <definedName name="FDD_130_11" hidden="1">"A34699"</definedName>
    <definedName name="FDD_130_12" hidden="1">"A35064"</definedName>
    <definedName name="FDD_130_13" hidden="1">"A35430"</definedName>
    <definedName name="FDD_130_14" hidden="1">"A35795"</definedName>
    <definedName name="FDD_130_2" hidden="1">"A31412"</definedName>
    <definedName name="FDD_130_3" hidden="1">"A31777"</definedName>
    <definedName name="FDD_130_4" hidden="1">"A32142"</definedName>
    <definedName name="FDD_130_5" hidden="1">"A32508"</definedName>
    <definedName name="FDD_130_6" hidden="1">"A32873"</definedName>
    <definedName name="FDD_130_7" hidden="1">"A33238"</definedName>
    <definedName name="FDD_130_8" hidden="1">"A33603"</definedName>
    <definedName name="FDD_130_9" hidden="1">"A33969"</definedName>
    <definedName name="FDD_131_0" hidden="1">"A30681"</definedName>
    <definedName name="FDD_131_1" hidden="1">"A31047"</definedName>
    <definedName name="FDD_131_10" hidden="1">"A34334"</definedName>
    <definedName name="FDD_131_11" hidden="1">"A34699"</definedName>
    <definedName name="FDD_131_12" hidden="1">"A35064"</definedName>
    <definedName name="FDD_131_13" hidden="1">"A35430"</definedName>
    <definedName name="FDD_131_14" hidden="1">"A35795"</definedName>
    <definedName name="FDD_131_2" hidden="1">"A31412"</definedName>
    <definedName name="FDD_131_3" hidden="1">"A31777"</definedName>
    <definedName name="FDD_131_4" hidden="1">"A32142"</definedName>
    <definedName name="FDD_131_5" hidden="1">"A32508"</definedName>
    <definedName name="FDD_131_6" hidden="1">"A32873"</definedName>
    <definedName name="FDD_131_7" hidden="1">"A33238"</definedName>
    <definedName name="FDD_131_8" hidden="1">"A33603"</definedName>
    <definedName name="FDD_131_9" hidden="1">"A33969"</definedName>
    <definedName name="FDD_132_0" hidden="1">"U30681"</definedName>
    <definedName name="FDD_132_1" hidden="1">"U31047"</definedName>
    <definedName name="FDD_132_10" hidden="1">"U34334"</definedName>
    <definedName name="FDD_132_11" hidden="1">"U34699"</definedName>
    <definedName name="FDD_132_12" hidden="1">"U35064"</definedName>
    <definedName name="FDD_132_13" hidden="1">"U35430"</definedName>
    <definedName name="FDD_132_14" hidden="1">"U35795"</definedName>
    <definedName name="FDD_132_2" hidden="1">"U31412"</definedName>
    <definedName name="FDD_132_3" hidden="1">"U31777"</definedName>
    <definedName name="FDD_132_4" hidden="1">"U32142"</definedName>
    <definedName name="FDD_132_5" hidden="1">"U32508"</definedName>
    <definedName name="FDD_132_6" hidden="1">"U32873"</definedName>
    <definedName name="FDD_132_7" hidden="1">"U33238"</definedName>
    <definedName name="FDD_132_8" hidden="1">"U33603"</definedName>
    <definedName name="FDD_132_9" hidden="1">"U33969"</definedName>
    <definedName name="FDD_133_0" hidden="1">"A30681"</definedName>
    <definedName name="FDD_133_1" hidden="1">"A31047"</definedName>
    <definedName name="FDD_133_10" hidden="1">"A34334"</definedName>
    <definedName name="FDD_133_11" hidden="1">"A34699"</definedName>
    <definedName name="FDD_133_12" hidden="1">"A35064"</definedName>
    <definedName name="FDD_133_13" hidden="1">"A35430"</definedName>
    <definedName name="FDD_133_14" hidden="1">"A35795"</definedName>
    <definedName name="FDD_133_2" hidden="1">"A31412"</definedName>
    <definedName name="FDD_133_3" hidden="1">"A31777"</definedName>
    <definedName name="FDD_133_4" hidden="1">"A32142"</definedName>
    <definedName name="FDD_133_5" hidden="1">"A32508"</definedName>
    <definedName name="FDD_133_6" hidden="1">"A32873"</definedName>
    <definedName name="FDD_133_7" hidden="1">"A33238"</definedName>
    <definedName name="FDD_133_8" hidden="1">"A33603"</definedName>
    <definedName name="FDD_133_9" hidden="1">"A33969"</definedName>
    <definedName name="FDD_134_0" hidden="1">"A30681"</definedName>
    <definedName name="FDD_134_1" hidden="1">"A31047"</definedName>
    <definedName name="FDD_134_10" hidden="1">"A34334"</definedName>
    <definedName name="FDD_134_11" hidden="1">"A34699"</definedName>
    <definedName name="FDD_134_12" hidden="1">"A35064"</definedName>
    <definedName name="FDD_134_13" hidden="1">"A35430"</definedName>
    <definedName name="FDD_134_14" hidden="1">"A35795"</definedName>
    <definedName name="FDD_134_2" hidden="1">"A31412"</definedName>
    <definedName name="FDD_134_3" hidden="1">"A31777"</definedName>
    <definedName name="FDD_134_4" hidden="1">"A32142"</definedName>
    <definedName name="FDD_134_5" hidden="1">"A32508"</definedName>
    <definedName name="FDD_134_6" hidden="1">"A32873"</definedName>
    <definedName name="FDD_134_7" hidden="1">"A33238"</definedName>
    <definedName name="FDD_134_8" hidden="1">"A33603"</definedName>
    <definedName name="FDD_134_9" hidden="1">"A33969"</definedName>
    <definedName name="FDD_135_0" hidden="1">"A30681"</definedName>
    <definedName name="FDD_135_1" hidden="1">"A31047"</definedName>
    <definedName name="FDD_135_10" hidden="1">"A34334"</definedName>
    <definedName name="FDD_135_11" hidden="1">"A34699"</definedName>
    <definedName name="FDD_135_12" hidden="1">"A35064"</definedName>
    <definedName name="FDD_135_13" hidden="1">"A35430"</definedName>
    <definedName name="FDD_135_14" hidden="1">"A35795"</definedName>
    <definedName name="FDD_135_2" hidden="1">"A31412"</definedName>
    <definedName name="FDD_135_3" hidden="1">"A31777"</definedName>
    <definedName name="FDD_135_4" hidden="1">"A32142"</definedName>
    <definedName name="FDD_135_5" hidden="1">"A32508"</definedName>
    <definedName name="FDD_135_6" hidden="1">"A32873"</definedName>
    <definedName name="FDD_135_7" hidden="1">"A33238"</definedName>
    <definedName name="FDD_135_8" hidden="1">"A33603"</definedName>
    <definedName name="FDD_135_9" hidden="1">"A33969"</definedName>
    <definedName name="FDD_136_0" hidden="1">"A30681"</definedName>
    <definedName name="FDD_136_1" hidden="1">"A31047"</definedName>
    <definedName name="FDD_136_10" hidden="1">"A34334"</definedName>
    <definedName name="FDD_136_11" hidden="1">"A34699"</definedName>
    <definedName name="FDD_136_12" hidden="1">"A35064"</definedName>
    <definedName name="FDD_136_13" hidden="1">"A35430"</definedName>
    <definedName name="FDD_136_14" hidden="1">"A35795"</definedName>
    <definedName name="FDD_136_2" hidden="1">"A31412"</definedName>
    <definedName name="FDD_136_3" hidden="1">"A31777"</definedName>
    <definedName name="FDD_136_4" hidden="1">"A32142"</definedName>
    <definedName name="FDD_136_5" hidden="1">"A32508"</definedName>
    <definedName name="FDD_136_6" hidden="1">"A32873"</definedName>
    <definedName name="FDD_136_7" hidden="1">"A33238"</definedName>
    <definedName name="FDD_136_8" hidden="1">"A33603"</definedName>
    <definedName name="FDD_136_9" hidden="1">"A33969"</definedName>
    <definedName name="FDD_137_0" hidden="1">"A30681"</definedName>
    <definedName name="FDD_137_1" hidden="1">"A31047"</definedName>
    <definedName name="FDD_137_10" hidden="1">"A34334"</definedName>
    <definedName name="FDD_137_11" hidden="1">"A34699"</definedName>
    <definedName name="FDD_137_12" hidden="1">"A35064"</definedName>
    <definedName name="FDD_137_13" hidden="1">"A35430"</definedName>
    <definedName name="FDD_137_14" hidden="1">"A35795"</definedName>
    <definedName name="FDD_137_2" hidden="1">"A31412"</definedName>
    <definedName name="FDD_137_3" hidden="1">"A31777"</definedName>
    <definedName name="FDD_137_4" hidden="1">"A32142"</definedName>
    <definedName name="FDD_137_5" hidden="1">"A32508"</definedName>
    <definedName name="FDD_137_6" hidden="1">"A32873"</definedName>
    <definedName name="FDD_137_7" hidden="1">"A33238"</definedName>
    <definedName name="FDD_137_8" hidden="1">"A33603"</definedName>
    <definedName name="FDD_137_9" hidden="1">"A33969"</definedName>
    <definedName name="FDD_138_0" hidden="1">"A30681"</definedName>
    <definedName name="FDD_138_1" hidden="1">"A31047"</definedName>
    <definedName name="FDD_138_10" hidden="1">"A34334"</definedName>
    <definedName name="FDD_138_11" hidden="1">"A34699"</definedName>
    <definedName name="FDD_138_12" hidden="1">"A35064"</definedName>
    <definedName name="FDD_138_13" hidden="1">"A35430"</definedName>
    <definedName name="FDD_138_14" hidden="1">"A35795"</definedName>
    <definedName name="FDD_138_2" hidden="1">"A31412"</definedName>
    <definedName name="FDD_138_3" hidden="1">"A31777"</definedName>
    <definedName name="FDD_138_4" hidden="1">"A32142"</definedName>
    <definedName name="FDD_138_5" hidden="1">"A32508"</definedName>
    <definedName name="FDD_138_6" hidden="1">"A32873"</definedName>
    <definedName name="FDD_138_7" hidden="1">"A33238"</definedName>
    <definedName name="FDD_138_8" hidden="1">"A33603"</definedName>
    <definedName name="FDD_138_9" hidden="1">"A33969"</definedName>
    <definedName name="FDD_139_0" hidden="1">"A30681"</definedName>
    <definedName name="FDD_139_1" hidden="1">"A31047"</definedName>
    <definedName name="FDD_139_10" hidden="1">"U34334"</definedName>
    <definedName name="FDD_139_11" hidden="1">"U34699"</definedName>
    <definedName name="FDD_139_12" hidden="1">"U35064"</definedName>
    <definedName name="FDD_139_13" hidden="1">"U35430"</definedName>
    <definedName name="FDD_139_14" hidden="1">"U35795"</definedName>
    <definedName name="FDD_139_2" hidden="1">"A31412"</definedName>
    <definedName name="FDD_139_3" hidden="1">"U31777"</definedName>
    <definedName name="FDD_139_4" hidden="1">"U32142"</definedName>
    <definedName name="FDD_139_5" hidden="1">"U32508"</definedName>
    <definedName name="FDD_139_6" hidden="1">"U32873"</definedName>
    <definedName name="FDD_139_7" hidden="1">"U33238"</definedName>
    <definedName name="FDD_139_8" hidden="1">"U33603"</definedName>
    <definedName name="FDD_139_9" hidden="1">"U33969"</definedName>
    <definedName name="FDD_14_0" hidden="1">"A25569"</definedName>
    <definedName name="FDD_140_0" hidden="1">"A25569"</definedName>
    <definedName name="FDD_141_0" hidden="1">"A30681"</definedName>
    <definedName name="FDD_141_1" hidden="1">"A31047"</definedName>
    <definedName name="FDD_141_10" hidden="1">"A34334"</definedName>
    <definedName name="FDD_141_11" hidden="1">"A34699"</definedName>
    <definedName name="FDD_141_12" hidden="1">"A35064"</definedName>
    <definedName name="FDD_141_13" hidden="1">"A35430"</definedName>
    <definedName name="FDD_141_14" hidden="1">"A35795"</definedName>
    <definedName name="FDD_141_2" hidden="1">"A31412"</definedName>
    <definedName name="FDD_141_3" hidden="1">"A31777"</definedName>
    <definedName name="FDD_141_4" hidden="1">"A32142"</definedName>
    <definedName name="FDD_141_5" hidden="1">"A32508"</definedName>
    <definedName name="FDD_141_6" hidden="1">"A32873"</definedName>
    <definedName name="FDD_141_7" hidden="1">"A33238"</definedName>
    <definedName name="FDD_141_8" hidden="1">"A33603"</definedName>
    <definedName name="FDD_141_9" hidden="1">"A33969"</definedName>
    <definedName name="FDD_142_0" hidden="1">"A30681"</definedName>
    <definedName name="FDD_142_1" hidden="1">"A31047"</definedName>
    <definedName name="FDD_142_10" hidden="1">"A34334"</definedName>
    <definedName name="FDD_142_11" hidden="1">"A34699"</definedName>
    <definedName name="FDD_142_12" hidden="1">"A35064"</definedName>
    <definedName name="FDD_142_13" hidden="1">"A35430"</definedName>
    <definedName name="FDD_142_14" hidden="1">"A35795"</definedName>
    <definedName name="FDD_142_2" hidden="1">"A31412"</definedName>
    <definedName name="FDD_142_3" hidden="1">"A31777"</definedName>
    <definedName name="FDD_142_4" hidden="1">"A32142"</definedName>
    <definedName name="FDD_142_5" hidden="1">"A32508"</definedName>
    <definedName name="FDD_142_6" hidden="1">"A32873"</definedName>
    <definedName name="FDD_142_7" hidden="1">"A33238"</definedName>
    <definedName name="FDD_142_8" hidden="1">"A33603"</definedName>
    <definedName name="FDD_142_9" hidden="1">"A33969"</definedName>
    <definedName name="FDD_143_0" hidden="1">"A30681"</definedName>
    <definedName name="FDD_143_1" hidden="1">"A31047"</definedName>
    <definedName name="FDD_143_10" hidden="1">"A34334"</definedName>
    <definedName name="FDD_143_11" hidden="1">"A34699"</definedName>
    <definedName name="FDD_143_12" hidden="1">"A35064"</definedName>
    <definedName name="FDD_143_13" hidden="1">"A35430"</definedName>
    <definedName name="FDD_143_14" hidden="1">"A35795"</definedName>
    <definedName name="FDD_143_2" hidden="1">"A31412"</definedName>
    <definedName name="FDD_143_3" hidden="1">"A31777"</definedName>
    <definedName name="FDD_143_4" hidden="1">"A32142"</definedName>
    <definedName name="FDD_143_5" hidden="1">"A32508"</definedName>
    <definedName name="FDD_143_6" hidden="1">"A32873"</definedName>
    <definedName name="FDD_143_7" hidden="1">"A33238"</definedName>
    <definedName name="FDD_143_8" hidden="1">"A33603"</definedName>
    <definedName name="FDD_143_9" hidden="1">"A33969"</definedName>
    <definedName name="FDD_144_0" hidden="1">"A30681"</definedName>
    <definedName name="FDD_144_1" hidden="1">"A31047"</definedName>
    <definedName name="FDD_144_10" hidden="1">"A34334"</definedName>
    <definedName name="FDD_144_11" hidden="1">"A34699"</definedName>
    <definedName name="FDD_144_12" hidden="1">"A35064"</definedName>
    <definedName name="FDD_144_13" hidden="1">"A35430"</definedName>
    <definedName name="FDD_144_14" hidden="1">"A35795"</definedName>
    <definedName name="FDD_144_2" hidden="1">"A31412"</definedName>
    <definedName name="FDD_144_3" hidden="1">"A31777"</definedName>
    <definedName name="FDD_144_4" hidden="1">"A32142"</definedName>
    <definedName name="FDD_144_5" hidden="1">"A32508"</definedName>
    <definedName name="FDD_144_6" hidden="1">"A32873"</definedName>
    <definedName name="FDD_144_7" hidden="1">"A33238"</definedName>
    <definedName name="FDD_144_8" hidden="1">"A33603"</definedName>
    <definedName name="FDD_144_9" hidden="1">"A33969"</definedName>
    <definedName name="FDD_145_0" hidden="1">"A30681"</definedName>
    <definedName name="FDD_145_1" hidden="1">"A31047"</definedName>
    <definedName name="FDD_145_10" hidden="1">"A34334"</definedName>
    <definedName name="FDD_145_11" hidden="1">"A34699"</definedName>
    <definedName name="FDD_145_12" hidden="1">"A35064"</definedName>
    <definedName name="FDD_145_13" hidden="1">"A35430"</definedName>
    <definedName name="FDD_145_14" hidden="1">"A35795"</definedName>
    <definedName name="FDD_145_2" hidden="1">"A31412"</definedName>
    <definedName name="FDD_145_3" hidden="1">"A31777"</definedName>
    <definedName name="FDD_145_4" hidden="1">"A32142"</definedName>
    <definedName name="FDD_145_5" hidden="1">"A32508"</definedName>
    <definedName name="FDD_145_6" hidden="1">"A32873"</definedName>
    <definedName name="FDD_145_7" hidden="1">"A33238"</definedName>
    <definedName name="FDD_145_8" hidden="1">"A33603"</definedName>
    <definedName name="FDD_145_9" hidden="1">"A33969"</definedName>
    <definedName name="FDD_146_0" hidden="1">"A30681"</definedName>
    <definedName name="FDD_146_1" hidden="1">"A31047"</definedName>
    <definedName name="FDD_146_10" hidden="1">"A34334"</definedName>
    <definedName name="FDD_146_11" hidden="1">"A34699"</definedName>
    <definedName name="FDD_146_12" hidden="1">"A35064"</definedName>
    <definedName name="FDD_146_13" hidden="1">"A35430"</definedName>
    <definedName name="FDD_146_14" hidden="1">"A35795"</definedName>
    <definedName name="FDD_146_2" hidden="1">"A31412"</definedName>
    <definedName name="FDD_146_3" hidden="1">"A31777"</definedName>
    <definedName name="FDD_146_4" hidden="1">"A32142"</definedName>
    <definedName name="FDD_146_5" hidden="1">"A32508"</definedName>
    <definedName name="FDD_146_6" hidden="1">"A32873"</definedName>
    <definedName name="FDD_146_7" hidden="1">"A33238"</definedName>
    <definedName name="FDD_146_8" hidden="1">"A33603"</definedName>
    <definedName name="FDD_146_9" hidden="1">"A33969"</definedName>
    <definedName name="FDD_147_0" hidden="1">"U30681"</definedName>
    <definedName name="FDD_147_1" hidden="1">"U31047"</definedName>
    <definedName name="FDD_147_10" hidden="1">"U34334"</definedName>
    <definedName name="FDD_147_11" hidden="1">"U34699"</definedName>
    <definedName name="FDD_147_12" hidden="1">"U35064"</definedName>
    <definedName name="FDD_147_13" hidden="1">"U35430"</definedName>
    <definedName name="FDD_147_14" hidden="1">"U35795"</definedName>
    <definedName name="FDD_147_2" hidden="1">"U31412"</definedName>
    <definedName name="FDD_147_3" hidden="1">"U31777"</definedName>
    <definedName name="FDD_147_4" hidden="1">"U32142"</definedName>
    <definedName name="FDD_147_5" hidden="1">"U32508"</definedName>
    <definedName name="FDD_147_6" hidden="1">"U32873"</definedName>
    <definedName name="FDD_147_7" hidden="1">"U33238"</definedName>
    <definedName name="FDD_147_8" hidden="1">"U33603"</definedName>
    <definedName name="FDD_147_9" hidden="1">"U33969"</definedName>
    <definedName name="FDD_148_0" hidden="1">"A30681"</definedName>
    <definedName name="FDD_148_1" hidden="1">"A31047"</definedName>
    <definedName name="FDD_148_10" hidden="1">"A34334"</definedName>
    <definedName name="FDD_148_11" hidden="1">"A34699"</definedName>
    <definedName name="FDD_148_12" hidden="1">"A35064"</definedName>
    <definedName name="FDD_148_13" hidden="1">"A35430"</definedName>
    <definedName name="FDD_148_14" hidden="1">"A35795"</definedName>
    <definedName name="FDD_148_2" hidden="1">"A31412"</definedName>
    <definedName name="FDD_148_3" hidden="1">"A31777"</definedName>
    <definedName name="FDD_148_4" hidden="1">"A32142"</definedName>
    <definedName name="FDD_148_5" hidden="1">"A32508"</definedName>
    <definedName name="FDD_148_6" hidden="1">"A32873"</definedName>
    <definedName name="FDD_148_7" hidden="1">"A33238"</definedName>
    <definedName name="FDD_148_8" hidden="1">"A33603"</definedName>
    <definedName name="FDD_148_9" hidden="1">"A33969"</definedName>
    <definedName name="FDD_149_0" hidden="1">"U30681"</definedName>
    <definedName name="FDD_149_1" hidden="1">"U31047"</definedName>
    <definedName name="FDD_149_10" hidden="1">"U34334"</definedName>
    <definedName name="FDD_149_11" hidden="1">"U34699"</definedName>
    <definedName name="FDD_149_12" hidden="1">"U35064"</definedName>
    <definedName name="FDD_149_13" hidden="1">"U35430"</definedName>
    <definedName name="FDD_149_14" hidden="1">"A35795"</definedName>
    <definedName name="FDD_149_2" hidden="1">"U31412"</definedName>
    <definedName name="FDD_149_3" hidden="1">"U31777"</definedName>
    <definedName name="FDD_149_4" hidden="1">"U32142"</definedName>
    <definedName name="FDD_149_5" hidden="1">"U32508"</definedName>
    <definedName name="FDD_149_6" hidden="1">"U32873"</definedName>
    <definedName name="FDD_149_7" hidden="1">"U33238"</definedName>
    <definedName name="FDD_149_8" hidden="1">"U33603"</definedName>
    <definedName name="FDD_149_9" hidden="1">"U33969"</definedName>
    <definedName name="FDD_15_0" hidden="1">"A25569"</definedName>
    <definedName name="FDD_151_0" hidden="1">"A30681"</definedName>
    <definedName name="FDD_151_1" hidden="1">"A31047"</definedName>
    <definedName name="FDD_151_10" hidden="1">"A34334"</definedName>
    <definedName name="FDD_151_11" hidden="1">"A34699"</definedName>
    <definedName name="FDD_151_12" hidden="1">"A35064"</definedName>
    <definedName name="FDD_151_13" hidden="1">"A35430"</definedName>
    <definedName name="FDD_151_14" hidden="1">"A35795"</definedName>
    <definedName name="FDD_151_2" hidden="1">"A31412"</definedName>
    <definedName name="FDD_151_3" hidden="1">"A31777"</definedName>
    <definedName name="FDD_151_4" hidden="1">"A32142"</definedName>
    <definedName name="FDD_151_5" hidden="1">"A32508"</definedName>
    <definedName name="FDD_151_6" hidden="1">"A32873"</definedName>
    <definedName name="FDD_151_7" hidden="1">"A33238"</definedName>
    <definedName name="FDD_151_8" hidden="1">"A33603"</definedName>
    <definedName name="FDD_151_9" hidden="1">"A33969"</definedName>
    <definedName name="FDD_152_0" hidden="1">"A30681"</definedName>
    <definedName name="FDD_152_1" hidden="1">"A31047"</definedName>
    <definedName name="FDD_152_10" hidden="1">"A34334"</definedName>
    <definedName name="FDD_152_11" hidden="1">"A34699"</definedName>
    <definedName name="FDD_152_12" hidden="1">"A35064"</definedName>
    <definedName name="FDD_152_13" hidden="1">"A35430"</definedName>
    <definedName name="FDD_152_14" hidden="1">"A35795"</definedName>
    <definedName name="FDD_152_15" hidden="1">"E36160"</definedName>
    <definedName name="FDD_152_2" hidden="1">"A31412"</definedName>
    <definedName name="FDD_152_3" hidden="1">"A31777"</definedName>
    <definedName name="FDD_152_4" hidden="1">"A32142"</definedName>
    <definedName name="FDD_152_5" hidden="1">"A32508"</definedName>
    <definedName name="FDD_152_6" hidden="1">"A32873"</definedName>
    <definedName name="FDD_152_7" hidden="1">"A33238"</definedName>
    <definedName name="FDD_152_8" hidden="1">"A33603"</definedName>
    <definedName name="FDD_152_9" hidden="1">"A33969"</definedName>
    <definedName name="FDD_153_0" hidden="1">"A30681"</definedName>
    <definedName name="FDD_153_1" hidden="1">"A31047"</definedName>
    <definedName name="FDD_153_10" hidden="1">"A34334"</definedName>
    <definedName name="FDD_153_11" hidden="1">"A34699"</definedName>
    <definedName name="FDD_153_12" hidden="1">"A35064"</definedName>
    <definedName name="FDD_153_13" hidden="1">"A35430"</definedName>
    <definedName name="FDD_153_14" hidden="1">"A35795"</definedName>
    <definedName name="FDD_153_2" hidden="1">"A31412"</definedName>
    <definedName name="FDD_153_3" hidden="1">"A31777"</definedName>
    <definedName name="FDD_153_4" hidden="1">"A32142"</definedName>
    <definedName name="FDD_153_5" hidden="1">"A32508"</definedName>
    <definedName name="FDD_153_6" hidden="1">"A32873"</definedName>
    <definedName name="FDD_153_7" hidden="1">"A33238"</definedName>
    <definedName name="FDD_153_8" hidden="1">"A33603"</definedName>
    <definedName name="FDD_153_9" hidden="1">"A33969"</definedName>
    <definedName name="FDD_154_0" hidden="1">"A30681"</definedName>
    <definedName name="FDD_154_1" hidden="1">"A31047"</definedName>
    <definedName name="FDD_154_10" hidden="1">"A34334"</definedName>
    <definedName name="FDD_154_11" hidden="1">"A34699"</definedName>
    <definedName name="FDD_154_12" hidden="1">"A35064"</definedName>
    <definedName name="FDD_154_13" hidden="1">"A35430"</definedName>
    <definedName name="FDD_154_14" hidden="1">"A35795"</definedName>
    <definedName name="FDD_154_2" hidden="1">"A31412"</definedName>
    <definedName name="FDD_154_3" hidden="1">"A31777"</definedName>
    <definedName name="FDD_154_4" hidden="1">"A32142"</definedName>
    <definedName name="FDD_154_5" hidden="1">"A32508"</definedName>
    <definedName name="FDD_154_6" hidden="1">"A32873"</definedName>
    <definedName name="FDD_154_7" hidden="1">"A33238"</definedName>
    <definedName name="FDD_154_8" hidden="1">"A33603"</definedName>
    <definedName name="FDD_154_9" hidden="1">"A33969"</definedName>
    <definedName name="FDD_155_0" hidden="1">"A25569"</definedName>
    <definedName name="FDD_156_0" hidden="1">"A30681"</definedName>
    <definedName name="FDD_156_1" hidden="1">"A31047"</definedName>
    <definedName name="FDD_156_10" hidden="1">"A34334"</definedName>
    <definedName name="FDD_156_11" hidden="1">"A34699"</definedName>
    <definedName name="FDD_156_12" hidden="1">"A35064"</definedName>
    <definedName name="FDD_156_13" hidden="1">"A35430"</definedName>
    <definedName name="FDD_156_14" hidden="1">"A35795"</definedName>
    <definedName name="FDD_156_15" hidden="1">"E36160"</definedName>
    <definedName name="FDD_156_2" hidden="1">"A31412"</definedName>
    <definedName name="FDD_156_3" hidden="1">"A31777"</definedName>
    <definedName name="FDD_156_4" hidden="1">"A32142"</definedName>
    <definedName name="FDD_156_5" hidden="1">"A32508"</definedName>
    <definedName name="FDD_156_6" hidden="1">"A32873"</definedName>
    <definedName name="FDD_156_7" hidden="1">"A33238"</definedName>
    <definedName name="FDD_156_8" hidden="1">"A33603"</definedName>
    <definedName name="FDD_156_9" hidden="1">"A33969"</definedName>
    <definedName name="FDD_157_0" hidden="1">"A30681"</definedName>
    <definedName name="FDD_157_1" hidden="1">"A31047"</definedName>
    <definedName name="FDD_157_10" hidden="1">"A34334"</definedName>
    <definedName name="FDD_157_11" hidden="1">"A34699"</definedName>
    <definedName name="FDD_157_12" hidden="1">"A35064"</definedName>
    <definedName name="FDD_157_13" hidden="1">"A35430"</definedName>
    <definedName name="FDD_157_14" hidden="1">"A35795"</definedName>
    <definedName name="FDD_157_2" hidden="1">"A31412"</definedName>
    <definedName name="FDD_157_3" hidden="1">"A31777"</definedName>
    <definedName name="FDD_157_4" hidden="1">"A32142"</definedName>
    <definedName name="FDD_157_5" hidden="1">"A32508"</definedName>
    <definedName name="FDD_157_6" hidden="1">"A32873"</definedName>
    <definedName name="FDD_157_7" hidden="1">"A33238"</definedName>
    <definedName name="FDD_157_8" hidden="1">"A33603"</definedName>
    <definedName name="FDD_157_9" hidden="1">"A33969"</definedName>
    <definedName name="FDD_158_0" hidden="1">"A30681"</definedName>
    <definedName name="FDD_158_1" hidden="1">"A31047"</definedName>
    <definedName name="FDD_158_10" hidden="1">"A34334"</definedName>
    <definedName name="FDD_158_11" hidden="1">"A34699"</definedName>
    <definedName name="FDD_158_12" hidden="1">"A35064"</definedName>
    <definedName name="FDD_158_13" hidden="1">"A35430"</definedName>
    <definedName name="FDD_158_14" hidden="1">"A35795"</definedName>
    <definedName name="FDD_158_15" hidden="1">"E36160"</definedName>
    <definedName name="FDD_158_2" hidden="1">"A31412"</definedName>
    <definedName name="FDD_158_3" hidden="1">"A31777"</definedName>
    <definedName name="FDD_158_4" hidden="1">"A32142"</definedName>
    <definedName name="FDD_158_5" hidden="1">"A32508"</definedName>
    <definedName name="FDD_158_6" hidden="1">"A32873"</definedName>
    <definedName name="FDD_158_7" hidden="1">"A33238"</definedName>
    <definedName name="FDD_158_8" hidden="1">"A33603"</definedName>
    <definedName name="FDD_158_9" hidden="1">"A33969"</definedName>
    <definedName name="FDD_159_0" hidden="1">"A30681"</definedName>
    <definedName name="FDD_159_1" hidden="1">"A31047"</definedName>
    <definedName name="FDD_159_10" hidden="1">"A34334"</definedName>
    <definedName name="FDD_159_11" hidden="1">"A34699"</definedName>
    <definedName name="FDD_159_12" hidden="1">"A35064"</definedName>
    <definedName name="FDD_159_13" hidden="1">"A35430"</definedName>
    <definedName name="FDD_159_14" hidden="1">"A35795"</definedName>
    <definedName name="FDD_159_2" hidden="1">"A31412"</definedName>
    <definedName name="FDD_159_3" hidden="1">"A31777"</definedName>
    <definedName name="FDD_159_4" hidden="1">"A32142"</definedName>
    <definedName name="FDD_159_5" hidden="1">"A32508"</definedName>
    <definedName name="FDD_159_6" hidden="1">"A32873"</definedName>
    <definedName name="FDD_159_7" hidden="1">"A33238"</definedName>
    <definedName name="FDD_159_8" hidden="1">"A33603"</definedName>
    <definedName name="FDD_159_9" hidden="1">"A33969"</definedName>
    <definedName name="FDD_16_0" hidden="1">"A25569"</definedName>
    <definedName name="FDD_160_0" hidden="1">"A30681"</definedName>
    <definedName name="FDD_160_1" hidden="1">"A31047"</definedName>
    <definedName name="FDD_160_10" hidden="1">"A34334"</definedName>
    <definedName name="FDD_160_11" hidden="1">"A34699"</definedName>
    <definedName name="FDD_160_12" hidden="1">"A35064"</definedName>
    <definedName name="FDD_160_13" hidden="1">"A35430"</definedName>
    <definedName name="FDD_160_14" hidden="1">"A35795"</definedName>
    <definedName name="FDD_160_15" hidden="1">"E36160"</definedName>
    <definedName name="FDD_160_2" hidden="1">"A31412"</definedName>
    <definedName name="FDD_160_3" hidden="1">"A31777"</definedName>
    <definedName name="FDD_160_4" hidden="1">"A32142"</definedName>
    <definedName name="FDD_160_5" hidden="1">"A32508"</definedName>
    <definedName name="FDD_160_6" hidden="1">"A32873"</definedName>
    <definedName name="FDD_160_7" hidden="1">"A33238"</definedName>
    <definedName name="FDD_160_8" hidden="1">"A33603"</definedName>
    <definedName name="FDD_160_9" hidden="1">"A33969"</definedName>
    <definedName name="FDD_161_0" hidden="1">"A30681"</definedName>
    <definedName name="FDD_161_1" hidden="1">"A31047"</definedName>
    <definedName name="FDD_161_10" hidden="1">"A34334"</definedName>
    <definedName name="FDD_161_11" hidden="1">"A34699"</definedName>
    <definedName name="FDD_161_12" hidden="1">"A35064"</definedName>
    <definedName name="FDD_161_13" hidden="1">"A35430"</definedName>
    <definedName name="FDD_161_14" hidden="1">"A35795"</definedName>
    <definedName name="FDD_161_2" hidden="1">"A31412"</definedName>
    <definedName name="FDD_161_3" hidden="1">"A31777"</definedName>
    <definedName name="FDD_161_4" hidden="1">"A32142"</definedName>
    <definedName name="FDD_161_5" hidden="1">"A32508"</definedName>
    <definedName name="FDD_161_6" hidden="1">"A32873"</definedName>
    <definedName name="FDD_161_7" hidden="1">"A33238"</definedName>
    <definedName name="FDD_161_8" hidden="1">"A33603"</definedName>
    <definedName name="FDD_161_9" hidden="1">"A33969"</definedName>
    <definedName name="FDD_162_0" hidden="1">"A30681"</definedName>
    <definedName name="FDD_162_1" hidden="1">"A31047"</definedName>
    <definedName name="FDD_162_10" hidden="1">"A34334"</definedName>
    <definedName name="FDD_162_11" hidden="1">"A34699"</definedName>
    <definedName name="FDD_162_12" hidden="1">"A35064"</definedName>
    <definedName name="FDD_162_13" hidden="1">"A35430"</definedName>
    <definedName name="FDD_162_14" hidden="1">"A35795"</definedName>
    <definedName name="FDD_162_2" hidden="1">"A31412"</definedName>
    <definedName name="FDD_162_3" hidden="1">"A31777"</definedName>
    <definedName name="FDD_162_4" hidden="1">"A32142"</definedName>
    <definedName name="FDD_162_5" hidden="1">"A32508"</definedName>
    <definedName name="FDD_162_6" hidden="1">"A32873"</definedName>
    <definedName name="FDD_162_7" hidden="1">"A33238"</definedName>
    <definedName name="FDD_162_8" hidden="1">"A33603"</definedName>
    <definedName name="FDD_162_9" hidden="1">"A33969"</definedName>
    <definedName name="FDD_163_0" hidden="1">"A30681"</definedName>
    <definedName name="FDD_163_1" hidden="1">"A31047"</definedName>
    <definedName name="FDD_163_10" hidden="1">"A34334"</definedName>
    <definedName name="FDD_163_11" hidden="1">"A34699"</definedName>
    <definedName name="FDD_163_12" hidden="1">"A35064"</definedName>
    <definedName name="FDD_163_13" hidden="1">"A35430"</definedName>
    <definedName name="FDD_163_14" hidden="1">"A35795"</definedName>
    <definedName name="FDD_163_2" hidden="1">"A31412"</definedName>
    <definedName name="FDD_163_3" hidden="1">"A31777"</definedName>
    <definedName name="FDD_163_4" hidden="1">"A32142"</definedName>
    <definedName name="FDD_163_5" hidden="1">"A32508"</definedName>
    <definedName name="FDD_163_6" hidden="1">"A32873"</definedName>
    <definedName name="FDD_163_7" hidden="1">"A33238"</definedName>
    <definedName name="FDD_163_8" hidden="1">"A33603"</definedName>
    <definedName name="FDD_163_9" hidden="1">"A33969"</definedName>
    <definedName name="FDD_164_0" hidden="1">"A25569"</definedName>
    <definedName name="FDD_165_0" hidden="1">"A30681"</definedName>
    <definedName name="FDD_165_1" hidden="1">"A31047"</definedName>
    <definedName name="FDD_165_10" hidden="1">"A34334"</definedName>
    <definedName name="FDD_165_11" hidden="1">"A34699"</definedName>
    <definedName name="FDD_165_12" hidden="1">"A35064"</definedName>
    <definedName name="FDD_165_13" hidden="1">"A35430"</definedName>
    <definedName name="FDD_165_14" hidden="1">"A35795"</definedName>
    <definedName name="FDD_165_2" hidden="1">"A31412"</definedName>
    <definedName name="FDD_165_3" hidden="1">"A31777"</definedName>
    <definedName name="FDD_165_4" hidden="1">"A32142"</definedName>
    <definedName name="FDD_165_5" hidden="1">"A32508"</definedName>
    <definedName name="FDD_165_6" hidden="1">"A32873"</definedName>
    <definedName name="FDD_165_7" hidden="1">"A33238"</definedName>
    <definedName name="FDD_165_8" hidden="1">"A33603"</definedName>
    <definedName name="FDD_165_9" hidden="1">"A33969"</definedName>
    <definedName name="FDD_166_0" hidden="1">"A30681"</definedName>
    <definedName name="FDD_166_1" hidden="1">"A31047"</definedName>
    <definedName name="FDD_166_10" hidden="1">"A34334"</definedName>
    <definedName name="FDD_166_11" hidden="1">"A34699"</definedName>
    <definedName name="FDD_166_12" hidden="1">"A35064"</definedName>
    <definedName name="FDD_166_13" hidden="1">"A35430"</definedName>
    <definedName name="FDD_166_14" hidden="1">"A35795"</definedName>
    <definedName name="FDD_166_2" hidden="1">"A31412"</definedName>
    <definedName name="FDD_166_3" hidden="1">"A31777"</definedName>
    <definedName name="FDD_166_4" hidden="1">"A32142"</definedName>
    <definedName name="FDD_166_5" hidden="1">"A32508"</definedName>
    <definedName name="FDD_166_6" hidden="1">"A32873"</definedName>
    <definedName name="FDD_166_7" hidden="1">"A33238"</definedName>
    <definedName name="FDD_166_8" hidden="1">"A33603"</definedName>
    <definedName name="FDD_166_9" hidden="1">"A33969"</definedName>
    <definedName name="FDD_167_0" hidden="1">"A30681"</definedName>
    <definedName name="FDD_167_1" hidden="1">"A31047"</definedName>
    <definedName name="FDD_167_10" hidden="1">"A34334"</definedName>
    <definedName name="FDD_167_11" hidden="1">"A34699"</definedName>
    <definedName name="FDD_167_12" hidden="1">"A35064"</definedName>
    <definedName name="FDD_167_13" hidden="1">"A35430"</definedName>
    <definedName name="FDD_167_14" hidden="1">"A35795"</definedName>
    <definedName name="FDD_167_2" hidden="1">"A31412"</definedName>
    <definedName name="FDD_167_3" hidden="1">"A31777"</definedName>
    <definedName name="FDD_167_4" hidden="1">"A32142"</definedName>
    <definedName name="FDD_167_5" hidden="1">"A32508"</definedName>
    <definedName name="FDD_167_6" hidden="1">"A32873"</definedName>
    <definedName name="FDD_167_7" hidden="1">"A33238"</definedName>
    <definedName name="FDD_167_8" hidden="1">"A33603"</definedName>
    <definedName name="FDD_167_9" hidden="1">"A33969"</definedName>
    <definedName name="FDD_168_0" hidden="1">"E36160"</definedName>
    <definedName name="FDD_168_1" hidden="1">"E36525"</definedName>
    <definedName name="FDD_168_2" hidden="1">"E36891"</definedName>
    <definedName name="FDD_169_0" hidden="1">"A30681"</definedName>
    <definedName name="FDD_169_1" hidden="1">"A31047"</definedName>
    <definedName name="FDD_169_10" hidden="1">"A34334"</definedName>
    <definedName name="FDD_169_11" hidden="1">"A34699"</definedName>
    <definedName name="FDD_169_12" hidden="1">"A35064"</definedName>
    <definedName name="FDD_169_13" hidden="1">"A35430"</definedName>
    <definedName name="FDD_169_14" hidden="1">"A35795"</definedName>
    <definedName name="FDD_169_2" hidden="1">"A31412"</definedName>
    <definedName name="FDD_169_3" hidden="1">"A31777"</definedName>
    <definedName name="FDD_169_4" hidden="1">"A32142"</definedName>
    <definedName name="FDD_169_5" hidden="1">"A32508"</definedName>
    <definedName name="FDD_169_6" hidden="1">"A32873"</definedName>
    <definedName name="FDD_169_7" hidden="1">"A33238"</definedName>
    <definedName name="FDD_169_8" hidden="1">"A33603"</definedName>
    <definedName name="FDD_169_9" hidden="1">"A33969"</definedName>
    <definedName name="FDD_17_0" hidden="1">"A25569"</definedName>
    <definedName name="FDD_170_0" hidden="1">"A30681"</definedName>
    <definedName name="FDD_170_1" hidden="1">"A31047"</definedName>
    <definedName name="FDD_170_10" hidden="1">"A34334"</definedName>
    <definedName name="FDD_170_11" hidden="1">"A34699"</definedName>
    <definedName name="FDD_170_12" hidden="1">"A35064"</definedName>
    <definedName name="FDD_170_13" hidden="1">"A35430"</definedName>
    <definedName name="FDD_170_14" hidden="1">"A35795"</definedName>
    <definedName name="FDD_170_2" hidden="1">"A31412"</definedName>
    <definedName name="FDD_170_3" hidden="1">"A31777"</definedName>
    <definedName name="FDD_170_4" hidden="1">"A32142"</definedName>
    <definedName name="FDD_170_5" hidden="1">"A32508"</definedName>
    <definedName name="FDD_170_6" hidden="1">"A32873"</definedName>
    <definedName name="FDD_170_7" hidden="1">"A33238"</definedName>
    <definedName name="FDD_170_8" hidden="1">"A33603"</definedName>
    <definedName name="FDD_170_9" hidden="1">"A33969"</definedName>
    <definedName name="FDD_171_0" hidden="1">"A30681"</definedName>
    <definedName name="FDD_171_1" hidden="1">"A31047"</definedName>
    <definedName name="FDD_171_10" hidden="1">"A34334"</definedName>
    <definedName name="FDD_171_11" hidden="1">"A34699"</definedName>
    <definedName name="FDD_171_12" hidden="1">"A35064"</definedName>
    <definedName name="FDD_171_13" hidden="1">"A35430"</definedName>
    <definedName name="FDD_171_14" hidden="1">"A35795"</definedName>
    <definedName name="FDD_171_2" hidden="1">"A31412"</definedName>
    <definedName name="FDD_171_3" hidden="1">"A31777"</definedName>
    <definedName name="FDD_171_4" hidden="1">"A32142"</definedName>
    <definedName name="FDD_171_5" hidden="1">"A32508"</definedName>
    <definedName name="FDD_171_6" hidden="1">"A32873"</definedName>
    <definedName name="FDD_171_7" hidden="1">"A33238"</definedName>
    <definedName name="FDD_171_8" hidden="1">"A33603"</definedName>
    <definedName name="FDD_171_9" hidden="1">"A33969"</definedName>
    <definedName name="FDD_172_0" hidden="1">"A30681"</definedName>
    <definedName name="FDD_172_1" hidden="1">"A31047"</definedName>
    <definedName name="FDD_172_10" hidden="1">"A34334"</definedName>
    <definedName name="FDD_172_11" hidden="1">"A34699"</definedName>
    <definedName name="FDD_172_12" hidden="1">"A35064"</definedName>
    <definedName name="FDD_172_13" hidden="1">"A35430"</definedName>
    <definedName name="FDD_172_14" hidden="1">"A35795"</definedName>
    <definedName name="FDD_172_2" hidden="1">"A31412"</definedName>
    <definedName name="FDD_172_3" hidden="1">"A31777"</definedName>
    <definedName name="FDD_172_4" hidden="1">"A32142"</definedName>
    <definedName name="FDD_172_5" hidden="1">"A32508"</definedName>
    <definedName name="FDD_172_6" hidden="1">"A32873"</definedName>
    <definedName name="FDD_172_7" hidden="1">"A33238"</definedName>
    <definedName name="FDD_172_8" hidden="1">"A33603"</definedName>
    <definedName name="FDD_172_9" hidden="1">"A33969"</definedName>
    <definedName name="FDD_173_0" hidden="1">"A30681"</definedName>
    <definedName name="FDD_173_1" hidden="1">"A31047"</definedName>
    <definedName name="FDD_173_10" hidden="1">"A34334"</definedName>
    <definedName name="FDD_173_11" hidden="1">"A34699"</definedName>
    <definedName name="FDD_173_12" hidden="1">"A35064"</definedName>
    <definedName name="FDD_173_13" hidden="1">"A35430"</definedName>
    <definedName name="FDD_173_14" hidden="1">"A35795"</definedName>
    <definedName name="FDD_173_2" hidden="1">"A31412"</definedName>
    <definedName name="FDD_173_3" hidden="1">"A31777"</definedName>
    <definedName name="FDD_173_4" hidden="1">"A32142"</definedName>
    <definedName name="FDD_173_5" hidden="1">"A32508"</definedName>
    <definedName name="FDD_173_6" hidden="1">"A32873"</definedName>
    <definedName name="FDD_173_7" hidden="1">"A33238"</definedName>
    <definedName name="FDD_173_8" hidden="1">"A33603"</definedName>
    <definedName name="FDD_173_9" hidden="1">"A33969"</definedName>
    <definedName name="FDD_174_0" hidden="1">"A30681"</definedName>
    <definedName name="FDD_174_1" hidden="1">"A31047"</definedName>
    <definedName name="FDD_174_10" hidden="1">"A34334"</definedName>
    <definedName name="FDD_174_11" hidden="1">"A34699"</definedName>
    <definedName name="FDD_174_12" hidden="1">"A35064"</definedName>
    <definedName name="FDD_174_13" hidden="1">"A35430"</definedName>
    <definedName name="FDD_174_14" hidden="1">"A35795"</definedName>
    <definedName name="FDD_174_2" hidden="1">"A31412"</definedName>
    <definedName name="FDD_174_3" hidden="1">"A31777"</definedName>
    <definedName name="FDD_174_4" hidden="1">"A32142"</definedName>
    <definedName name="FDD_174_5" hidden="1">"A32508"</definedName>
    <definedName name="FDD_174_6" hidden="1">"A32873"</definedName>
    <definedName name="FDD_174_7" hidden="1">"A33238"</definedName>
    <definedName name="FDD_174_8" hidden="1">"A33603"</definedName>
    <definedName name="FDD_174_9" hidden="1">"A33969"</definedName>
    <definedName name="FDD_175_0" hidden="1">"E36160"</definedName>
    <definedName name="FDD_175_1" hidden="1">"E36525"</definedName>
    <definedName name="FDD_175_2" hidden="1">"E36891"</definedName>
    <definedName name="FDD_176_0" hidden="1">"E36160"</definedName>
    <definedName name="FDD_176_1" hidden="1">"E36525"</definedName>
    <definedName name="FDD_176_2" hidden="1">"E36891"</definedName>
    <definedName name="FDD_177_0" hidden="1">"E36160"</definedName>
    <definedName name="FDD_177_1" hidden="1">"E36525"</definedName>
    <definedName name="FDD_177_2" hidden="1">"E36891"</definedName>
    <definedName name="FDD_178_0" hidden="1">"E36160"</definedName>
    <definedName name="FDD_178_1" hidden="1">"E36525"</definedName>
    <definedName name="FDD_178_2" hidden="1">"E36891"</definedName>
    <definedName name="FDD_179_0" hidden="1">"E36160"</definedName>
    <definedName name="FDD_179_1" hidden="1">"E36525"</definedName>
    <definedName name="FDD_179_2" hidden="1">"E36891"</definedName>
    <definedName name="FDD_18_0" hidden="1">"A25569"</definedName>
    <definedName name="FDD_180_0" hidden="1">"E36160"</definedName>
    <definedName name="FDD_180_1" hidden="1">"E36525"</definedName>
    <definedName name="FDD_180_2" hidden="1">"E36891"</definedName>
    <definedName name="FDD_181_0" hidden="1">"E36160"</definedName>
    <definedName name="FDD_181_1" hidden="1">"E36525"</definedName>
    <definedName name="FDD_181_2" hidden="1">"E36891"</definedName>
    <definedName name="FDD_182_0" hidden="1">"E36160"</definedName>
    <definedName name="FDD_182_1" hidden="1">"E36525"</definedName>
    <definedName name="FDD_182_2" hidden="1">"E36891"</definedName>
    <definedName name="FDD_183_0" hidden="1">"E36160"</definedName>
    <definedName name="FDD_183_1" hidden="1">"E36525"</definedName>
    <definedName name="FDD_183_2" hidden="1">"E36891"</definedName>
    <definedName name="FDD_184_0" hidden="1">"E36160"</definedName>
    <definedName name="FDD_184_1" hidden="1">"E36525"</definedName>
    <definedName name="FDD_184_2" hidden="1">"E36891"</definedName>
    <definedName name="FDD_185_0" hidden="1">"E36160"</definedName>
    <definedName name="FDD_185_1" hidden="1">"E36525"</definedName>
    <definedName name="FDD_185_2" hidden="1">"E36891"</definedName>
    <definedName name="FDD_186_0" hidden="1">"E36160"</definedName>
    <definedName name="FDD_186_1" hidden="1">"E36525"</definedName>
    <definedName name="FDD_186_2" hidden="1">"E36891"</definedName>
    <definedName name="FDD_187_0" hidden="1">"E36160"</definedName>
    <definedName name="FDD_187_1" hidden="1">"E36525"</definedName>
    <definedName name="FDD_187_2" hidden="1">"E36891"</definedName>
    <definedName name="FDD_188_0" hidden="1">"A30681"</definedName>
    <definedName name="FDD_188_1" hidden="1">"A31047"</definedName>
    <definedName name="FDD_188_10" hidden="1">"A34334"</definedName>
    <definedName name="FDD_188_11" hidden="1">"A34699"</definedName>
    <definedName name="FDD_188_12" hidden="1">"A35064"</definedName>
    <definedName name="FDD_188_13" hidden="1">"A35430"</definedName>
    <definedName name="FDD_188_14" hidden="1">"A35795"</definedName>
    <definedName name="FDD_188_2" hidden="1">"A31412"</definedName>
    <definedName name="FDD_188_3" hidden="1">"A31777"</definedName>
    <definedName name="FDD_188_4" hidden="1">"A32142"</definedName>
    <definedName name="FDD_188_5" hidden="1">"A32508"</definedName>
    <definedName name="FDD_188_6" hidden="1">"A32873"</definedName>
    <definedName name="FDD_188_7" hidden="1">"A33238"</definedName>
    <definedName name="FDD_188_8" hidden="1">"A33603"</definedName>
    <definedName name="FDD_188_9" hidden="1">"A33969"</definedName>
    <definedName name="FDD_189_0" hidden="1">"A30681"</definedName>
    <definedName name="FDD_189_1" hidden="1">"A31047"</definedName>
    <definedName name="FDD_189_10" hidden="1">"A34334"</definedName>
    <definedName name="FDD_189_11" hidden="1">"A34699"</definedName>
    <definedName name="FDD_189_12" hidden="1">"A35064"</definedName>
    <definedName name="FDD_189_13" hidden="1">"A35430"</definedName>
    <definedName name="FDD_189_14" hidden="1">"A35795"</definedName>
    <definedName name="FDD_189_2" hidden="1">"A31412"</definedName>
    <definedName name="FDD_189_3" hidden="1">"A31777"</definedName>
    <definedName name="FDD_189_4" hidden="1">"A32142"</definedName>
    <definedName name="FDD_189_5" hidden="1">"A32508"</definedName>
    <definedName name="FDD_189_6" hidden="1">"A32873"</definedName>
    <definedName name="FDD_189_7" hidden="1">"A33238"</definedName>
    <definedName name="FDD_189_8" hidden="1">"A33603"</definedName>
    <definedName name="FDD_189_9" hidden="1">"A33969"</definedName>
    <definedName name="FDD_19_0" hidden="1">"A25569"</definedName>
    <definedName name="FDD_19_1" hidden="1">"A35795"</definedName>
    <definedName name="FDD_19_2" hidden="1">"E36160"</definedName>
    <definedName name="FDD_19_3" hidden="1">"E36525"</definedName>
    <definedName name="FDD_190_0" hidden="1">"A30681"</definedName>
    <definedName name="FDD_190_1" hidden="1">"A31047"</definedName>
    <definedName name="FDD_190_10" hidden="1">"A34334"</definedName>
    <definedName name="FDD_190_11" hidden="1">"A34699"</definedName>
    <definedName name="FDD_190_12" hidden="1">"A35064"</definedName>
    <definedName name="FDD_190_13" hidden="1">"A35430"</definedName>
    <definedName name="FDD_190_14" hidden="1">"A35795"</definedName>
    <definedName name="FDD_190_2" hidden="1">"A31412"</definedName>
    <definedName name="FDD_190_3" hidden="1">"A31777"</definedName>
    <definedName name="FDD_190_4" hidden="1">"A32142"</definedName>
    <definedName name="FDD_190_5" hidden="1">"A32508"</definedName>
    <definedName name="FDD_190_6" hidden="1">"A32873"</definedName>
    <definedName name="FDD_190_7" hidden="1">"A33238"</definedName>
    <definedName name="FDD_190_8" hidden="1">"A33603"</definedName>
    <definedName name="FDD_190_9" hidden="1">"A33969"</definedName>
    <definedName name="FDD_191_0" hidden="1">"A30681"</definedName>
    <definedName name="FDD_191_1" hidden="1">"A31047"</definedName>
    <definedName name="FDD_191_10" hidden="1">"A34334"</definedName>
    <definedName name="FDD_191_11" hidden="1">"A34699"</definedName>
    <definedName name="FDD_191_12" hidden="1">"A35064"</definedName>
    <definedName name="FDD_191_13" hidden="1">"A35430"</definedName>
    <definedName name="FDD_191_14" hidden="1">"A35795"</definedName>
    <definedName name="FDD_191_2" hidden="1">"A31412"</definedName>
    <definedName name="FDD_191_3" hidden="1">"A31777"</definedName>
    <definedName name="FDD_191_4" hidden="1">"A32142"</definedName>
    <definedName name="FDD_191_5" hidden="1">"A32508"</definedName>
    <definedName name="FDD_191_6" hidden="1">"A32873"</definedName>
    <definedName name="FDD_191_7" hidden="1">"A33238"</definedName>
    <definedName name="FDD_191_8" hidden="1">"A33603"</definedName>
    <definedName name="FDD_191_9" hidden="1">"A33969"</definedName>
    <definedName name="FDD_192_0" hidden="1">"E36160"</definedName>
    <definedName name="FDD_192_1" hidden="1">"E36525"</definedName>
    <definedName name="FDD_192_2" hidden="1">"E36891"</definedName>
    <definedName name="FDD_193_0" hidden="1">"A30681"</definedName>
    <definedName name="FDD_193_1" hidden="1">"A31047"</definedName>
    <definedName name="FDD_193_10" hidden="1">"A34334"</definedName>
    <definedName name="FDD_193_11" hidden="1">"A34699"</definedName>
    <definedName name="FDD_193_12" hidden="1">"A35064"</definedName>
    <definedName name="FDD_193_13" hidden="1">"A35430"</definedName>
    <definedName name="FDD_193_14" hidden="1">"A35795"</definedName>
    <definedName name="FDD_193_2" hidden="1">"A31412"</definedName>
    <definedName name="FDD_193_3" hidden="1">"A31777"</definedName>
    <definedName name="FDD_193_4" hidden="1">"A32142"</definedName>
    <definedName name="FDD_193_5" hidden="1">"A32508"</definedName>
    <definedName name="FDD_193_6" hidden="1">"A32873"</definedName>
    <definedName name="FDD_193_7" hidden="1">"A33238"</definedName>
    <definedName name="FDD_193_8" hidden="1">"A33603"</definedName>
    <definedName name="FDD_193_9" hidden="1">"A33969"</definedName>
    <definedName name="FDD_194_0" hidden="1">"A30681"</definedName>
    <definedName name="FDD_194_1" hidden="1">"A31047"</definedName>
    <definedName name="FDD_194_10" hidden="1">"A34334"</definedName>
    <definedName name="FDD_194_11" hidden="1">"A34699"</definedName>
    <definedName name="FDD_194_12" hidden="1">"A35064"</definedName>
    <definedName name="FDD_194_13" hidden="1">"A35430"</definedName>
    <definedName name="FDD_194_14" hidden="1">"A35795"</definedName>
    <definedName name="FDD_194_2" hidden="1">"A31412"</definedName>
    <definedName name="FDD_194_3" hidden="1">"A31777"</definedName>
    <definedName name="FDD_194_4" hidden="1">"A32142"</definedName>
    <definedName name="FDD_194_5" hidden="1">"A32508"</definedName>
    <definedName name="FDD_194_6" hidden="1">"A32873"</definedName>
    <definedName name="FDD_194_7" hidden="1">"A33238"</definedName>
    <definedName name="FDD_194_8" hidden="1">"A33603"</definedName>
    <definedName name="FDD_194_9" hidden="1">"A33969"</definedName>
    <definedName name="FDD_195_0" hidden="1">"A30681"</definedName>
    <definedName name="FDD_195_1" hidden="1">"A31047"</definedName>
    <definedName name="FDD_195_10" hidden="1">"A34334"</definedName>
    <definedName name="FDD_195_11" hidden="1">"A34699"</definedName>
    <definedName name="FDD_195_12" hidden="1">"A35064"</definedName>
    <definedName name="FDD_195_13" hidden="1">"A35430"</definedName>
    <definedName name="FDD_195_14" hidden="1">"A35795"</definedName>
    <definedName name="FDD_195_2" hidden="1">"A31412"</definedName>
    <definedName name="FDD_195_3" hidden="1">"A31777"</definedName>
    <definedName name="FDD_195_4" hidden="1">"A32142"</definedName>
    <definedName name="FDD_195_5" hidden="1">"A32508"</definedName>
    <definedName name="FDD_195_6" hidden="1">"A32873"</definedName>
    <definedName name="FDD_195_7" hidden="1">"A33238"</definedName>
    <definedName name="FDD_195_8" hidden="1">"A33603"</definedName>
    <definedName name="FDD_195_9" hidden="1">"A33969"</definedName>
    <definedName name="FDD_196_0" hidden="1">"E36160"</definedName>
    <definedName name="FDD_196_1" hidden="1">"E36525"</definedName>
    <definedName name="FDD_196_2" hidden="1">"E36891"</definedName>
    <definedName name="FDD_197_0" hidden="1">"A30681"</definedName>
    <definedName name="FDD_197_1" hidden="1">"A31047"</definedName>
    <definedName name="FDD_197_10" hidden="1">"A34334"</definedName>
    <definedName name="FDD_197_11" hidden="1">"A34699"</definedName>
    <definedName name="FDD_197_12" hidden="1">"A35064"</definedName>
    <definedName name="FDD_197_13" hidden="1">"A35430"</definedName>
    <definedName name="FDD_197_14" hidden="1">"A35795"</definedName>
    <definedName name="FDD_197_2" hidden="1">"A31412"</definedName>
    <definedName name="FDD_197_3" hidden="1">"A31777"</definedName>
    <definedName name="FDD_197_4" hidden="1">"A32142"</definedName>
    <definedName name="FDD_197_5" hidden="1">"A32508"</definedName>
    <definedName name="FDD_197_6" hidden="1">"A32873"</definedName>
    <definedName name="FDD_197_7" hidden="1">"A33238"</definedName>
    <definedName name="FDD_197_8" hidden="1">"A33603"</definedName>
    <definedName name="FDD_197_9" hidden="1">"A33969"</definedName>
    <definedName name="FDD_198_0" hidden="1">"A30681"</definedName>
    <definedName name="FDD_198_1" hidden="1">"A31047"</definedName>
    <definedName name="FDD_198_10" hidden="1">"U34334"</definedName>
    <definedName name="FDD_198_11" hidden="1">"U34699"</definedName>
    <definedName name="FDD_198_12" hidden="1">"U35064"</definedName>
    <definedName name="FDD_198_13" hidden="1">"U35430"</definedName>
    <definedName name="FDD_198_14" hidden="1">"U35795"</definedName>
    <definedName name="FDD_198_2" hidden="1">"A31412"</definedName>
    <definedName name="FDD_198_3" hidden="1">"U31777"</definedName>
    <definedName name="FDD_198_4" hidden="1">"U32142"</definedName>
    <definedName name="FDD_198_5" hidden="1">"U32508"</definedName>
    <definedName name="FDD_198_6" hidden="1">"U32873"</definedName>
    <definedName name="FDD_198_7" hidden="1">"U33238"</definedName>
    <definedName name="FDD_198_8" hidden="1">"U33603"</definedName>
    <definedName name="FDD_198_9" hidden="1">"U33969"</definedName>
    <definedName name="FDD_199_0" hidden="1">"E36160"</definedName>
    <definedName name="FDD_199_1" hidden="1">"E36525"</definedName>
    <definedName name="FDD_199_2" hidden="1">"E36891"</definedName>
    <definedName name="FDD_2_0" hidden="1">"A25569"</definedName>
    <definedName name="FDD_20_0" hidden="1">"A25569"</definedName>
    <definedName name="FDD_200_0" hidden="1">"E36160"</definedName>
    <definedName name="FDD_200_1" hidden="1">"E36525"</definedName>
    <definedName name="FDD_200_2" hidden="1">"E36891"</definedName>
    <definedName name="FDD_201_0" hidden="1">"A30681"</definedName>
    <definedName name="FDD_201_1" hidden="1">"A31047"</definedName>
    <definedName name="FDD_201_10" hidden="1">"A34334"</definedName>
    <definedName name="FDD_201_11" hidden="1">"A34699"</definedName>
    <definedName name="FDD_201_12" hidden="1">"A35064"</definedName>
    <definedName name="FDD_201_13" hidden="1">"A35430"</definedName>
    <definedName name="FDD_201_14" hidden="1">"A35795"</definedName>
    <definedName name="FDD_201_2" hidden="1">"A31412"</definedName>
    <definedName name="FDD_201_3" hidden="1">"A31777"</definedName>
    <definedName name="FDD_201_4" hidden="1">"A32142"</definedName>
    <definedName name="FDD_201_5" hidden="1">"A32508"</definedName>
    <definedName name="FDD_201_6" hidden="1">"A32873"</definedName>
    <definedName name="FDD_201_7" hidden="1">"A33238"</definedName>
    <definedName name="FDD_201_8" hidden="1">"A33603"</definedName>
    <definedName name="FDD_201_9" hidden="1">"A33969"</definedName>
    <definedName name="FDD_202_0" hidden="1">"A30681"</definedName>
    <definedName name="FDD_202_1" hidden="1">"A31047"</definedName>
    <definedName name="FDD_202_10" hidden="1">"A34334"</definedName>
    <definedName name="FDD_202_11" hidden="1">"A34699"</definedName>
    <definedName name="FDD_202_12" hidden="1">"A35064"</definedName>
    <definedName name="FDD_202_13" hidden="1">"A35430"</definedName>
    <definedName name="FDD_202_14" hidden="1">"A35795"</definedName>
    <definedName name="FDD_202_2" hidden="1">"A31412"</definedName>
    <definedName name="FDD_202_3" hidden="1">"A31777"</definedName>
    <definedName name="FDD_202_4" hidden="1">"A32142"</definedName>
    <definedName name="FDD_202_5" hidden="1">"A32508"</definedName>
    <definedName name="FDD_202_6" hidden="1">"A32873"</definedName>
    <definedName name="FDD_202_7" hidden="1">"A33238"</definedName>
    <definedName name="FDD_202_8" hidden="1">"A33603"</definedName>
    <definedName name="FDD_202_9" hidden="1">"A33969"</definedName>
    <definedName name="FDD_203_0" hidden="1">"E36160"</definedName>
    <definedName name="FDD_203_1" hidden="1">"E36525"</definedName>
    <definedName name="FDD_203_2" hidden="1">"E36891"</definedName>
    <definedName name="FDD_204_0" hidden="1">"A25569"</definedName>
    <definedName name="FDD_205_0" hidden="1">"A25569"</definedName>
    <definedName name="FDD_206_0" hidden="1">"A25569"</definedName>
    <definedName name="FDD_207_0" hidden="1">"A25569"</definedName>
    <definedName name="FDD_208_0" hidden="1">"E36160"</definedName>
    <definedName name="FDD_208_1" hidden="1">"E36525"</definedName>
    <definedName name="FDD_208_2" hidden="1">"E36891"</definedName>
    <definedName name="FDD_209_0" hidden="1">"A25569"</definedName>
    <definedName name="FDD_21_0" hidden="1">"A25569"</definedName>
    <definedName name="FDD_210_0" hidden="1">"A25569"</definedName>
    <definedName name="FDD_211_0" hidden="1">"A25569"</definedName>
    <definedName name="FDD_212_0" hidden="1">"A25569"</definedName>
    <definedName name="FDD_213_0" hidden="1">"E36160"</definedName>
    <definedName name="FDD_213_1" hidden="1">"E36525"</definedName>
    <definedName name="FDD_213_2" hidden="1">"E36891"</definedName>
    <definedName name="FDD_214_0" hidden="1">"A25569"</definedName>
    <definedName name="FDD_215_0" hidden="1">"A25569"</definedName>
    <definedName name="FDD_216_0" hidden="1">"A25569"</definedName>
    <definedName name="FDD_217_0" hidden="1">"A25569"</definedName>
    <definedName name="FDD_218_0" hidden="1">"E36160"</definedName>
    <definedName name="FDD_218_1" hidden="1">"E36525"</definedName>
    <definedName name="FDD_218_2" hidden="1">"E36891"</definedName>
    <definedName name="FDD_219_0" hidden="1">"U25569"</definedName>
    <definedName name="FDD_22_0" hidden="1">"A25569"</definedName>
    <definedName name="FDD_220_0" hidden="1">"U25569"</definedName>
    <definedName name="FDD_221_0" hidden="1">"U25569"</definedName>
    <definedName name="FDD_222_0" hidden="1">"U25569"</definedName>
    <definedName name="FDD_223_0" hidden="1">"E36160"</definedName>
    <definedName name="FDD_223_1" hidden="1">"E36525"</definedName>
    <definedName name="FDD_223_2" hidden="1">"E36891"</definedName>
    <definedName name="FDD_224_0" hidden="1">"A25569"</definedName>
    <definedName name="FDD_225_0" hidden="1">"A25569"</definedName>
    <definedName name="FDD_226_0" hidden="1">"A25569"</definedName>
    <definedName name="FDD_227_0" hidden="1">"A25569"</definedName>
    <definedName name="FDD_228_0" hidden="1">"E36160"</definedName>
    <definedName name="FDD_228_1" hidden="1">"E36525"</definedName>
    <definedName name="FDD_228_2" hidden="1">"E36891"</definedName>
    <definedName name="FDD_229_0" hidden="1">"A25569"</definedName>
    <definedName name="FDD_23_0" hidden="1">"A25569"</definedName>
    <definedName name="FDD_230_0" hidden="1">"A25569"</definedName>
    <definedName name="FDD_231_0" hidden="1">"A25569"</definedName>
    <definedName name="FDD_232_0" hidden="1">"A25569"</definedName>
    <definedName name="FDD_233_0" hidden="1">"A25569"</definedName>
    <definedName name="FDD_234_0" hidden="1">"A25569"</definedName>
    <definedName name="FDD_235_0" hidden="1">"A25569"</definedName>
    <definedName name="FDD_236_0" hidden="1">"A25569"</definedName>
    <definedName name="FDD_237_0" hidden="1">"A25569"</definedName>
    <definedName name="FDD_238_0" hidden="1">"A30681"</definedName>
    <definedName name="FDD_238_1" hidden="1">"A31047"</definedName>
    <definedName name="FDD_238_10" hidden="1">"A34334"</definedName>
    <definedName name="FDD_238_11" hidden="1">"A34699"</definedName>
    <definedName name="FDD_238_12" hidden="1">"A35064"</definedName>
    <definedName name="FDD_238_13" hidden="1">"A35430"</definedName>
    <definedName name="FDD_238_14" hidden="1">"A35795"</definedName>
    <definedName name="FDD_238_2" hidden="1">"A31412"</definedName>
    <definedName name="FDD_238_3" hidden="1">"A31777"</definedName>
    <definedName name="FDD_238_4" hidden="1">"A32142"</definedName>
    <definedName name="FDD_238_5" hidden="1">"A32508"</definedName>
    <definedName name="FDD_238_6" hidden="1">"A32873"</definedName>
    <definedName name="FDD_238_7" hidden="1">"A33238"</definedName>
    <definedName name="FDD_238_8" hidden="1">"A33603"</definedName>
    <definedName name="FDD_238_9" hidden="1">"A33969"</definedName>
    <definedName name="FDD_24_0" hidden="1">"A25569"</definedName>
    <definedName name="FDD_243_0" hidden="1">"E36160"</definedName>
    <definedName name="FDD_243_1" hidden="1">"E36525"</definedName>
    <definedName name="FDD_243_2" hidden="1">"E36891"</definedName>
    <definedName name="FDD_244_0" hidden="1">"A25569"</definedName>
    <definedName name="FDD_245_0" hidden="1">"A25569"</definedName>
    <definedName name="FDD_246_0" hidden="1">"A25569"</definedName>
    <definedName name="FDD_247_0" hidden="1">"A25569"</definedName>
    <definedName name="FDD_248_0" hidden="1">"E36160"</definedName>
    <definedName name="FDD_248_1" hidden="1">"E36525"</definedName>
    <definedName name="FDD_248_2" hidden="1">"E36891"</definedName>
    <definedName name="FDD_249_0" hidden="1">"A25569"</definedName>
    <definedName name="FDD_25_0" hidden="1">"A25569"</definedName>
    <definedName name="FDD_25_1" hidden="1">"U35795"</definedName>
    <definedName name="FDD_25_2" hidden="1">"U36160"</definedName>
    <definedName name="FDD_25_3" hidden="1">"U36525"</definedName>
    <definedName name="FDD_250_0" hidden="1">"A25569"</definedName>
    <definedName name="FDD_251_0" hidden="1">"A25569"</definedName>
    <definedName name="FDD_252_0" hidden="1">"A25569"</definedName>
    <definedName name="FDD_253_0" hidden="1">"E36160"</definedName>
    <definedName name="FDD_253_1" hidden="1">"E36525"</definedName>
    <definedName name="FDD_253_2" hidden="1">"E36891"</definedName>
    <definedName name="FDD_254_0" hidden="1">"E36160"</definedName>
    <definedName name="FDD_254_1" hidden="1">"E36525"</definedName>
    <definedName name="FDD_254_2" hidden="1">"E36891"</definedName>
    <definedName name="FDD_255_0" hidden="1">"E36160"</definedName>
    <definedName name="FDD_255_1" hidden="1">"E36525"</definedName>
    <definedName name="FDD_255_2" hidden="1">"E36891"</definedName>
    <definedName name="FDD_256_0" hidden="1">"U36160"</definedName>
    <definedName name="FDD_256_1" hidden="1">"U36525"</definedName>
    <definedName name="FDD_256_2" hidden="1">"U36891"</definedName>
    <definedName name="FDD_257_0" hidden="1">"E36160"</definedName>
    <definedName name="FDD_257_1" hidden="1">"E36525"</definedName>
    <definedName name="FDD_257_2" hidden="1">"E36891"</definedName>
    <definedName name="FDD_258_0" hidden="1">"E36160"</definedName>
    <definedName name="FDD_258_1" hidden="1">"E36525"</definedName>
    <definedName name="FDD_258_2" hidden="1">"E36891"</definedName>
    <definedName name="FDD_259_0" hidden="1">"E36160"</definedName>
    <definedName name="FDD_259_1" hidden="1">"E36525"</definedName>
    <definedName name="FDD_259_2" hidden="1">"E36891"</definedName>
    <definedName name="FDD_26_0" hidden="1">"A25569"</definedName>
    <definedName name="FDD_260_0" hidden="1">"E36160"</definedName>
    <definedName name="FDD_260_1" hidden="1">"E36525"</definedName>
    <definedName name="FDD_260_2" hidden="1">"E36891"</definedName>
    <definedName name="FDD_261_0" hidden="1">"E36160"</definedName>
    <definedName name="FDD_261_1" hidden="1">"E36525"</definedName>
    <definedName name="FDD_261_2" hidden="1">"E36891"</definedName>
    <definedName name="FDD_264_0" hidden="1">"E36160"</definedName>
    <definedName name="FDD_264_1" hidden="1">"E36525"</definedName>
    <definedName name="FDD_264_2" hidden="1">"E36891"</definedName>
    <definedName name="FDD_265_0" hidden="1">"A25569"</definedName>
    <definedName name="FDD_266_0" hidden="1">"A25569"</definedName>
    <definedName name="FDD_267_0" hidden="1">"A25569"</definedName>
    <definedName name="FDD_268_0" hidden="1">"A25569"</definedName>
    <definedName name="FDD_269_0" hidden="1">"E36160"</definedName>
    <definedName name="FDD_269_1" hidden="1">"E36525"</definedName>
    <definedName name="FDD_269_2" hidden="1">"E36891"</definedName>
    <definedName name="FDD_27_0" hidden="1">"A25569"</definedName>
    <definedName name="FDD_270_0" hidden="1">"A25569"</definedName>
    <definedName name="FDD_271_0" hidden="1">"A25569"</definedName>
    <definedName name="FDD_272_0" hidden="1">"A25569"</definedName>
    <definedName name="FDD_273_0" hidden="1">"A25569"</definedName>
    <definedName name="FDD_274_0" hidden="1">"E36160"</definedName>
    <definedName name="FDD_274_1" hidden="1">"E36525"</definedName>
    <definedName name="FDD_274_2" hidden="1">"E36891"</definedName>
    <definedName name="FDD_275_0" hidden="1">"A25569"</definedName>
    <definedName name="FDD_276_0" hidden="1">"A25569"</definedName>
    <definedName name="FDD_277_0" hidden="1">"A25569"</definedName>
    <definedName name="FDD_278_0" hidden="1">"A25569"</definedName>
    <definedName name="FDD_279_0" hidden="1">"E36160"</definedName>
    <definedName name="FDD_279_1" hidden="1">"E36525"</definedName>
    <definedName name="FDD_279_2" hidden="1">"E36891"</definedName>
    <definedName name="FDD_28_0" hidden="1">"A25569"</definedName>
    <definedName name="FDD_280_0" hidden="1">"E36160"</definedName>
    <definedName name="FDD_280_1" hidden="1">"E36525"</definedName>
    <definedName name="FDD_280_2" hidden="1">"E36891"</definedName>
    <definedName name="FDD_281_0" hidden="1">"E36160"</definedName>
    <definedName name="FDD_281_1" hidden="1">"E36525"</definedName>
    <definedName name="FDD_281_2" hidden="1">"E36891"</definedName>
    <definedName name="FDD_282_0" hidden="1">"E36160"</definedName>
    <definedName name="FDD_282_1" hidden="1">"E36525"</definedName>
    <definedName name="FDD_282_2" hidden="1">"E36891"</definedName>
    <definedName name="FDD_283_0" hidden="1">"E36160"</definedName>
    <definedName name="FDD_283_1" hidden="1">"E36525"</definedName>
    <definedName name="FDD_283_2" hidden="1">"E36891"</definedName>
    <definedName name="FDD_284_0" hidden="1">"A30681"</definedName>
    <definedName name="FDD_284_1" hidden="1">"A31047"</definedName>
    <definedName name="FDD_284_10" hidden="1">"A34334"</definedName>
    <definedName name="FDD_284_11" hidden="1">"A34699"</definedName>
    <definedName name="FDD_284_12" hidden="1">"A35064"</definedName>
    <definedName name="FDD_284_13" hidden="1">"A35430"</definedName>
    <definedName name="FDD_284_14" hidden="1">"A35795"</definedName>
    <definedName name="FDD_284_2" hidden="1">"A31412"</definedName>
    <definedName name="FDD_284_3" hidden="1">"A31777"</definedName>
    <definedName name="FDD_284_4" hidden="1">"A32142"</definedName>
    <definedName name="FDD_284_5" hidden="1">"A32508"</definedName>
    <definedName name="FDD_284_6" hidden="1">"A32873"</definedName>
    <definedName name="FDD_284_7" hidden="1">"A33238"</definedName>
    <definedName name="FDD_284_8" hidden="1">"A33603"</definedName>
    <definedName name="FDD_284_9" hidden="1">"A33969"</definedName>
    <definedName name="FDD_285_0" hidden="1">"A35795"</definedName>
    <definedName name="FDD_285_1" hidden="1">"E36160"</definedName>
    <definedName name="FDD_285_10" hidden="1">"E39447"</definedName>
    <definedName name="FDD_285_11" hidden="1">"E39813"</definedName>
    <definedName name="FDD_285_12" hidden="1">"E40178"</definedName>
    <definedName name="FDD_285_13" hidden="1">"E40543"</definedName>
    <definedName name="FDD_285_14" hidden="1">"E40908"</definedName>
    <definedName name="FDD_285_15" hidden="1">"E41274"</definedName>
    <definedName name="FDD_285_16" hidden="1">"E41639"</definedName>
    <definedName name="FDD_285_17" hidden="1">"E42004"</definedName>
    <definedName name="FDD_285_18" hidden="1">"E42369"</definedName>
    <definedName name="FDD_285_19" hidden="1">"E42735"</definedName>
    <definedName name="FDD_285_2" hidden="1">"E36525"</definedName>
    <definedName name="FDD_285_20" hidden="1">"E43100"</definedName>
    <definedName name="FDD_285_21" hidden="1">"E43465"</definedName>
    <definedName name="FDD_285_22" hidden="1">"E43830"</definedName>
    <definedName name="FDD_285_23" hidden="1">"E44196"</definedName>
    <definedName name="FDD_285_24" hidden="1">"E44561"</definedName>
    <definedName name="FDD_285_25" hidden="1">"E44926"</definedName>
    <definedName name="FDD_285_3" hidden="1">"E36891"</definedName>
    <definedName name="FDD_285_4" hidden="1">"E37256"</definedName>
    <definedName name="FDD_285_5" hidden="1">"E37621"</definedName>
    <definedName name="FDD_285_6" hidden="1">"E37986"</definedName>
    <definedName name="FDD_285_7" hidden="1">"E38352"</definedName>
    <definedName name="FDD_285_8" hidden="1">"E38717"</definedName>
    <definedName name="FDD_285_9" hidden="1">"E39082"</definedName>
    <definedName name="FDD_286_0" hidden="1">"E36160"</definedName>
    <definedName name="FDD_286_1" hidden="1">"E36525"</definedName>
    <definedName name="FDD_286_10" hidden="1">"E39813"</definedName>
    <definedName name="FDD_286_11" hidden="1">"E40178"</definedName>
    <definedName name="FDD_286_12" hidden="1">"E40543"</definedName>
    <definedName name="FDD_286_13" hidden="1">"E40908"</definedName>
    <definedName name="FDD_286_14" hidden="1">"E41274"</definedName>
    <definedName name="FDD_286_15" hidden="1">"E41639"</definedName>
    <definedName name="FDD_286_16" hidden="1">"E42004"</definedName>
    <definedName name="FDD_286_17" hidden="1">"E42369"</definedName>
    <definedName name="FDD_286_18" hidden="1">"E42735"</definedName>
    <definedName name="FDD_286_19" hidden="1">"E43100"</definedName>
    <definedName name="FDD_286_2" hidden="1">"E36891"</definedName>
    <definedName name="FDD_286_20" hidden="1">"E43465"</definedName>
    <definedName name="FDD_286_21" hidden="1">"E43830"</definedName>
    <definedName name="FDD_286_22" hidden="1">"E44196"</definedName>
    <definedName name="FDD_286_23" hidden="1">"E44561"</definedName>
    <definedName name="FDD_286_24" hidden="1">"E44926"</definedName>
    <definedName name="FDD_286_3" hidden="1">"E37256"</definedName>
    <definedName name="FDD_286_4" hidden="1">"E37621"</definedName>
    <definedName name="FDD_286_5" hidden="1">"E37986"</definedName>
    <definedName name="FDD_286_6" hidden="1">"E38352"</definedName>
    <definedName name="FDD_286_7" hidden="1">"E38717"</definedName>
    <definedName name="FDD_286_8" hidden="1">"E39082"</definedName>
    <definedName name="FDD_286_9" hidden="1">"E39447"</definedName>
    <definedName name="FDD_287_0" hidden="1">"A25569"</definedName>
    <definedName name="FDD_288_0" hidden="1">"A25569"</definedName>
    <definedName name="FDD_289_0" hidden="1">"A36890"</definedName>
    <definedName name="FDD_29_0" hidden="1">"A25569"</definedName>
    <definedName name="FDD_290_0" hidden="1">"A36890"</definedName>
    <definedName name="FDD_291_0" hidden="1">"A25569"</definedName>
    <definedName name="FDD_295_0" hidden="1">"U25569"</definedName>
    <definedName name="FDD_296_0" hidden="1">"A25569"</definedName>
    <definedName name="FDD_297_0" hidden="1">"A25569"</definedName>
    <definedName name="FDD_298_0" hidden="1">"A25569"</definedName>
    <definedName name="FDD_299_0" hidden="1">"A25569"</definedName>
    <definedName name="FDD_3_0" hidden="1">"A25569"</definedName>
    <definedName name="FDD_30_0" hidden="1">"A25569"</definedName>
    <definedName name="FDD_300_0" hidden="1">"U25569"</definedName>
    <definedName name="FDD_301_0" hidden="1">"U35795"</definedName>
    <definedName name="FDD_301_1" hidden="1">"U36160"</definedName>
    <definedName name="FDD_301_2" hidden="1">"U36525"</definedName>
    <definedName name="FDD_302_0" hidden="1">"U35795"</definedName>
    <definedName name="FDD_302_1" hidden="1">"U36160"</definedName>
    <definedName name="FDD_302_2" hidden="1">"U36525"</definedName>
    <definedName name="FDD_303_0" hidden="1">"U35795"</definedName>
    <definedName name="FDD_303_1" hidden="1">"U36160"</definedName>
    <definedName name="FDD_303_2" hidden="1">"U36525"</definedName>
    <definedName name="FDD_304_0" hidden="1">"U35795"</definedName>
    <definedName name="FDD_304_1" hidden="1">"U36160"</definedName>
    <definedName name="FDD_304_2" hidden="1">"U36525"</definedName>
    <definedName name="FDD_305_0" hidden="1">"A30681"</definedName>
    <definedName name="FDD_305_1" hidden="1">"A31047"</definedName>
    <definedName name="FDD_305_10" hidden="1">"U34334"</definedName>
    <definedName name="FDD_305_11" hidden="1">"U34699"</definedName>
    <definedName name="FDD_305_12" hidden="1">"U35064"</definedName>
    <definedName name="FDD_305_13" hidden="1">"U35430"</definedName>
    <definedName name="FDD_305_14" hidden="1">"U35795"</definedName>
    <definedName name="FDD_305_2" hidden="1">"A31412"</definedName>
    <definedName name="FDD_305_3" hidden="1">"U31777"</definedName>
    <definedName name="FDD_305_4" hidden="1">"U32142"</definedName>
    <definedName name="FDD_305_5" hidden="1">"U32508"</definedName>
    <definedName name="FDD_305_6" hidden="1">"U32873"</definedName>
    <definedName name="FDD_305_7" hidden="1">"U33238"</definedName>
    <definedName name="FDD_305_8" hidden="1">"U33603"</definedName>
    <definedName name="FDD_305_9" hidden="1">"U33969"</definedName>
    <definedName name="FDD_306_0" hidden="1">"U35795"</definedName>
    <definedName name="FDD_306_1" hidden="1">"E36160"</definedName>
    <definedName name="FDD_306_2" hidden="1">"U36525"</definedName>
    <definedName name="FDD_307_0" hidden="1">"A35795"</definedName>
    <definedName name="FDD_307_1" hidden="1">"U36160"</definedName>
    <definedName name="FDD_307_2" hidden="1">"U36525"</definedName>
    <definedName name="FDD_31_0" hidden="1">"A25569"</definedName>
    <definedName name="FDD_32_0" hidden="1">"A25569"</definedName>
    <definedName name="FDD_33_0" hidden="1">"A25569"</definedName>
    <definedName name="FDD_34_0" hidden="1">"A25569"</definedName>
    <definedName name="FDD_35_0" hidden="1">"A25569"</definedName>
    <definedName name="FDD_36_0" hidden="1">"A25569"</definedName>
    <definedName name="FDD_37_0" hidden="1">"A25569"</definedName>
    <definedName name="FDD_38_0" hidden="1">"A25569"</definedName>
    <definedName name="FDD_39_0" hidden="1">"A25569"</definedName>
    <definedName name="FDD_4_0" hidden="1">"A25569"</definedName>
    <definedName name="FDD_40_0" hidden="1">"A25569"</definedName>
    <definedName name="FDD_41_0" hidden="1">"U25569"</definedName>
    <definedName name="FDD_41_1" hidden="1">"A35795"</definedName>
    <definedName name="FDD_41_2" hidden="1">"E36160"</definedName>
    <definedName name="FDD_41_3" hidden="1">"E36525"</definedName>
    <definedName name="FDD_42_0" hidden="1">"U25569"</definedName>
    <definedName name="FDD_42_1" hidden="1">"U35795"</definedName>
    <definedName name="FDD_42_2" hidden="1">"U36160"</definedName>
    <definedName name="FDD_42_3" hidden="1">"U36525"</definedName>
    <definedName name="FDD_43_0" hidden="1">"A25569"</definedName>
    <definedName name="FDD_44_0" hidden="1">"A30681"</definedName>
    <definedName name="FDD_44_1" hidden="1">"A31047"</definedName>
    <definedName name="FDD_44_10" hidden="1">"A34334"</definedName>
    <definedName name="FDD_44_11" hidden="1">"A34699"</definedName>
    <definedName name="FDD_44_12" hidden="1">"A35064"</definedName>
    <definedName name="FDD_44_13" hidden="1">"A35430"</definedName>
    <definedName name="FDD_44_14" hidden="1">"A35795"</definedName>
    <definedName name="FDD_44_2" hidden="1">"A31412"</definedName>
    <definedName name="FDD_44_3" hidden="1">"A31777"</definedName>
    <definedName name="FDD_44_4" hidden="1">"A32142"</definedName>
    <definedName name="FDD_44_5" hidden="1">"A32508"</definedName>
    <definedName name="FDD_44_6" hidden="1">"A32873"</definedName>
    <definedName name="FDD_44_7" hidden="1">"A33238"</definedName>
    <definedName name="FDD_44_8" hidden="1">"A33603"</definedName>
    <definedName name="FDD_44_9" hidden="1">"A33969"</definedName>
    <definedName name="FDD_45_0" hidden="1">"A30681"</definedName>
    <definedName name="FDD_45_1" hidden="1">"A31047"</definedName>
    <definedName name="FDD_45_10" hidden="1">"A34334"</definedName>
    <definedName name="FDD_45_11" hidden="1">"A34699"</definedName>
    <definedName name="FDD_45_12" hidden="1">"A35064"</definedName>
    <definedName name="FDD_45_13" hidden="1">"A35430"</definedName>
    <definedName name="FDD_45_14" hidden="1">"A35795"</definedName>
    <definedName name="FDD_45_2" hidden="1">"A31412"</definedName>
    <definedName name="FDD_45_3" hidden="1">"A31777"</definedName>
    <definedName name="FDD_45_4" hidden="1">"A32142"</definedName>
    <definedName name="FDD_45_5" hidden="1">"A32508"</definedName>
    <definedName name="FDD_45_6" hidden="1">"A32873"</definedName>
    <definedName name="FDD_45_7" hidden="1">"A33238"</definedName>
    <definedName name="FDD_45_8" hidden="1">"A33603"</definedName>
    <definedName name="FDD_45_9" hidden="1">"A33969"</definedName>
    <definedName name="FDD_46_0" hidden="1">"A30681"</definedName>
    <definedName name="FDD_46_1" hidden="1">"A31047"</definedName>
    <definedName name="FDD_46_10" hidden="1">"A34334"</definedName>
    <definedName name="FDD_46_11" hidden="1">"A34699"</definedName>
    <definedName name="FDD_46_12" hidden="1">"A35064"</definedName>
    <definedName name="FDD_46_13" hidden="1">"A35430"</definedName>
    <definedName name="FDD_46_14" hidden="1">"A35795"</definedName>
    <definedName name="FDD_46_2" hidden="1">"A31412"</definedName>
    <definedName name="FDD_46_3" hidden="1">"A31777"</definedName>
    <definedName name="FDD_46_4" hidden="1">"A32142"</definedName>
    <definedName name="FDD_46_5" hidden="1">"A32508"</definedName>
    <definedName name="FDD_46_6" hidden="1">"A32873"</definedName>
    <definedName name="FDD_46_7" hidden="1">"A33238"</definedName>
    <definedName name="FDD_46_8" hidden="1">"A33603"</definedName>
    <definedName name="FDD_46_9" hidden="1">"A33969"</definedName>
    <definedName name="FDD_47_0" hidden="1">"A30681"</definedName>
    <definedName name="FDD_47_1" hidden="1">"A31047"</definedName>
    <definedName name="FDD_47_10" hidden="1">"A34334"</definedName>
    <definedName name="FDD_47_11" hidden="1">"A34699"</definedName>
    <definedName name="FDD_47_12" hidden="1">"A35064"</definedName>
    <definedName name="FDD_47_13" hidden="1">"A35430"</definedName>
    <definedName name="FDD_47_14" hidden="1">"A35795"</definedName>
    <definedName name="FDD_47_2" hidden="1">"A31412"</definedName>
    <definedName name="FDD_47_3" hidden="1">"A31777"</definedName>
    <definedName name="FDD_47_4" hidden="1">"A32142"</definedName>
    <definedName name="FDD_47_5" hidden="1">"A32508"</definedName>
    <definedName name="FDD_47_6" hidden="1">"A32873"</definedName>
    <definedName name="FDD_47_7" hidden="1">"A33238"</definedName>
    <definedName name="FDD_47_8" hidden="1">"A33603"</definedName>
    <definedName name="FDD_47_9" hidden="1">"A33969"</definedName>
    <definedName name="FDD_48_0" hidden="1">"A30681"</definedName>
    <definedName name="FDD_48_1" hidden="1">"A31047"</definedName>
    <definedName name="FDD_48_10" hidden="1">"A34334"</definedName>
    <definedName name="FDD_48_11" hidden="1">"A34699"</definedName>
    <definedName name="FDD_48_12" hidden="1">"A35064"</definedName>
    <definedName name="FDD_48_13" hidden="1">"A35430"</definedName>
    <definedName name="FDD_48_14" hidden="1">"A35795"</definedName>
    <definedName name="FDD_48_2" hidden="1">"A31412"</definedName>
    <definedName name="FDD_48_3" hidden="1">"A31777"</definedName>
    <definedName name="FDD_48_4" hidden="1">"A32142"</definedName>
    <definedName name="FDD_48_5" hidden="1">"A32508"</definedName>
    <definedName name="FDD_48_6" hidden="1">"A32873"</definedName>
    <definedName name="FDD_48_7" hidden="1">"A33238"</definedName>
    <definedName name="FDD_48_8" hidden="1">"A33603"</definedName>
    <definedName name="FDD_48_9" hidden="1">"A33969"</definedName>
    <definedName name="FDD_49_0" hidden="1">"A30681"</definedName>
    <definedName name="FDD_49_1" hidden="1">"A31047"</definedName>
    <definedName name="FDD_49_10" hidden="1">"A34334"</definedName>
    <definedName name="FDD_49_11" hidden="1">"A34699"</definedName>
    <definedName name="FDD_49_12" hidden="1">"A35064"</definedName>
    <definedName name="FDD_49_13" hidden="1">"A35430"</definedName>
    <definedName name="FDD_49_14" hidden="1">"A35795"</definedName>
    <definedName name="FDD_49_2" hidden="1">"A31412"</definedName>
    <definedName name="FDD_49_3" hidden="1">"A31777"</definedName>
    <definedName name="FDD_49_4" hidden="1">"A32142"</definedName>
    <definedName name="FDD_49_5" hidden="1">"A32508"</definedName>
    <definedName name="FDD_49_6" hidden="1">"A32873"</definedName>
    <definedName name="FDD_49_7" hidden="1">"A33238"</definedName>
    <definedName name="FDD_49_8" hidden="1">"A33603"</definedName>
    <definedName name="FDD_49_9" hidden="1">"A33969"</definedName>
    <definedName name="FDD_5_0" hidden="1">"A25569"</definedName>
    <definedName name="FDD_5_1" hidden="1">"E35795"</definedName>
    <definedName name="FDD_5_2" hidden="1">"E36160"</definedName>
    <definedName name="FDD_5_3" hidden="1">"E36525"</definedName>
    <definedName name="FDD_50_0" hidden="1">"A30681"</definedName>
    <definedName name="FDD_50_1" hidden="1">"A31047"</definedName>
    <definedName name="FDD_50_10" hidden="1">"A34334"</definedName>
    <definedName name="FDD_50_11" hidden="1">"A34699"</definedName>
    <definedName name="FDD_50_12" hidden="1">"A35064"</definedName>
    <definedName name="FDD_50_13" hidden="1">"A35430"</definedName>
    <definedName name="FDD_50_14" hidden="1">"A35795"</definedName>
    <definedName name="FDD_50_2" hidden="1">"A31412"</definedName>
    <definedName name="FDD_50_3" hidden="1">"A31777"</definedName>
    <definedName name="FDD_50_4" hidden="1">"A32142"</definedName>
    <definedName name="FDD_50_5" hidden="1">"A32508"</definedName>
    <definedName name="FDD_50_6" hidden="1">"A32873"</definedName>
    <definedName name="FDD_50_7" hidden="1">"A33238"</definedName>
    <definedName name="FDD_50_8" hidden="1">"A33603"</definedName>
    <definedName name="FDD_50_9" hidden="1">"A33969"</definedName>
    <definedName name="FDD_51_0" hidden="1">"A30681"</definedName>
    <definedName name="FDD_51_1" hidden="1">"A31047"</definedName>
    <definedName name="FDD_51_10" hidden="1">"A34334"</definedName>
    <definedName name="FDD_51_11" hidden="1">"A34699"</definedName>
    <definedName name="FDD_51_12" hidden="1">"A35064"</definedName>
    <definedName name="FDD_51_13" hidden="1">"A35430"</definedName>
    <definedName name="FDD_51_14" hidden="1">"A35795"</definedName>
    <definedName name="FDD_51_2" hidden="1">"A31412"</definedName>
    <definedName name="FDD_51_3" hidden="1">"A31777"</definedName>
    <definedName name="FDD_51_4" hidden="1">"A32142"</definedName>
    <definedName name="FDD_51_5" hidden="1">"A32508"</definedName>
    <definedName name="FDD_51_6" hidden="1">"A32873"</definedName>
    <definedName name="FDD_51_7" hidden="1">"A33238"</definedName>
    <definedName name="FDD_51_8" hidden="1">"A33603"</definedName>
    <definedName name="FDD_51_9" hidden="1">"A33969"</definedName>
    <definedName name="FDD_52_0" hidden="1">"A30681"</definedName>
    <definedName name="FDD_52_1" hidden="1">"A31047"</definedName>
    <definedName name="FDD_52_10" hidden="1">"A34334"</definedName>
    <definedName name="FDD_52_11" hidden="1">"A34699"</definedName>
    <definedName name="FDD_52_12" hidden="1">"A35064"</definedName>
    <definedName name="FDD_52_13" hidden="1">"A35430"</definedName>
    <definedName name="FDD_52_14" hidden="1">"A35795"</definedName>
    <definedName name="FDD_52_2" hidden="1">"A31412"</definedName>
    <definedName name="FDD_52_3" hidden="1">"A31777"</definedName>
    <definedName name="FDD_52_4" hidden="1">"A32142"</definedName>
    <definedName name="FDD_52_5" hidden="1">"A32508"</definedName>
    <definedName name="FDD_52_6" hidden="1">"A32873"</definedName>
    <definedName name="FDD_52_7" hidden="1">"A33238"</definedName>
    <definedName name="FDD_52_8" hidden="1">"A33603"</definedName>
    <definedName name="FDD_52_9" hidden="1">"A33969"</definedName>
    <definedName name="FDD_53_0" hidden="1">"U30681"</definedName>
    <definedName name="FDD_53_1" hidden="1">"A31047"</definedName>
    <definedName name="FDD_53_10" hidden="1">"A34334"</definedName>
    <definedName name="FDD_53_11" hidden="1">"A34699"</definedName>
    <definedName name="FDD_53_12" hidden="1">"A35064"</definedName>
    <definedName name="FDD_53_13" hidden="1">"A35430"</definedName>
    <definedName name="FDD_53_14" hidden="1">"A35795"</definedName>
    <definedName name="FDD_53_2" hidden="1">"A31412"</definedName>
    <definedName name="FDD_53_3" hidden="1">"A31777"</definedName>
    <definedName name="FDD_53_4" hidden="1">"A32142"</definedName>
    <definedName name="FDD_53_5" hidden="1">"A32508"</definedName>
    <definedName name="FDD_53_6" hidden="1">"A32873"</definedName>
    <definedName name="FDD_53_7" hidden="1">"A33238"</definedName>
    <definedName name="FDD_53_8" hidden="1">"A33603"</definedName>
    <definedName name="FDD_53_9" hidden="1">"A33969"</definedName>
    <definedName name="FDD_54_0" hidden="1">"A30681"</definedName>
    <definedName name="FDD_54_1" hidden="1">"A31047"</definedName>
    <definedName name="FDD_54_10" hidden="1">"A34334"</definedName>
    <definedName name="FDD_54_11" hidden="1">"A34699"</definedName>
    <definedName name="FDD_54_12" hidden="1">"A35064"</definedName>
    <definedName name="FDD_54_13" hidden="1">"A35430"</definedName>
    <definedName name="FDD_54_14" hidden="1">"A35795"</definedName>
    <definedName name="FDD_54_2" hidden="1">"A31412"</definedName>
    <definedName name="FDD_54_3" hidden="1">"A31777"</definedName>
    <definedName name="FDD_54_4" hidden="1">"A32142"</definedName>
    <definedName name="FDD_54_5" hidden="1">"A32508"</definedName>
    <definedName name="FDD_54_6" hidden="1">"A32873"</definedName>
    <definedName name="FDD_54_7" hidden="1">"A33238"</definedName>
    <definedName name="FDD_54_8" hidden="1">"A33603"</definedName>
    <definedName name="FDD_54_9" hidden="1">"A33969"</definedName>
    <definedName name="FDD_55_0" hidden="1">"A30681"</definedName>
    <definedName name="FDD_55_1" hidden="1">"A31047"</definedName>
    <definedName name="FDD_55_10" hidden="1">"A34334"</definedName>
    <definedName name="FDD_55_11" hidden="1">"A34699"</definedName>
    <definedName name="FDD_55_12" hidden="1">"A35064"</definedName>
    <definedName name="FDD_55_13" hidden="1">"A35430"</definedName>
    <definedName name="FDD_55_14" hidden="1">"A35795"</definedName>
    <definedName name="FDD_55_2" hidden="1">"A31412"</definedName>
    <definedName name="FDD_55_3" hidden="1">"A31777"</definedName>
    <definedName name="FDD_55_4" hidden="1">"A32142"</definedName>
    <definedName name="FDD_55_5" hidden="1">"A32508"</definedName>
    <definedName name="FDD_55_6" hidden="1">"A32873"</definedName>
    <definedName name="FDD_55_7" hidden="1">"A33238"</definedName>
    <definedName name="FDD_55_8" hidden="1">"A33603"</definedName>
    <definedName name="FDD_55_9" hidden="1">"A33969"</definedName>
    <definedName name="FDD_56_0" hidden="1">"A30681"</definedName>
    <definedName name="FDD_56_1" hidden="1">"A31047"</definedName>
    <definedName name="FDD_56_10" hidden="1">"A34334"</definedName>
    <definedName name="FDD_56_11" hidden="1">"A34699"</definedName>
    <definedName name="FDD_56_12" hidden="1">"A35064"</definedName>
    <definedName name="FDD_56_13" hidden="1">"A35430"</definedName>
    <definedName name="FDD_56_14" hidden="1">"A35795"</definedName>
    <definedName name="FDD_56_2" hidden="1">"A31412"</definedName>
    <definedName name="FDD_56_3" hidden="1">"A31777"</definedName>
    <definedName name="FDD_56_4" hidden="1">"A32142"</definedName>
    <definedName name="FDD_56_5" hidden="1">"A32508"</definedName>
    <definedName name="FDD_56_6" hidden="1">"A32873"</definedName>
    <definedName name="FDD_56_7" hidden="1">"A33238"</definedName>
    <definedName name="FDD_56_8" hidden="1">"A33603"</definedName>
    <definedName name="FDD_56_9" hidden="1">"A33969"</definedName>
    <definedName name="FDD_57_0" hidden="1">"A30681"</definedName>
    <definedName name="FDD_57_1" hidden="1">"A31047"</definedName>
    <definedName name="FDD_57_10" hidden="1">"A34334"</definedName>
    <definedName name="FDD_57_11" hidden="1">"A34699"</definedName>
    <definedName name="FDD_57_12" hidden="1">"A35064"</definedName>
    <definedName name="FDD_57_13" hidden="1">"A35430"</definedName>
    <definedName name="FDD_57_14" hidden="1">"A35795"</definedName>
    <definedName name="FDD_57_2" hidden="1">"A31412"</definedName>
    <definedName name="FDD_57_3" hidden="1">"A31777"</definedName>
    <definedName name="FDD_57_4" hidden="1">"A32142"</definedName>
    <definedName name="FDD_57_5" hidden="1">"A32508"</definedName>
    <definedName name="FDD_57_6" hidden="1">"A32873"</definedName>
    <definedName name="FDD_57_7" hidden="1">"A33238"</definedName>
    <definedName name="FDD_57_8" hidden="1">"A33603"</definedName>
    <definedName name="FDD_57_9" hidden="1">"A33969"</definedName>
    <definedName name="FDD_58_0" hidden="1">"A30681"</definedName>
    <definedName name="FDD_58_1" hidden="1">"A31047"</definedName>
    <definedName name="FDD_58_10" hidden="1">"A34334"</definedName>
    <definedName name="FDD_58_100" hidden="1">"A35044"</definedName>
    <definedName name="FDD_58_101" hidden="1">"A35051"</definedName>
    <definedName name="FDD_58_102" hidden="1">"A35058"</definedName>
    <definedName name="FDD_58_103" hidden="1">"A35065"</definedName>
    <definedName name="FDD_58_104" hidden="1">"A35072"</definedName>
    <definedName name="FDD_58_105" hidden="1">"A35079"</definedName>
    <definedName name="FDD_58_106" hidden="1">"A35086"</definedName>
    <definedName name="FDD_58_107" hidden="1">"A35093"</definedName>
    <definedName name="FDD_58_108" hidden="1">"A35100"</definedName>
    <definedName name="FDD_58_109" hidden="1">"A35107"</definedName>
    <definedName name="FDD_58_11" hidden="1">"A34699"</definedName>
    <definedName name="FDD_58_110" hidden="1">"A35114"</definedName>
    <definedName name="FDD_58_111" hidden="1">"A35121"</definedName>
    <definedName name="FDD_58_112" hidden="1">"A35128"</definedName>
    <definedName name="FDD_58_113" hidden="1">"A35135"</definedName>
    <definedName name="FDD_58_114" hidden="1">"A35142"</definedName>
    <definedName name="FDD_58_115" hidden="1">"A35149"</definedName>
    <definedName name="FDD_58_116" hidden="1">"A35156"</definedName>
    <definedName name="FDD_58_117" hidden="1">"A35162"</definedName>
    <definedName name="FDD_58_118" hidden="1">"A35170"</definedName>
    <definedName name="FDD_58_119" hidden="1">"A35177"</definedName>
    <definedName name="FDD_58_12" hidden="1">"A35064"</definedName>
    <definedName name="FDD_58_120" hidden="1">"A35184"</definedName>
    <definedName name="FDD_58_121" hidden="1">"A35191"</definedName>
    <definedName name="FDD_58_122" hidden="1">"A35198"</definedName>
    <definedName name="FDD_58_123" hidden="1">"A35205"</definedName>
    <definedName name="FDD_58_124" hidden="1">"A35212"</definedName>
    <definedName name="FDD_58_125" hidden="1">"A35219"</definedName>
    <definedName name="FDD_58_126" hidden="1">"A35226"</definedName>
    <definedName name="FDD_58_127" hidden="1">"A35233"</definedName>
    <definedName name="FDD_58_128" hidden="1">"A35240"</definedName>
    <definedName name="FDD_58_129" hidden="1">"A35247"</definedName>
    <definedName name="FDD_58_13" hidden="1">"A35430"</definedName>
    <definedName name="FDD_58_130" hidden="1">"A35254"</definedName>
    <definedName name="FDD_58_131" hidden="1">"A35261"</definedName>
    <definedName name="FDD_58_132" hidden="1">"A35268"</definedName>
    <definedName name="FDD_58_133" hidden="1">"A35275"</definedName>
    <definedName name="FDD_58_134" hidden="1">"A35282"</definedName>
    <definedName name="FDD_58_135" hidden="1">"A35289"</definedName>
    <definedName name="FDD_58_136" hidden="1">"A35296"</definedName>
    <definedName name="FDD_58_137" hidden="1">"A35303"</definedName>
    <definedName name="FDD_58_138" hidden="1">"A35310"</definedName>
    <definedName name="FDD_58_139" hidden="1">"A35317"</definedName>
    <definedName name="FDD_58_14" hidden="1">"A35795"</definedName>
    <definedName name="FDD_58_140" hidden="1">"A35324"</definedName>
    <definedName name="FDD_58_141" hidden="1">"A35331"</definedName>
    <definedName name="FDD_58_142" hidden="1">"A35338"</definedName>
    <definedName name="FDD_58_143" hidden="1">"A35345"</definedName>
    <definedName name="FDD_58_144" hidden="1">"A35352"</definedName>
    <definedName name="FDD_58_145" hidden="1">"A35359"</definedName>
    <definedName name="FDD_58_146" hidden="1">"A35366"</definedName>
    <definedName name="FDD_58_147" hidden="1">"A35373"</definedName>
    <definedName name="FDD_58_148" hidden="1">"A35380"</definedName>
    <definedName name="FDD_58_149" hidden="1">"A35387"</definedName>
    <definedName name="FDD_58_15" hidden="1">"A34449"</definedName>
    <definedName name="FDD_58_150" hidden="1">"A35394"</definedName>
    <definedName name="FDD_58_151" hidden="1">"A35401"</definedName>
    <definedName name="FDD_58_152" hidden="1">"A35408"</definedName>
    <definedName name="FDD_58_153" hidden="1">"A35415"</definedName>
    <definedName name="FDD_58_154" hidden="1">"A35422"</definedName>
    <definedName name="FDD_58_155" hidden="1">"A35429"</definedName>
    <definedName name="FDD_58_156" hidden="1">"A35436"</definedName>
    <definedName name="FDD_58_157" hidden="1">"A35443"</definedName>
    <definedName name="FDD_58_158" hidden="1">"A35450"</definedName>
    <definedName name="FDD_58_159" hidden="1">"A35457"</definedName>
    <definedName name="FDD_58_16" hidden="1">"A34456"</definedName>
    <definedName name="FDD_58_160" hidden="1">"A35464"</definedName>
    <definedName name="FDD_58_161" hidden="1">"A35471"</definedName>
    <definedName name="FDD_58_162" hidden="1">"A35478"</definedName>
    <definedName name="FDD_58_163" hidden="1">"A35485"</definedName>
    <definedName name="FDD_58_164" hidden="1">"A35492"</definedName>
    <definedName name="FDD_58_165" hidden="1">"A35499"</definedName>
    <definedName name="FDD_58_166" hidden="1">"A35506"</definedName>
    <definedName name="FDD_58_167" hidden="1">"A35513"</definedName>
    <definedName name="FDD_58_168" hidden="1">"A35520"</definedName>
    <definedName name="FDD_58_169" hidden="1">"A35527"</definedName>
    <definedName name="FDD_58_17" hidden="1">"A34463"</definedName>
    <definedName name="FDD_58_170" hidden="1">"A35534"</definedName>
    <definedName name="FDD_58_171" hidden="1">"A35541"</definedName>
    <definedName name="FDD_58_172" hidden="1">"A35548"</definedName>
    <definedName name="FDD_58_173" hidden="1">"A35555"</definedName>
    <definedName name="FDD_58_174" hidden="1">"A35562"</definedName>
    <definedName name="FDD_58_175" hidden="1">"A35569"</definedName>
    <definedName name="FDD_58_176" hidden="1">"A35576"</definedName>
    <definedName name="FDD_58_177" hidden="1">"A35583"</definedName>
    <definedName name="FDD_58_178" hidden="1">"A35590"</definedName>
    <definedName name="FDD_58_179" hidden="1">"A35597"</definedName>
    <definedName name="FDD_58_18" hidden="1">"A34470"</definedName>
    <definedName name="FDD_58_180" hidden="1">"A35604"</definedName>
    <definedName name="FDD_58_181" hidden="1">"A35611"</definedName>
    <definedName name="FDD_58_182" hidden="1">"A35618"</definedName>
    <definedName name="FDD_58_183" hidden="1">"A35625"</definedName>
    <definedName name="FDD_58_184" hidden="1">"A35632"</definedName>
    <definedName name="FDD_58_185" hidden="1">"A35639"</definedName>
    <definedName name="FDD_58_186" hidden="1">"A35646"</definedName>
    <definedName name="FDD_58_187" hidden="1">"A35653"</definedName>
    <definedName name="FDD_58_188" hidden="1">"A35660"</definedName>
    <definedName name="FDD_58_189" hidden="1">"A35667"</definedName>
    <definedName name="FDD_58_19" hidden="1">"A34477"</definedName>
    <definedName name="FDD_58_190" hidden="1">"A35674"</definedName>
    <definedName name="FDD_58_191" hidden="1">"A35681"</definedName>
    <definedName name="FDD_58_192" hidden="1">"A35688"</definedName>
    <definedName name="FDD_58_193" hidden="1">"A35695"</definedName>
    <definedName name="FDD_58_194" hidden="1">"A35702"</definedName>
    <definedName name="FDD_58_195" hidden="1">"A35709"</definedName>
    <definedName name="FDD_58_196" hidden="1">"A35716"</definedName>
    <definedName name="FDD_58_197" hidden="1">"A35723"</definedName>
    <definedName name="FDD_58_198" hidden="1">"A35730"</definedName>
    <definedName name="FDD_58_199" hidden="1">"A35737"</definedName>
    <definedName name="FDD_58_2" hidden="1">"A31412"</definedName>
    <definedName name="FDD_58_20" hidden="1">"A34484"</definedName>
    <definedName name="FDD_58_200" hidden="1">"A35744"</definedName>
    <definedName name="FDD_58_201" hidden="1">"A35751"</definedName>
    <definedName name="FDD_58_202" hidden="1">"A35758"</definedName>
    <definedName name="FDD_58_203" hidden="1">"A35765"</definedName>
    <definedName name="FDD_58_204" hidden="1">"A35772"</definedName>
    <definedName name="FDD_58_205" hidden="1">"A35779"</definedName>
    <definedName name="FDD_58_206" hidden="1">"A35786"</definedName>
    <definedName name="FDD_58_207" hidden="1">"A35793"</definedName>
    <definedName name="FDD_58_208" hidden="1">"A35800"</definedName>
    <definedName name="FDD_58_209" hidden="1">"A35807"</definedName>
    <definedName name="FDD_58_21" hidden="1">"A34491"</definedName>
    <definedName name="FDD_58_210" hidden="1">"A35814"</definedName>
    <definedName name="FDD_58_211" hidden="1">"A35821"</definedName>
    <definedName name="FDD_58_212" hidden="1">"A35828"</definedName>
    <definedName name="FDD_58_213" hidden="1">"A35835"</definedName>
    <definedName name="FDD_58_214" hidden="1">"A35842"</definedName>
    <definedName name="FDD_58_215" hidden="1">"A35849"</definedName>
    <definedName name="FDD_58_216" hidden="1">"A35856"</definedName>
    <definedName name="FDD_58_217" hidden="1">"A35863"</definedName>
    <definedName name="FDD_58_218" hidden="1">"A35870"</definedName>
    <definedName name="FDD_58_219" hidden="1">"A35877"</definedName>
    <definedName name="FDD_58_22" hidden="1">"A34498"</definedName>
    <definedName name="FDD_58_220" hidden="1">"A35884"</definedName>
    <definedName name="FDD_58_221" hidden="1">"A35891"</definedName>
    <definedName name="FDD_58_222" hidden="1">"A35898"</definedName>
    <definedName name="FDD_58_223" hidden="1">"A35905"</definedName>
    <definedName name="FDD_58_224" hidden="1">"A35912"</definedName>
    <definedName name="FDD_58_225" hidden="1">"A35919"</definedName>
    <definedName name="FDD_58_226" hidden="1">"A35926"</definedName>
    <definedName name="FDD_58_227" hidden="1">"A35933"</definedName>
    <definedName name="FDD_58_228" hidden="1">"A35940"</definedName>
    <definedName name="FDD_58_229" hidden="1">"A35947"</definedName>
    <definedName name="FDD_58_23" hidden="1">"A34505"</definedName>
    <definedName name="FDD_58_230" hidden="1">"A35954"</definedName>
    <definedName name="FDD_58_231" hidden="1">"A35961"</definedName>
    <definedName name="FDD_58_232" hidden="1">"A35968"</definedName>
    <definedName name="FDD_58_233" hidden="1">"A35975"</definedName>
    <definedName name="FDD_58_234" hidden="1">"A35982"</definedName>
    <definedName name="FDD_58_235" hidden="1">"A35989"</definedName>
    <definedName name="FDD_58_236" hidden="1">"A35996"</definedName>
    <definedName name="FDD_58_237" hidden="1">"A36003"</definedName>
    <definedName name="FDD_58_238" hidden="1">"A36010"</definedName>
    <definedName name="FDD_58_239" hidden="1">"A36017"</definedName>
    <definedName name="FDD_58_24" hidden="1">"A34512"</definedName>
    <definedName name="FDD_58_240" hidden="1">"A36024"</definedName>
    <definedName name="FDD_58_241" hidden="1">"A36031"</definedName>
    <definedName name="FDD_58_242" hidden="1">"A36038"</definedName>
    <definedName name="FDD_58_243" hidden="1">"A36045"</definedName>
    <definedName name="FDD_58_244" hidden="1">"A36052"</definedName>
    <definedName name="FDD_58_245" hidden="1">"A36059"</definedName>
    <definedName name="FDD_58_246" hidden="1">"A36066"</definedName>
    <definedName name="FDD_58_247" hidden="1">"A36073"</definedName>
    <definedName name="FDD_58_248" hidden="1">"A36080"</definedName>
    <definedName name="FDD_58_249" hidden="1">"A36087"</definedName>
    <definedName name="FDD_58_25" hidden="1">"A34519"</definedName>
    <definedName name="FDD_58_250" hidden="1">"A36094"</definedName>
    <definedName name="FDD_58_251" hidden="1">"A36101"</definedName>
    <definedName name="FDD_58_252" hidden="1">"A36108"</definedName>
    <definedName name="FDD_58_253" hidden="1">"A36115"</definedName>
    <definedName name="FDD_58_254" hidden="1">"A36122"</definedName>
    <definedName name="FDD_58_255" hidden="1">"A36129"</definedName>
    <definedName name="FDD_58_256" hidden="1">"A36136"</definedName>
    <definedName name="FDD_58_257" hidden="1">"A36143"</definedName>
    <definedName name="FDD_58_258" hidden="1">"A36150"</definedName>
    <definedName name="FDD_58_259" hidden="1">"A36157"</definedName>
    <definedName name="FDD_58_26" hidden="1">"A34526"</definedName>
    <definedName name="FDD_58_260" hidden="1">"A36164"</definedName>
    <definedName name="FDD_58_27" hidden="1">"A34533"</definedName>
    <definedName name="FDD_58_28" hidden="1">"A34540"</definedName>
    <definedName name="FDD_58_29" hidden="1">"A34547"</definedName>
    <definedName name="FDD_58_3" hidden="1">"A31777"</definedName>
    <definedName name="FDD_58_30" hidden="1">"A34554"</definedName>
    <definedName name="FDD_58_31" hidden="1">"A34561"</definedName>
    <definedName name="FDD_58_32" hidden="1">"A34568"</definedName>
    <definedName name="FDD_58_33" hidden="1">"A34575"</definedName>
    <definedName name="FDD_58_34" hidden="1">"A34582"</definedName>
    <definedName name="FDD_58_35" hidden="1">"A34589"</definedName>
    <definedName name="FDD_58_36" hidden="1">"A34596"</definedName>
    <definedName name="FDD_58_37" hidden="1">"A34603"</definedName>
    <definedName name="FDD_58_38" hidden="1">"A34610"</definedName>
    <definedName name="FDD_58_39" hidden="1">"A34617"</definedName>
    <definedName name="FDD_58_4" hidden="1">"A32142"</definedName>
    <definedName name="FDD_58_40" hidden="1">"A34624"</definedName>
    <definedName name="FDD_58_41" hidden="1">"A34631"</definedName>
    <definedName name="FDD_58_42" hidden="1">"A34638"</definedName>
    <definedName name="FDD_58_43" hidden="1">"A34645"</definedName>
    <definedName name="FDD_58_44" hidden="1">"A34652"</definedName>
    <definedName name="FDD_58_45" hidden="1">"A34659"</definedName>
    <definedName name="FDD_58_46" hidden="1">"A34666"</definedName>
    <definedName name="FDD_58_47" hidden="1">"A34673"</definedName>
    <definedName name="FDD_58_48" hidden="1">"A34680"</definedName>
    <definedName name="FDD_58_49" hidden="1">"A34687"</definedName>
    <definedName name="FDD_58_5" hidden="1">"A32508"</definedName>
    <definedName name="FDD_58_50" hidden="1">"A34694"</definedName>
    <definedName name="FDD_58_51" hidden="1">"A34701"</definedName>
    <definedName name="FDD_58_52" hidden="1">"A34708"</definedName>
    <definedName name="FDD_58_53" hidden="1">"A34715"</definedName>
    <definedName name="FDD_58_54" hidden="1">"A34722"</definedName>
    <definedName name="FDD_58_55" hidden="1">"A34729"</definedName>
    <definedName name="FDD_58_56" hidden="1">"A34736"</definedName>
    <definedName name="FDD_58_57" hidden="1">"A34743"</definedName>
    <definedName name="FDD_58_58" hidden="1">"A34750"</definedName>
    <definedName name="FDD_58_59" hidden="1">"A34757"</definedName>
    <definedName name="FDD_58_6" hidden="1">"A32873"</definedName>
    <definedName name="FDD_58_60" hidden="1">"A34764"</definedName>
    <definedName name="FDD_58_61" hidden="1">"A34771"</definedName>
    <definedName name="FDD_58_62" hidden="1">"A34778"</definedName>
    <definedName name="FDD_58_63" hidden="1">"A34785"</definedName>
    <definedName name="FDD_58_64" hidden="1">"A34792"</definedName>
    <definedName name="FDD_58_65" hidden="1">"A34799"</definedName>
    <definedName name="FDD_58_66" hidden="1">"A34806"</definedName>
    <definedName name="FDD_58_67" hidden="1">"A34813"</definedName>
    <definedName name="FDD_58_68" hidden="1">"A34820"</definedName>
    <definedName name="FDD_58_69" hidden="1">"A34827"</definedName>
    <definedName name="FDD_58_7" hidden="1">"A33238"</definedName>
    <definedName name="FDD_58_70" hidden="1">"A34834"</definedName>
    <definedName name="FDD_58_71" hidden="1">"A34841"</definedName>
    <definedName name="FDD_58_72" hidden="1">"A34848"</definedName>
    <definedName name="FDD_58_73" hidden="1">"A34855"</definedName>
    <definedName name="FDD_58_74" hidden="1">"A34862"</definedName>
    <definedName name="FDD_58_75" hidden="1">"A34869"</definedName>
    <definedName name="FDD_58_76" hidden="1">"A34876"</definedName>
    <definedName name="FDD_58_77" hidden="1">"A34883"</definedName>
    <definedName name="FDD_58_78" hidden="1">"A34890"</definedName>
    <definedName name="FDD_58_79" hidden="1">"A34897"</definedName>
    <definedName name="FDD_58_8" hidden="1">"A33603"</definedName>
    <definedName name="FDD_58_80" hidden="1">"A34904"</definedName>
    <definedName name="FDD_58_81" hidden="1">"A34911"</definedName>
    <definedName name="FDD_58_82" hidden="1">"A34918"</definedName>
    <definedName name="FDD_58_83" hidden="1">"A34925"</definedName>
    <definedName name="FDD_58_84" hidden="1">"A34932"</definedName>
    <definedName name="FDD_58_85" hidden="1">"A34939"</definedName>
    <definedName name="FDD_58_86" hidden="1">"A34946"</definedName>
    <definedName name="FDD_58_87" hidden="1">"A34953"</definedName>
    <definedName name="FDD_58_88" hidden="1">"A34960"</definedName>
    <definedName name="FDD_58_89" hidden="1">"A34967"</definedName>
    <definedName name="FDD_58_9" hidden="1">"A33969"</definedName>
    <definedName name="FDD_58_90" hidden="1">"A34974"</definedName>
    <definedName name="FDD_58_91" hidden="1">"A34981"</definedName>
    <definedName name="FDD_58_92" hidden="1">"A34988"</definedName>
    <definedName name="FDD_58_93" hidden="1">"A34995"</definedName>
    <definedName name="FDD_58_94" hidden="1">"A35002"</definedName>
    <definedName name="FDD_58_95" hidden="1">"A35009"</definedName>
    <definedName name="FDD_58_96" hidden="1">"A35016"</definedName>
    <definedName name="FDD_58_97" hidden="1">"A35023"</definedName>
    <definedName name="FDD_58_98" hidden="1">"A35030"</definedName>
    <definedName name="FDD_58_99" hidden="1">"A35037"</definedName>
    <definedName name="FDD_59_0" hidden="1">"A30681"</definedName>
    <definedName name="FDD_59_1" hidden="1">"A31047"</definedName>
    <definedName name="FDD_59_10" hidden="1">"A34334"</definedName>
    <definedName name="FDD_59_100" hidden="1">"A35044"</definedName>
    <definedName name="FDD_59_101" hidden="1">"A35051"</definedName>
    <definedName name="FDD_59_102" hidden="1">"A35059"</definedName>
    <definedName name="FDD_59_103" hidden="1">"A35065"</definedName>
    <definedName name="FDD_59_104" hidden="1">"A35072"</definedName>
    <definedName name="FDD_59_105" hidden="1">"A35079"</definedName>
    <definedName name="FDD_59_106" hidden="1">"A35086"</definedName>
    <definedName name="FDD_59_107" hidden="1">"A35093"</definedName>
    <definedName name="FDD_59_108" hidden="1">"A35100"</definedName>
    <definedName name="FDD_59_109" hidden="1">"A35107"</definedName>
    <definedName name="FDD_59_11" hidden="1">"A34699"</definedName>
    <definedName name="FDD_59_110" hidden="1">"A35114"</definedName>
    <definedName name="FDD_59_111" hidden="1">"A35121"</definedName>
    <definedName name="FDD_59_112" hidden="1">"A35128"</definedName>
    <definedName name="FDD_59_113" hidden="1">"A35135"</definedName>
    <definedName name="FDD_59_114" hidden="1">"A35141"</definedName>
    <definedName name="FDD_59_115" hidden="1">"A35149"</definedName>
    <definedName name="FDD_59_116" hidden="1">"A35156"</definedName>
    <definedName name="FDD_59_117" hidden="1">"A35163"</definedName>
    <definedName name="FDD_59_118" hidden="1">"A35170"</definedName>
    <definedName name="FDD_59_119" hidden="1">"A35177"</definedName>
    <definedName name="FDD_59_12" hidden="1">"A35064"</definedName>
    <definedName name="FDD_59_120" hidden="1">"A35184"</definedName>
    <definedName name="FDD_59_121" hidden="1">"A35192"</definedName>
    <definedName name="FDD_59_122" hidden="1">"A35198"</definedName>
    <definedName name="FDD_59_123" hidden="1">"A35205"</definedName>
    <definedName name="FDD_59_124" hidden="1">"A35213"</definedName>
    <definedName name="FDD_59_125" hidden="1">"A35219"</definedName>
    <definedName name="FDD_59_126" hidden="1">"A35226"</definedName>
    <definedName name="FDD_59_127" hidden="1">"A35233"</definedName>
    <definedName name="FDD_59_128" hidden="1">"A35240"</definedName>
    <definedName name="FDD_59_129" hidden="1">"A35247"</definedName>
    <definedName name="FDD_59_13" hidden="1">"A35430"</definedName>
    <definedName name="FDD_59_130" hidden="1">"A35254"</definedName>
    <definedName name="FDD_59_131" hidden="1">"A35261"</definedName>
    <definedName name="FDD_59_132" hidden="1">"A35268"</definedName>
    <definedName name="FDD_59_133" hidden="1">"A35275"</definedName>
    <definedName name="FDD_59_134" hidden="1">"A35282"</definedName>
    <definedName name="FDD_59_135" hidden="1">"A35289"</definedName>
    <definedName name="FDD_59_136" hidden="1">"A35296"</definedName>
    <definedName name="FDD_59_137" hidden="1">"A35303"</definedName>
    <definedName name="FDD_59_138" hidden="1">"A35310"</definedName>
    <definedName name="FDD_59_139" hidden="1">"A35317"</definedName>
    <definedName name="FDD_59_14" hidden="1">"A35795"</definedName>
    <definedName name="FDD_59_140" hidden="1">"A35324"</definedName>
    <definedName name="FDD_59_141" hidden="1">"A35331"</definedName>
    <definedName name="FDD_59_142" hidden="1">"A35338"</definedName>
    <definedName name="FDD_59_143" hidden="1">"A35345"</definedName>
    <definedName name="FDD_59_144" hidden="1">"A35352"</definedName>
    <definedName name="FDD_59_145" hidden="1">"A35359"</definedName>
    <definedName name="FDD_59_146" hidden="1">"A35366"</definedName>
    <definedName name="FDD_59_147" hidden="1">"A35373"</definedName>
    <definedName name="FDD_59_148" hidden="1">"A35380"</definedName>
    <definedName name="FDD_59_149" hidden="1">"A35387"</definedName>
    <definedName name="FDD_59_15" hidden="1">"A34449"</definedName>
    <definedName name="FDD_59_150" hidden="1">"A35394"</definedName>
    <definedName name="FDD_59_151" hidden="1">"A35401"</definedName>
    <definedName name="FDD_59_152" hidden="1">"A35408"</definedName>
    <definedName name="FDD_59_153" hidden="1">"A35415"</definedName>
    <definedName name="FDD_59_154" hidden="1">"A35422"</definedName>
    <definedName name="FDD_59_155" hidden="1">"A35429"</definedName>
    <definedName name="FDD_59_156" hidden="1">"A35436"</definedName>
    <definedName name="FDD_59_157" hidden="1">"A35443"</definedName>
    <definedName name="FDD_59_158" hidden="1">"A35450"</definedName>
    <definedName name="FDD_59_159" hidden="1">"A35457"</definedName>
    <definedName name="FDD_59_16" hidden="1">"A34457"</definedName>
    <definedName name="FDD_59_160" hidden="1">"A35464"</definedName>
    <definedName name="FDD_59_161" hidden="1">"A35471"</definedName>
    <definedName name="FDD_59_162" hidden="1">"A35478"</definedName>
    <definedName name="FDD_59_163" hidden="1">"A35485"</definedName>
    <definedName name="FDD_59_164" hidden="1">"A35492"</definedName>
    <definedName name="FDD_59_165" hidden="1">"A35499"</definedName>
    <definedName name="FDD_59_166" hidden="1">"A35506"</definedName>
    <definedName name="FDD_59_167" hidden="1">"A35513"</definedName>
    <definedName name="FDD_59_168" hidden="1">"A35521"</definedName>
    <definedName name="FDD_59_169" hidden="1">"A35527"</definedName>
    <definedName name="FDD_59_17" hidden="1">"A34463"</definedName>
    <definedName name="FDD_59_170" hidden="1">"A35534"</definedName>
    <definedName name="FDD_59_171" hidden="1">"A35541"</definedName>
    <definedName name="FDD_59_172" hidden="1">"A35548"</definedName>
    <definedName name="FDD_59_173" hidden="1">"A35556"</definedName>
    <definedName name="FDD_59_174" hidden="1">"A35562"</definedName>
    <definedName name="FDD_59_175" hidden="1">"A35569"</definedName>
    <definedName name="FDD_59_176" hidden="1">"A35577"</definedName>
    <definedName name="FDD_59_177" hidden="1">"A35583"</definedName>
    <definedName name="FDD_59_178" hidden="1">"A35590"</definedName>
    <definedName name="FDD_59_179" hidden="1">"A35597"</definedName>
    <definedName name="FDD_59_18" hidden="1">"A34470"</definedName>
    <definedName name="FDD_59_180" hidden="1">"A35604"</definedName>
    <definedName name="FDD_59_181" hidden="1">"A35611"</definedName>
    <definedName name="FDD_59_182" hidden="1">"A35618"</definedName>
    <definedName name="FDD_59_183" hidden="1">"A35625"</definedName>
    <definedName name="FDD_59_184" hidden="1">"A35632"</definedName>
    <definedName name="FDD_59_185" hidden="1">"A35639"</definedName>
    <definedName name="FDD_59_186" hidden="1">"A35646"</definedName>
    <definedName name="FDD_59_187" hidden="1">"A35653"</definedName>
    <definedName name="FDD_59_188" hidden="1">"A35660"</definedName>
    <definedName name="FDD_59_189" hidden="1">"A35668"</definedName>
    <definedName name="FDD_59_19" hidden="1">"A34477"</definedName>
    <definedName name="FDD_59_190" hidden="1">"A35674"</definedName>
    <definedName name="FDD_59_191" hidden="1">"A35681"</definedName>
    <definedName name="FDD_59_192" hidden="1">"A35688"</definedName>
    <definedName name="FDD_59_193" hidden="1">"A35695"</definedName>
    <definedName name="FDD_59_194" hidden="1">"A35702"</definedName>
    <definedName name="FDD_59_195" hidden="1">"A35709"</definedName>
    <definedName name="FDD_59_196" hidden="1">"A35716"</definedName>
    <definedName name="FDD_59_197" hidden="1">"A35723"</definedName>
    <definedName name="FDD_59_198" hidden="1">"A35730"</definedName>
    <definedName name="FDD_59_199" hidden="1">"A35737"</definedName>
    <definedName name="FDD_59_2" hidden="1">"A31412"</definedName>
    <definedName name="FDD_59_20" hidden="1">"A34485"</definedName>
    <definedName name="FDD_59_200" hidden="1">"A35744"</definedName>
    <definedName name="FDD_59_201" hidden="1">"A35751"</definedName>
    <definedName name="FDD_59_202" hidden="1">"A35758"</definedName>
    <definedName name="FDD_59_203" hidden="1">"A35765"</definedName>
    <definedName name="FDD_59_204" hidden="1">"A35772"</definedName>
    <definedName name="FDD_59_205" hidden="1">"A35779"</definedName>
    <definedName name="FDD_59_206" hidden="1">"A35786"</definedName>
    <definedName name="FDD_59_207" hidden="1">"A35793"</definedName>
    <definedName name="FDD_59_208" hidden="1">"A35800"</definedName>
    <definedName name="FDD_59_209" hidden="1">"A35807"</definedName>
    <definedName name="FDD_59_21" hidden="1">"A34491"</definedName>
    <definedName name="FDD_59_210" hidden="1">"A35814"</definedName>
    <definedName name="FDD_59_211" hidden="1">"A35821"</definedName>
    <definedName name="FDD_59_212" hidden="1">"A35828"</definedName>
    <definedName name="FDD_59_213" hidden="1">"A35835"</definedName>
    <definedName name="FDD_59_214" hidden="1">"A35842"</definedName>
    <definedName name="FDD_59_215" hidden="1">"A35849"</definedName>
    <definedName name="FDD_59_216" hidden="1">"A35856"</definedName>
    <definedName name="FDD_59_217" hidden="1">"A35863"</definedName>
    <definedName name="FDD_59_218" hidden="1">"A35870"</definedName>
    <definedName name="FDD_59_219" hidden="1">"A35877"</definedName>
    <definedName name="FDD_59_22" hidden="1">"A34498"</definedName>
    <definedName name="FDD_59_220" hidden="1">"A35884"</definedName>
    <definedName name="FDD_59_221" hidden="1">"A35891"</definedName>
    <definedName name="FDD_59_222" hidden="1">"A35899"</definedName>
    <definedName name="FDD_59_223" hidden="1">"A35905"</definedName>
    <definedName name="FDD_59_224" hidden="1">"A35912"</definedName>
    <definedName name="FDD_59_225" hidden="1">"A35919"</definedName>
    <definedName name="FDD_59_226" hidden="1">"A35926"</definedName>
    <definedName name="FDD_59_227" hidden="1">"A35933"</definedName>
    <definedName name="FDD_59_228" hidden="1">"A35941"</definedName>
    <definedName name="FDD_59_229" hidden="1">"A35947"</definedName>
    <definedName name="FDD_59_23" hidden="1">"A34505"</definedName>
    <definedName name="FDD_59_230" hidden="1">"A35954"</definedName>
    <definedName name="FDD_59_231" hidden="1">"A35961"</definedName>
    <definedName name="FDD_59_232" hidden="1">"A35968"</definedName>
    <definedName name="FDD_59_233" hidden="1">"A35975"</definedName>
    <definedName name="FDD_59_234" hidden="1">"A35982"</definedName>
    <definedName name="FDD_59_235" hidden="1">"A35989"</definedName>
    <definedName name="FDD_59_236" hidden="1">"A35996"</definedName>
    <definedName name="FDD_59_237" hidden="1">"A36003"</definedName>
    <definedName name="FDD_59_238" hidden="1">"A36010"</definedName>
    <definedName name="FDD_59_239" hidden="1">"A36017"</definedName>
    <definedName name="FDD_59_24" hidden="1">"A34512"</definedName>
    <definedName name="FDD_59_240" hidden="1">"A36024"</definedName>
    <definedName name="FDD_59_241" hidden="1">"A36031"</definedName>
    <definedName name="FDD_59_242" hidden="1">"A36039"</definedName>
    <definedName name="FDD_59_243" hidden="1">"A36045"</definedName>
    <definedName name="FDD_59_244" hidden="1">"A36052"</definedName>
    <definedName name="FDD_59_245" hidden="1">"A36059"</definedName>
    <definedName name="FDD_59_246" hidden="1">"A36066"</definedName>
    <definedName name="FDD_59_247" hidden="1">"A36073"</definedName>
    <definedName name="FDD_59_248" hidden="1">"A36080"</definedName>
    <definedName name="FDD_59_249" hidden="1">"A36087"</definedName>
    <definedName name="FDD_59_25" hidden="1">"A34519"</definedName>
    <definedName name="FDD_59_250" hidden="1">"A36094"</definedName>
    <definedName name="FDD_59_251" hidden="1">"A36101"</definedName>
    <definedName name="FDD_59_252" hidden="1">"A36108"</definedName>
    <definedName name="FDD_59_253" hidden="1">"A36116"</definedName>
    <definedName name="FDD_59_254" hidden="1">"A36122"</definedName>
    <definedName name="FDD_59_255" hidden="1">"A36129"</definedName>
    <definedName name="FDD_59_256" hidden="1">"A36136"</definedName>
    <definedName name="FDD_59_257" hidden="1">"A36143"</definedName>
    <definedName name="FDD_59_258" hidden="1">"A36150"</definedName>
    <definedName name="FDD_59_259" hidden="1">"A36157"</definedName>
    <definedName name="FDD_59_26" hidden="1">"A34526"</definedName>
    <definedName name="FDD_59_260" hidden="1">"A36164"</definedName>
    <definedName name="FDD_59_27" hidden="1">"A34533"</definedName>
    <definedName name="FDD_59_28" hidden="1">"A34540"</definedName>
    <definedName name="FDD_59_29" hidden="1">"A34547"</definedName>
    <definedName name="FDD_59_3" hidden="1">"A31777"</definedName>
    <definedName name="FDD_59_30" hidden="1">"A34554"</definedName>
    <definedName name="FDD_59_31" hidden="1">"A34561"</definedName>
    <definedName name="FDD_59_32" hidden="1">"A34568"</definedName>
    <definedName name="FDD_59_33" hidden="1">"A34576"</definedName>
    <definedName name="FDD_59_34" hidden="1">"A34582"</definedName>
    <definedName name="FDD_59_35" hidden="1">"A34589"</definedName>
    <definedName name="FDD_59_36" hidden="1">"A34596"</definedName>
    <definedName name="FDD_59_37" hidden="1">"A34603"</definedName>
    <definedName name="FDD_59_38" hidden="1">"A34610"</definedName>
    <definedName name="FDD_59_39" hidden="1">"A34617"</definedName>
    <definedName name="FDD_59_4" hidden="1">"A32142"</definedName>
    <definedName name="FDD_59_40" hidden="1">"A34624"</definedName>
    <definedName name="FDD_59_41" hidden="1">"A34631"</definedName>
    <definedName name="FDD_59_42" hidden="1">"A34638"</definedName>
    <definedName name="FDD_59_43" hidden="1">"A34645"</definedName>
    <definedName name="FDD_59_44" hidden="1">"A34652"</definedName>
    <definedName name="FDD_59_45" hidden="1">"A34659"</definedName>
    <definedName name="FDD_59_46" hidden="1">"A34666"</definedName>
    <definedName name="FDD_59_47" hidden="1">"A34673"</definedName>
    <definedName name="FDD_59_48" hidden="1">"A34680"</definedName>
    <definedName name="FDD_59_49" hidden="1">"A34687"</definedName>
    <definedName name="FDD_59_5" hidden="1">"A32508"</definedName>
    <definedName name="FDD_59_50" hidden="1">"A34696"</definedName>
    <definedName name="FDD_59_51" hidden="1">"A34702"</definedName>
    <definedName name="FDD_59_52" hidden="1">"A34708"</definedName>
    <definedName name="FDD_59_53" hidden="1">"A34715"</definedName>
    <definedName name="FDD_59_54" hidden="1">"A34722"</definedName>
    <definedName name="FDD_59_55" hidden="1">"A34729"</definedName>
    <definedName name="FDD_59_56" hidden="1">"A34736"</definedName>
    <definedName name="FDD_59_57" hidden="1">"A34743"</definedName>
    <definedName name="FDD_59_58" hidden="1">"A34750"</definedName>
    <definedName name="FDD_59_59" hidden="1">"A34757"</definedName>
    <definedName name="FDD_59_6" hidden="1">"A32873"</definedName>
    <definedName name="FDD_59_60" hidden="1">"A34764"</definedName>
    <definedName name="FDD_59_61" hidden="1">"A34771"</definedName>
    <definedName name="FDD_59_62" hidden="1">"A34778"</definedName>
    <definedName name="FDD_59_63" hidden="1">"A34785"</definedName>
    <definedName name="FDD_59_64" hidden="1">"A34792"</definedName>
    <definedName name="FDD_59_65" hidden="1">"A34799"</definedName>
    <definedName name="FDD_59_66" hidden="1">"A34807"</definedName>
    <definedName name="FDD_59_67" hidden="1">"A34813"</definedName>
    <definedName name="FDD_59_68" hidden="1">"A34820"</definedName>
    <definedName name="FDD_59_69" hidden="1">"A34828"</definedName>
    <definedName name="FDD_59_7" hidden="1">"A33238"</definedName>
    <definedName name="FDD_59_70" hidden="1">"A34834"</definedName>
    <definedName name="FDD_59_71" hidden="1">"A34841"</definedName>
    <definedName name="FDD_59_72" hidden="1">"A34848"</definedName>
    <definedName name="FDD_59_73" hidden="1">"A34855"</definedName>
    <definedName name="FDD_59_74" hidden="1">"A34862"</definedName>
    <definedName name="FDD_59_75" hidden="1">"A34870"</definedName>
    <definedName name="FDD_59_76" hidden="1">"A34876"</definedName>
    <definedName name="FDD_59_77" hidden="1">"A34883"</definedName>
    <definedName name="FDD_59_78" hidden="1">"A34891"</definedName>
    <definedName name="FDD_59_79" hidden="1">"A34897"</definedName>
    <definedName name="FDD_59_8" hidden="1">"A33603"</definedName>
    <definedName name="FDD_59_80" hidden="1">"A34904"</definedName>
    <definedName name="FDD_59_81" hidden="1">"A34911"</definedName>
    <definedName name="FDD_59_82" hidden="1">"A34918"</definedName>
    <definedName name="FDD_59_83" hidden="1">"A34925"</definedName>
    <definedName name="FDD_59_84" hidden="1">"A34932"</definedName>
    <definedName name="FDD_59_85" hidden="1">"A34940"</definedName>
    <definedName name="FDD_59_86" hidden="1">"A34946"</definedName>
    <definedName name="FDD_59_87" hidden="1">"A34953"</definedName>
    <definedName name="FDD_59_88" hidden="1">"A34960"</definedName>
    <definedName name="FDD_59_89" hidden="1">"A34967"</definedName>
    <definedName name="FDD_59_9" hidden="1">"A33969"</definedName>
    <definedName name="FDD_59_90" hidden="1">"A34974"</definedName>
    <definedName name="FDD_59_91" hidden="1">"A34981"</definedName>
    <definedName name="FDD_59_92" hidden="1">"A34988"</definedName>
    <definedName name="FDD_59_93" hidden="1">"A34995"</definedName>
    <definedName name="FDD_59_94" hidden="1">"A35002"</definedName>
    <definedName name="FDD_59_95" hidden="1">"A35009"</definedName>
    <definedName name="FDD_59_96" hidden="1">"A35016"</definedName>
    <definedName name="FDD_59_97" hidden="1">"A35023"</definedName>
    <definedName name="FDD_59_98" hidden="1">"A35030"</definedName>
    <definedName name="FDD_59_99" hidden="1">"A35037"</definedName>
    <definedName name="FDD_6_0" hidden="1">"A25569"</definedName>
    <definedName name="FDD_6_1" hidden="1">"A35795"</definedName>
    <definedName name="FDD_6_2" hidden="1">"E36160"</definedName>
    <definedName name="FDD_6_3" hidden="1">"E36525"</definedName>
    <definedName name="FDD_60_0" hidden="1">"A30681"</definedName>
    <definedName name="FDD_60_1" hidden="1">"A31047"</definedName>
    <definedName name="FDD_60_10" hidden="1">"A34334"</definedName>
    <definedName name="FDD_60_11" hidden="1">"A34699"</definedName>
    <definedName name="FDD_60_12" hidden="1">"A35064"</definedName>
    <definedName name="FDD_60_13" hidden="1">"A35430"</definedName>
    <definedName name="FDD_60_14" hidden="1">"A35795"</definedName>
    <definedName name="FDD_60_2" hidden="1">"A31412"</definedName>
    <definedName name="FDD_60_3" hidden="1">"A31777"</definedName>
    <definedName name="FDD_60_4" hidden="1">"A32142"</definedName>
    <definedName name="FDD_60_5" hidden="1">"A32508"</definedName>
    <definedName name="FDD_60_6" hidden="1">"A32873"</definedName>
    <definedName name="FDD_60_7" hidden="1">"A33238"</definedName>
    <definedName name="FDD_60_8" hidden="1">"A33603"</definedName>
    <definedName name="FDD_60_9" hidden="1">"A33969"</definedName>
    <definedName name="FDD_61_0" hidden="1">"A30681"</definedName>
    <definedName name="FDD_61_1" hidden="1">"A31047"</definedName>
    <definedName name="FDD_61_10" hidden="1">"A34334"</definedName>
    <definedName name="FDD_61_11" hidden="1">"A34699"</definedName>
    <definedName name="FDD_61_12" hidden="1">"A35064"</definedName>
    <definedName name="FDD_61_13" hidden="1">"A35430"</definedName>
    <definedName name="FDD_61_14" hidden="1">"A35795"</definedName>
    <definedName name="FDD_61_2" hidden="1">"A31412"</definedName>
    <definedName name="FDD_61_3" hidden="1">"A31777"</definedName>
    <definedName name="FDD_61_4" hidden="1">"A32142"</definedName>
    <definedName name="FDD_61_5" hidden="1">"A32508"</definedName>
    <definedName name="FDD_61_6" hidden="1">"A32873"</definedName>
    <definedName name="FDD_61_7" hidden="1">"A33238"</definedName>
    <definedName name="FDD_61_8" hidden="1">"A33603"</definedName>
    <definedName name="FDD_61_9" hidden="1">"A33969"</definedName>
    <definedName name="FDD_62_0" hidden="1">"A30681"</definedName>
    <definedName name="FDD_62_1" hidden="1">"A31047"</definedName>
    <definedName name="FDD_62_10" hidden="1">"A34334"</definedName>
    <definedName name="FDD_62_11" hidden="1">"A34699"</definedName>
    <definedName name="FDD_62_12" hidden="1">"A35064"</definedName>
    <definedName name="FDD_62_13" hidden="1">"A35430"</definedName>
    <definedName name="FDD_62_14" hidden="1">"A35795"</definedName>
    <definedName name="FDD_62_2" hidden="1">"A31412"</definedName>
    <definedName name="FDD_62_3" hidden="1">"A31777"</definedName>
    <definedName name="FDD_62_4" hidden="1">"A32142"</definedName>
    <definedName name="FDD_62_5" hidden="1">"A32508"</definedName>
    <definedName name="FDD_62_6" hidden="1">"A32873"</definedName>
    <definedName name="FDD_62_7" hidden="1">"A33238"</definedName>
    <definedName name="FDD_62_8" hidden="1">"A33603"</definedName>
    <definedName name="FDD_62_9" hidden="1">"A33969"</definedName>
    <definedName name="FDD_63_0" hidden="1">"A30681"</definedName>
    <definedName name="FDD_63_1" hidden="1">"A31047"</definedName>
    <definedName name="FDD_63_10" hidden="1">"A34334"</definedName>
    <definedName name="FDD_63_11" hidden="1">"A34699"</definedName>
    <definedName name="FDD_63_12" hidden="1">"A35064"</definedName>
    <definedName name="FDD_63_13" hidden="1">"A35430"</definedName>
    <definedName name="FDD_63_14" hidden="1">"A35795"</definedName>
    <definedName name="FDD_63_2" hidden="1">"A31412"</definedName>
    <definedName name="FDD_63_3" hidden="1">"A31777"</definedName>
    <definedName name="FDD_63_4" hidden="1">"A32142"</definedName>
    <definedName name="FDD_63_5" hidden="1">"A32508"</definedName>
    <definedName name="FDD_63_6" hidden="1">"A32873"</definedName>
    <definedName name="FDD_63_7" hidden="1">"A33238"</definedName>
    <definedName name="FDD_63_8" hidden="1">"A33603"</definedName>
    <definedName name="FDD_63_9" hidden="1">"A33969"</definedName>
    <definedName name="FDD_64_0" hidden="1">"A30681"</definedName>
    <definedName name="FDD_64_1" hidden="1">"A31047"</definedName>
    <definedName name="FDD_64_10" hidden="1">"A34334"</definedName>
    <definedName name="FDD_64_11" hidden="1">"A34699"</definedName>
    <definedName name="FDD_64_12" hidden="1">"A35064"</definedName>
    <definedName name="FDD_64_13" hidden="1">"A35430"</definedName>
    <definedName name="FDD_64_14" hidden="1">"A35795"</definedName>
    <definedName name="FDD_64_2" hidden="1">"A31412"</definedName>
    <definedName name="FDD_64_3" hidden="1">"A31777"</definedName>
    <definedName name="FDD_64_4" hidden="1">"A32142"</definedName>
    <definedName name="FDD_64_5" hidden="1">"A32508"</definedName>
    <definedName name="FDD_64_6" hidden="1">"A32873"</definedName>
    <definedName name="FDD_64_7" hidden="1">"A33238"</definedName>
    <definedName name="FDD_64_8" hidden="1">"A33603"</definedName>
    <definedName name="FDD_64_9" hidden="1">"A33969"</definedName>
    <definedName name="FDD_65_0" hidden="1">"A30681"</definedName>
    <definedName name="FDD_65_1" hidden="1">"A31047"</definedName>
    <definedName name="FDD_65_10" hidden="1">"A34334"</definedName>
    <definedName name="FDD_65_11" hidden="1">"A34699"</definedName>
    <definedName name="FDD_65_12" hidden="1">"A35064"</definedName>
    <definedName name="FDD_65_13" hidden="1">"A35430"</definedName>
    <definedName name="FDD_65_14" hidden="1">"A35795"</definedName>
    <definedName name="FDD_65_2" hidden="1">"A31412"</definedName>
    <definedName name="FDD_65_3" hidden="1">"A31777"</definedName>
    <definedName name="FDD_65_4" hidden="1">"A32142"</definedName>
    <definedName name="FDD_65_5" hidden="1">"A32508"</definedName>
    <definedName name="FDD_65_6" hidden="1">"A32873"</definedName>
    <definedName name="FDD_65_7" hidden="1">"A33238"</definedName>
    <definedName name="FDD_65_8" hidden="1">"A33603"</definedName>
    <definedName name="FDD_65_9" hidden="1">"A33969"</definedName>
    <definedName name="FDD_66_0" hidden="1">"A30681"</definedName>
    <definedName name="FDD_66_1" hidden="1">"A31047"</definedName>
    <definedName name="FDD_66_10" hidden="1">"A34334"</definedName>
    <definedName name="FDD_66_11" hidden="1">"A34699"</definedName>
    <definedName name="FDD_66_12" hidden="1">"A35064"</definedName>
    <definedName name="FDD_66_13" hidden="1">"A35430"</definedName>
    <definedName name="FDD_66_14" hidden="1">"A35795"</definedName>
    <definedName name="FDD_66_2" hidden="1">"A31412"</definedName>
    <definedName name="FDD_66_3" hidden="1">"A31777"</definedName>
    <definedName name="FDD_66_4" hidden="1">"A32142"</definedName>
    <definedName name="FDD_66_5" hidden="1">"A32508"</definedName>
    <definedName name="FDD_66_6" hidden="1">"A32873"</definedName>
    <definedName name="FDD_66_7" hidden="1">"A33238"</definedName>
    <definedName name="FDD_66_8" hidden="1">"A33603"</definedName>
    <definedName name="FDD_66_9" hidden="1">"A33969"</definedName>
    <definedName name="FDD_67_0" hidden="1">"A30681"</definedName>
    <definedName name="FDD_67_1" hidden="1">"A31047"</definedName>
    <definedName name="FDD_67_10" hidden="1">"A34334"</definedName>
    <definedName name="FDD_67_11" hidden="1">"A34699"</definedName>
    <definedName name="FDD_67_12" hidden="1">"A35064"</definedName>
    <definedName name="FDD_67_13" hidden="1">"A35430"</definedName>
    <definedName name="FDD_67_14" hidden="1">"A35795"</definedName>
    <definedName name="FDD_67_2" hidden="1">"A31412"</definedName>
    <definedName name="FDD_67_3" hidden="1">"A31777"</definedName>
    <definedName name="FDD_67_4" hidden="1">"A32142"</definedName>
    <definedName name="FDD_67_5" hidden="1">"A32508"</definedName>
    <definedName name="FDD_67_6" hidden="1">"A32873"</definedName>
    <definedName name="FDD_67_7" hidden="1">"A33238"</definedName>
    <definedName name="FDD_67_8" hidden="1">"A33603"</definedName>
    <definedName name="FDD_67_9" hidden="1">"A33969"</definedName>
    <definedName name="FDD_68_0" hidden="1">"A30681"</definedName>
    <definedName name="FDD_68_1" hidden="1">"A31047"</definedName>
    <definedName name="FDD_68_10" hidden="1">"A34334"</definedName>
    <definedName name="FDD_68_11" hidden="1">"A34699"</definedName>
    <definedName name="FDD_68_12" hidden="1">"A35064"</definedName>
    <definedName name="FDD_68_13" hidden="1">"A35430"</definedName>
    <definedName name="FDD_68_14" hidden="1">"A35795"</definedName>
    <definedName name="FDD_68_2" hidden="1">"A31412"</definedName>
    <definedName name="FDD_68_3" hidden="1">"A31777"</definedName>
    <definedName name="FDD_68_4" hidden="1">"A32142"</definedName>
    <definedName name="FDD_68_5" hidden="1">"A32508"</definedName>
    <definedName name="FDD_68_6" hidden="1">"A32873"</definedName>
    <definedName name="FDD_68_7" hidden="1">"A33238"</definedName>
    <definedName name="FDD_68_8" hidden="1">"A33603"</definedName>
    <definedName name="FDD_68_9" hidden="1">"A33969"</definedName>
    <definedName name="FDD_69_0" hidden="1">"U30681"</definedName>
    <definedName name="FDD_69_1" hidden="1">"A31047"</definedName>
    <definedName name="FDD_69_10" hidden="1">"A34334"</definedName>
    <definedName name="FDD_69_11" hidden="1">"A34699"</definedName>
    <definedName name="FDD_69_12" hidden="1">"A35064"</definedName>
    <definedName name="FDD_69_13" hidden="1">"A35430"</definedName>
    <definedName name="FDD_69_14" hidden="1">"A35795"</definedName>
    <definedName name="FDD_69_2" hidden="1">"A31412"</definedName>
    <definedName name="FDD_69_3" hidden="1">"A31777"</definedName>
    <definedName name="FDD_69_4" hidden="1">"A32142"</definedName>
    <definedName name="FDD_69_5" hidden="1">"A32508"</definedName>
    <definedName name="FDD_69_6" hidden="1">"A32873"</definedName>
    <definedName name="FDD_69_7" hidden="1">"A33238"</definedName>
    <definedName name="FDD_69_8" hidden="1">"A33603"</definedName>
    <definedName name="FDD_69_9" hidden="1">"A33969"</definedName>
    <definedName name="FDD_7_0" hidden="1">"A25569"</definedName>
    <definedName name="FDD_7_1" hidden="1">"E35795"</definedName>
    <definedName name="FDD_7_2" hidden="1">"E36160"</definedName>
    <definedName name="FDD_7_3" hidden="1">"E36525"</definedName>
    <definedName name="FDD_70_0" hidden="1">"A30681"</definedName>
    <definedName name="FDD_70_1" hidden="1">"A31047"</definedName>
    <definedName name="FDD_70_10" hidden="1">"A34334"</definedName>
    <definedName name="FDD_70_11" hidden="1">"A34699"</definedName>
    <definedName name="FDD_70_12" hidden="1">"A35064"</definedName>
    <definedName name="FDD_70_13" hidden="1">"A35430"</definedName>
    <definedName name="FDD_70_14" hidden="1">"A35795"</definedName>
    <definedName name="FDD_70_2" hidden="1">"A31412"</definedName>
    <definedName name="FDD_70_3" hidden="1">"A31777"</definedName>
    <definedName name="FDD_70_4" hidden="1">"A32142"</definedName>
    <definedName name="FDD_70_5" hidden="1">"A32508"</definedName>
    <definedName name="FDD_70_6" hidden="1">"A32873"</definedName>
    <definedName name="FDD_70_7" hidden="1">"A33238"</definedName>
    <definedName name="FDD_70_8" hidden="1">"A33603"</definedName>
    <definedName name="FDD_70_9" hidden="1">"A33969"</definedName>
    <definedName name="FDD_71_0" hidden="1">"A30681"</definedName>
    <definedName name="FDD_71_1" hidden="1">"A31047"</definedName>
    <definedName name="FDD_71_10" hidden="1">"A34334"</definedName>
    <definedName name="FDD_71_11" hidden="1">"A34699"</definedName>
    <definedName name="FDD_71_12" hidden="1">"A35064"</definedName>
    <definedName name="FDD_71_13" hidden="1">"A35430"</definedName>
    <definedName name="FDD_71_14" hidden="1">"A35795"</definedName>
    <definedName name="FDD_71_2" hidden="1">"A31412"</definedName>
    <definedName name="FDD_71_3" hidden="1">"A31777"</definedName>
    <definedName name="FDD_71_4" hidden="1">"A32142"</definedName>
    <definedName name="FDD_71_5" hidden="1">"A32508"</definedName>
    <definedName name="FDD_71_6" hidden="1">"A32873"</definedName>
    <definedName name="FDD_71_7" hidden="1">"A33238"</definedName>
    <definedName name="FDD_71_8" hidden="1">"A33603"</definedName>
    <definedName name="FDD_71_9" hidden="1">"A33969"</definedName>
    <definedName name="FDD_72_0" hidden="1">"A30681"</definedName>
    <definedName name="FDD_72_1" hidden="1">"A31047"</definedName>
    <definedName name="FDD_72_10" hidden="1">"A34334"</definedName>
    <definedName name="FDD_72_11" hidden="1">"A34699"</definedName>
    <definedName name="FDD_72_12" hidden="1">"A35064"</definedName>
    <definedName name="FDD_72_13" hidden="1">"A35430"</definedName>
    <definedName name="FDD_72_14" hidden="1">"A35795"</definedName>
    <definedName name="FDD_72_2" hidden="1">"A31412"</definedName>
    <definedName name="FDD_72_3" hidden="1">"A31777"</definedName>
    <definedName name="FDD_72_4" hidden="1">"A32142"</definedName>
    <definedName name="FDD_72_5" hidden="1">"A32508"</definedName>
    <definedName name="FDD_72_6" hidden="1">"A32873"</definedName>
    <definedName name="FDD_72_7" hidden="1">"A33238"</definedName>
    <definedName name="FDD_72_8" hidden="1">"A33603"</definedName>
    <definedName name="FDD_72_9" hidden="1">"A33969"</definedName>
    <definedName name="FDD_73_0" hidden="1">"A30681"</definedName>
    <definedName name="FDD_73_1" hidden="1">"A31047"</definedName>
    <definedName name="FDD_73_10" hidden="1">"A34334"</definedName>
    <definedName name="FDD_73_11" hidden="1">"A34699"</definedName>
    <definedName name="FDD_73_12" hidden="1">"A35064"</definedName>
    <definedName name="FDD_73_13" hidden="1">"A35430"</definedName>
    <definedName name="FDD_73_14" hidden="1">"A35795"</definedName>
    <definedName name="FDD_73_2" hidden="1">"A31412"</definedName>
    <definedName name="FDD_73_3" hidden="1">"A31777"</definedName>
    <definedName name="FDD_73_4" hidden="1">"A32142"</definedName>
    <definedName name="FDD_73_5" hidden="1">"A32508"</definedName>
    <definedName name="FDD_73_6" hidden="1">"A32873"</definedName>
    <definedName name="FDD_73_7" hidden="1">"A33238"</definedName>
    <definedName name="FDD_73_8" hidden="1">"A33603"</definedName>
    <definedName name="FDD_73_9" hidden="1">"A33969"</definedName>
    <definedName name="FDD_74_0" hidden="1">"A30681"</definedName>
    <definedName name="FDD_74_1" hidden="1">"A31047"</definedName>
    <definedName name="FDD_74_10" hidden="1">"A34334"</definedName>
    <definedName name="FDD_74_11" hidden="1">"A34699"</definedName>
    <definedName name="FDD_74_12" hidden="1">"A35064"</definedName>
    <definedName name="FDD_74_13" hidden="1">"A35430"</definedName>
    <definedName name="FDD_74_14" hidden="1">"A35795"</definedName>
    <definedName name="FDD_74_2" hidden="1">"A31412"</definedName>
    <definedName name="FDD_74_3" hidden="1">"A31777"</definedName>
    <definedName name="FDD_74_4" hidden="1">"A32142"</definedName>
    <definedName name="FDD_74_5" hidden="1">"A32508"</definedName>
    <definedName name="FDD_74_6" hidden="1">"A32873"</definedName>
    <definedName name="FDD_74_7" hidden="1">"A33238"</definedName>
    <definedName name="FDD_74_8" hidden="1">"A33603"</definedName>
    <definedName name="FDD_74_9" hidden="1">"A33969"</definedName>
    <definedName name="FDD_75_0" hidden="1">"A30681"</definedName>
    <definedName name="FDD_75_1" hidden="1">"A31047"</definedName>
    <definedName name="FDD_75_10" hidden="1">"A34334"</definedName>
    <definedName name="FDD_75_11" hidden="1">"A34699"</definedName>
    <definedName name="FDD_75_12" hidden="1">"A35064"</definedName>
    <definedName name="FDD_75_13" hidden="1">"A35430"</definedName>
    <definedName name="FDD_75_14" hidden="1">"A35795"</definedName>
    <definedName name="FDD_75_2" hidden="1">"A31412"</definedName>
    <definedName name="FDD_75_3" hidden="1">"A31777"</definedName>
    <definedName name="FDD_75_4" hidden="1">"A32142"</definedName>
    <definedName name="FDD_75_5" hidden="1">"A32508"</definedName>
    <definedName name="FDD_75_6" hidden="1">"A32873"</definedName>
    <definedName name="FDD_75_7" hidden="1">"A33238"</definedName>
    <definedName name="FDD_75_8" hidden="1">"A33603"</definedName>
    <definedName name="FDD_75_9" hidden="1">"A33969"</definedName>
    <definedName name="FDD_76_0" hidden="1">"A30681"</definedName>
    <definedName name="FDD_76_1" hidden="1">"A31047"</definedName>
    <definedName name="FDD_76_10" hidden="1">"A34334"</definedName>
    <definedName name="FDD_76_11" hidden="1">"A34699"</definedName>
    <definedName name="FDD_76_12" hidden="1">"A35064"</definedName>
    <definedName name="FDD_76_13" hidden="1">"A35430"</definedName>
    <definedName name="FDD_76_14" hidden="1">"A35795"</definedName>
    <definedName name="FDD_76_2" hidden="1">"A31412"</definedName>
    <definedName name="FDD_76_3" hidden="1">"A31777"</definedName>
    <definedName name="FDD_76_4" hidden="1">"A32142"</definedName>
    <definedName name="FDD_76_5" hidden="1">"A32508"</definedName>
    <definedName name="FDD_76_6" hidden="1">"A32873"</definedName>
    <definedName name="FDD_76_7" hidden="1">"A33238"</definedName>
    <definedName name="FDD_76_8" hidden="1">"A33603"</definedName>
    <definedName name="FDD_76_9" hidden="1">"A33969"</definedName>
    <definedName name="FDD_77_0" hidden="1">"A30681"</definedName>
    <definedName name="FDD_77_1" hidden="1">"A31047"</definedName>
    <definedName name="FDD_77_10" hidden="1">"A34334"</definedName>
    <definedName name="FDD_77_11" hidden="1">"A34699"</definedName>
    <definedName name="FDD_77_12" hidden="1">"A35064"</definedName>
    <definedName name="FDD_77_13" hidden="1">"A35430"</definedName>
    <definedName name="FDD_77_14" hidden="1">"A35795"</definedName>
    <definedName name="FDD_77_2" hidden="1">"A31412"</definedName>
    <definedName name="FDD_77_3" hidden="1">"A31777"</definedName>
    <definedName name="FDD_77_4" hidden="1">"A32142"</definedName>
    <definedName name="FDD_77_5" hidden="1">"A32508"</definedName>
    <definedName name="FDD_77_6" hidden="1">"A32873"</definedName>
    <definedName name="FDD_77_7" hidden="1">"A33238"</definedName>
    <definedName name="FDD_77_8" hidden="1">"A33603"</definedName>
    <definedName name="FDD_77_9" hidden="1">"A33969"</definedName>
    <definedName name="FDD_78_0" hidden="1">"A30681"</definedName>
    <definedName name="FDD_78_1" hidden="1">"A31047"</definedName>
    <definedName name="FDD_78_10" hidden="1">"A34334"</definedName>
    <definedName name="FDD_78_11" hidden="1">"A34699"</definedName>
    <definedName name="FDD_78_12" hidden="1">"A35064"</definedName>
    <definedName name="FDD_78_13" hidden="1">"A35430"</definedName>
    <definedName name="FDD_78_14" hidden="1">"A35795"</definedName>
    <definedName name="FDD_78_2" hidden="1">"A31412"</definedName>
    <definedName name="FDD_78_3" hidden="1">"A31777"</definedName>
    <definedName name="FDD_78_4" hidden="1">"A32142"</definedName>
    <definedName name="FDD_78_5" hidden="1">"A32508"</definedName>
    <definedName name="FDD_78_6" hidden="1">"A32873"</definedName>
    <definedName name="FDD_78_7" hidden="1">"A33238"</definedName>
    <definedName name="FDD_78_8" hidden="1">"A33603"</definedName>
    <definedName name="FDD_78_9" hidden="1">"A33969"</definedName>
    <definedName name="FDD_79_0" hidden="1">"A30681"</definedName>
    <definedName name="FDD_79_1" hidden="1">"A31047"</definedName>
    <definedName name="FDD_79_10" hidden="1">"A34334"</definedName>
    <definedName name="FDD_79_11" hidden="1">"A34699"</definedName>
    <definedName name="FDD_79_12" hidden="1">"A35064"</definedName>
    <definedName name="FDD_79_13" hidden="1">"A35430"</definedName>
    <definedName name="FDD_79_14" hidden="1">"A35795"</definedName>
    <definedName name="FDD_79_2" hidden="1">"A31412"</definedName>
    <definedName name="FDD_79_3" hidden="1">"A31777"</definedName>
    <definedName name="FDD_79_4" hidden="1">"A32142"</definedName>
    <definedName name="FDD_79_5" hidden="1">"A32508"</definedName>
    <definedName name="FDD_79_6" hidden="1">"A32873"</definedName>
    <definedName name="FDD_79_7" hidden="1">"A33238"</definedName>
    <definedName name="FDD_79_8" hidden="1">"A33603"</definedName>
    <definedName name="FDD_79_9" hidden="1">"A33969"</definedName>
    <definedName name="FDD_8_0" hidden="1">"A25569"</definedName>
    <definedName name="FDD_8_1" hidden="1">"E35795"</definedName>
    <definedName name="FDD_8_2" hidden="1">"E36160"</definedName>
    <definedName name="FDD_8_3" hidden="1">"E36525"</definedName>
    <definedName name="FDD_80_0" hidden="1">"A30681"</definedName>
    <definedName name="FDD_80_1" hidden="1">"A31047"</definedName>
    <definedName name="FDD_80_10" hidden="1">"A34334"</definedName>
    <definedName name="FDD_80_11" hidden="1">"A34699"</definedName>
    <definedName name="FDD_80_12" hidden="1">"A35064"</definedName>
    <definedName name="FDD_80_13" hidden="1">"A35430"</definedName>
    <definedName name="FDD_80_14" hidden="1">"A35795"</definedName>
    <definedName name="FDD_80_2" hidden="1">"A31412"</definedName>
    <definedName name="FDD_80_3" hidden="1">"A31777"</definedName>
    <definedName name="FDD_80_4" hidden="1">"A32142"</definedName>
    <definedName name="FDD_80_5" hidden="1">"A32508"</definedName>
    <definedName name="FDD_80_6" hidden="1">"A32873"</definedName>
    <definedName name="FDD_80_7" hidden="1">"A33238"</definedName>
    <definedName name="FDD_80_8" hidden="1">"A33603"</definedName>
    <definedName name="FDD_80_9" hidden="1">"A33969"</definedName>
    <definedName name="FDD_81_0" hidden="1">"A30681"</definedName>
    <definedName name="FDD_81_1" hidden="1">"A31047"</definedName>
    <definedName name="FDD_81_10" hidden="1">"A34334"</definedName>
    <definedName name="FDD_81_11" hidden="1">"A34699"</definedName>
    <definedName name="FDD_81_12" hidden="1">"A35064"</definedName>
    <definedName name="FDD_81_13" hidden="1">"A35430"</definedName>
    <definedName name="FDD_81_14" hidden="1">"A35795"</definedName>
    <definedName name="FDD_81_2" hidden="1">"A31412"</definedName>
    <definedName name="FDD_81_3" hidden="1">"A31777"</definedName>
    <definedName name="FDD_81_4" hidden="1">"A32142"</definedName>
    <definedName name="FDD_81_5" hidden="1">"A32508"</definedName>
    <definedName name="FDD_81_6" hidden="1">"A32873"</definedName>
    <definedName name="FDD_81_7" hidden="1">"A33238"</definedName>
    <definedName name="FDD_81_8" hidden="1">"A33603"</definedName>
    <definedName name="FDD_81_9" hidden="1">"A33969"</definedName>
    <definedName name="FDD_82_0" hidden="1">"A30681"</definedName>
    <definedName name="FDD_82_1" hidden="1">"A31047"</definedName>
    <definedName name="FDD_82_10" hidden="1">"A34334"</definedName>
    <definedName name="FDD_82_11" hidden="1">"A34699"</definedName>
    <definedName name="FDD_82_12" hidden="1">"A35064"</definedName>
    <definedName name="FDD_82_13" hidden="1">"A35430"</definedName>
    <definedName name="FDD_82_14" hidden="1">"A35795"</definedName>
    <definedName name="FDD_82_2" hidden="1">"A31412"</definedName>
    <definedName name="FDD_82_3" hidden="1">"A31777"</definedName>
    <definedName name="FDD_82_4" hidden="1">"A32142"</definedName>
    <definedName name="FDD_82_5" hidden="1">"A32508"</definedName>
    <definedName name="FDD_82_6" hidden="1">"A32873"</definedName>
    <definedName name="FDD_82_7" hidden="1">"A33238"</definedName>
    <definedName name="FDD_82_8" hidden="1">"A33603"</definedName>
    <definedName name="FDD_82_9" hidden="1">"A33969"</definedName>
    <definedName name="FDD_83_0" hidden="1">"A30681"</definedName>
    <definedName name="FDD_83_1" hidden="1">"A31047"</definedName>
    <definedName name="FDD_83_10" hidden="1">"A34334"</definedName>
    <definedName name="FDD_83_11" hidden="1">"A34699"</definedName>
    <definedName name="FDD_83_12" hidden="1">"A35064"</definedName>
    <definedName name="FDD_83_13" hidden="1">"A35430"</definedName>
    <definedName name="FDD_83_14" hidden="1">"A35795"</definedName>
    <definedName name="FDD_83_2" hidden="1">"A31412"</definedName>
    <definedName name="FDD_83_3" hidden="1">"A31777"</definedName>
    <definedName name="FDD_83_4" hidden="1">"A32142"</definedName>
    <definedName name="FDD_83_5" hidden="1">"A32508"</definedName>
    <definedName name="FDD_83_6" hidden="1">"A32873"</definedName>
    <definedName name="FDD_83_7" hidden="1">"A33238"</definedName>
    <definedName name="FDD_83_8" hidden="1">"A33603"</definedName>
    <definedName name="FDD_83_9" hidden="1">"A33969"</definedName>
    <definedName name="FDD_84_0" hidden="1">"A30681"</definedName>
    <definedName name="FDD_84_1" hidden="1">"A31047"</definedName>
    <definedName name="FDD_84_10" hidden="1">"A34334"</definedName>
    <definedName name="FDD_84_11" hidden="1">"A34699"</definedName>
    <definedName name="FDD_84_12" hidden="1">"A35064"</definedName>
    <definedName name="FDD_84_13" hidden="1">"A35430"</definedName>
    <definedName name="FDD_84_14" hidden="1">"A35795"</definedName>
    <definedName name="FDD_84_2" hidden="1">"A31412"</definedName>
    <definedName name="FDD_84_3" hidden="1">"A31777"</definedName>
    <definedName name="FDD_84_4" hidden="1">"A32142"</definedName>
    <definedName name="FDD_84_5" hidden="1">"A32508"</definedName>
    <definedName name="FDD_84_6" hidden="1">"A32873"</definedName>
    <definedName name="FDD_84_7" hidden="1">"A33238"</definedName>
    <definedName name="FDD_84_8" hidden="1">"A33603"</definedName>
    <definedName name="FDD_84_9" hidden="1">"A33969"</definedName>
    <definedName name="FDD_85_0" hidden="1">"A30681"</definedName>
    <definedName name="FDD_85_1" hidden="1">"A31047"</definedName>
    <definedName name="FDD_85_10" hidden="1">"A34334"</definedName>
    <definedName name="FDD_85_11" hidden="1">"A34699"</definedName>
    <definedName name="FDD_85_12" hidden="1">"A35064"</definedName>
    <definedName name="FDD_85_13" hidden="1">"A35430"</definedName>
    <definedName name="FDD_85_14" hidden="1">"A35795"</definedName>
    <definedName name="FDD_85_2" hidden="1">"A31412"</definedName>
    <definedName name="FDD_85_3" hidden="1">"A31777"</definedName>
    <definedName name="FDD_85_4" hidden="1">"A32142"</definedName>
    <definedName name="FDD_85_5" hidden="1">"A32508"</definedName>
    <definedName name="FDD_85_6" hidden="1">"A32873"</definedName>
    <definedName name="FDD_85_7" hidden="1">"A33238"</definedName>
    <definedName name="FDD_85_8" hidden="1">"A33603"</definedName>
    <definedName name="FDD_85_9" hidden="1">"A33969"</definedName>
    <definedName name="FDD_86_0" hidden="1">"A30681"</definedName>
    <definedName name="FDD_86_1" hidden="1">"A31047"</definedName>
    <definedName name="FDD_86_10" hidden="1">"A34334"</definedName>
    <definedName name="FDD_86_11" hidden="1">"A34699"</definedName>
    <definedName name="FDD_86_12" hidden="1">"A35064"</definedName>
    <definedName name="FDD_86_13" hidden="1">"A35430"</definedName>
    <definedName name="FDD_86_14" hidden="1">"A35795"</definedName>
    <definedName name="FDD_86_2" hidden="1">"A31412"</definedName>
    <definedName name="FDD_86_3" hidden="1">"A31777"</definedName>
    <definedName name="FDD_86_4" hidden="1">"A32142"</definedName>
    <definedName name="FDD_86_5" hidden="1">"A32508"</definedName>
    <definedName name="FDD_86_6" hidden="1">"A32873"</definedName>
    <definedName name="FDD_86_7" hidden="1">"A33238"</definedName>
    <definedName name="FDD_86_8" hidden="1">"A33603"</definedName>
    <definedName name="FDD_86_9" hidden="1">"A33969"</definedName>
    <definedName name="FDD_87_0" hidden="1">"A30681"</definedName>
    <definedName name="FDD_87_1" hidden="1">"A31047"</definedName>
    <definedName name="FDD_87_10" hidden="1">"A34334"</definedName>
    <definedName name="FDD_87_11" hidden="1">"A34699"</definedName>
    <definedName name="FDD_87_12" hidden="1">"A35064"</definedName>
    <definedName name="FDD_87_13" hidden="1">"A35430"</definedName>
    <definedName name="FDD_87_14" hidden="1">"A35795"</definedName>
    <definedName name="FDD_87_2" hidden="1">"A31412"</definedName>
    <definedName name="FDD_87_3" hidden="1">"A31777"</definedName>
    <definedName name="FDD_87_4" hidden="1">"A32142"</definedName>
    <definedName name="FDD_87_5" hidden="1">"A32508"</definedName>
    <definedName name="FDD_87_6" hidden="1">"A32873"</definedName>
    <definedName name="FDD_87_7" hidden="1">"A33238"</definedName>
    <definedName name="FDD_87_8" hidden="1">"A33603"</definedName>
    <definedName name="FDD_87_9" hidden="1">"A33969"</definedName>
    <definedName name="FDD_88_0" hidden="1">"A30681"</definedName>
    <definedName name="FDD_88_1" hidden="1">"A31047"</definedName>
    <definedName name="FDD_88_10" hidden="1">"A34334"</definedName>
    <definedName name="FDD_88_11" hidden="1">"A34699"</definedName>
    <definedName name="FDD_88_12" hidden="1">"A35064"</definedName>
    <definedName name="FDD_88_13" hidden="1">"A35430"</definedName>
    <definedName name="FDD_88_14" hidden="1">"A35795"</definedName>
    <definedName name="FDD_88_2" hidden="1">"A31412"</definedName>
    <definedName name="FDD_88_3" hidden="1">"A31777"</definedName>
    <definedName name="FDD_88_4" hidden="1">"A32142"</definedName>
    <definedName name="FDD_88_5" hidden="1">"A32508"</definedName>
    <definedName name="FDD_88_6" hidden="1">"A32873"</definedName>
    <definedName name="FDD_88_7" hidden="1">"A33238"</definedName>
    <definedName name="FDD_88_8" hidden="1">"A33603"</definedName>
    <definedName name="FDD_88_9" hidden="1">"A33969"</definedName>
    <definedName name="FDD_89_0" hidden="1">"A30681"</definedName>
    <definedName name="FDD_89_1" hidden="1">"A31047"</definedName>
    <definedName name="FDD_89_10" hidden="1">"A34334"</definedName>
    <definedName name="FDD_89_11" hidden="1">"A34699"</definedName>
    <definedName name="FDD_89_12" hidden="1">"A35064"</definedName>
    <definedName name="FDD_89_13" hidden="1">"A35430"</definedName>
    <definedName name="FDD_89_14" hidden="1">"A35795"</definedName>
    <definedName name="FDD_89_2" hidden="1">"A31412"</definedName>
    <definedName name="FDD_89_3" hidden="1">"A31777"</definedName>
    <definedName name="FDD_89_4" hidden="1">"A32142"</definedName>
    <definedName name="FDD_89_5" hidden="1">"A32508"</definedName>
    <definedName name="FDD_89_6" hidden="1">"A32873"</definedName>
    <definedName name="FDD_89_7" hidden="1">"A33238"</definedName>
    <definedName name="FDD_89_8" hidden="1">"A33603"</definedName>
    <definedName name="FDD_89_9" hidden="1">"A33969"</definedName>
    <definedName name="FDD_9_0" hidden="1">"A25569"</definedName>
    <definedName name="FDD_9_1" hidden="1">"E35795"</definedName>
    <definedName name="FDD_9_2" hidden="1">"E36160"</definedName>
    <definedName name="FDD_9_3" hidden="1">"E36525"</definedName>
    <definedName name="FDD_90_0" hidden="1">"A30681"</definedName>
    <definedName name="FDD_90_1" hidden="1">"A31047"</definedName>
    <definedName name="FDD_90_10" hidden="1">"A34334"</definedName>
    <definedName name="FDD_90_11" hidden="1">"A34699"</definedName>
    <definedName name="FDD_90_12" hidden="1">"A35064"</definedName>
    <definedName name="FDD_90_13" hidden="1">"A35430"</definedName>
    <definedName name="FDD_90_14" hidden="1">"A35795"</definedName>
    <definedName name="FDD_90_2" hidden="1">"A31412"</definedName>
    <definedName name="FDD_90_3" hidden="1">"A31777"</definedName>
    <definedName name="FDD_90_4" hidden="1">"A32142"</definedName>
    <definedName name="FDD_90_5" hidden="1">"A32508"</definedName>
    <definedName name="FDD_90_6" hidden="1">"A32873"</definedName>
    <definedName name="FDD_90_7" hidden="1">"A33238"</definedName>
    <definedName name="FDD_90_8" hidden="1">"A33603"</definedName>
    <definedName name="FDD_90_9" hidden="1">"A33969"</definedName>
    <definedName name="FDD_91_0" hidden="1">"A30681"</definedName>
    <definedName name="FDD_91_1" hidden="1">"A31047"</definedName>
    <definedName name="FDD_91_10" hidden="1">"A34334"</definedName>
    <definedName name="FDD_91_11" hidden="1">"A34699"</definedName>
    <definedName name="FDD_91_12" hidden="1">"A35064"</definedName>
    <definedName name="FDD_91_13" hidden="1">"A35430"</definedName>
    <definedName name="FDD_91_14" hidden="1">"A35795"</definedName>
    <definedName name="FDD_91_2" hidden="1">"A31412"</definedName>
    <definedName name="FDD_91_3" hidden="1">"A31777"</definedName>
    <definedName name="FDD_91_4" hidden="1">"A32142"</definedName>
    <definedName name="FDD_91_5" hidden="1">"A32508"</definedName>
    <definedName name="FDD_91_6" hidden="1">"A32873"</definedName>
    <definedName name="FDD_91_7" hidden="1">"A33238"</definedName>
    <definedName name="FDD_91_8" hidden="1">"A33603"</definedName>
    <definedName name="FDD_91_9" hidden="1">"A33969"</definedName>
    <definedName name="FDD_92_0" hidden="1">"A30681"</definedName>
    <definedName name="FDD_92_1" hidden="1">"A31047"</definedName>
    <definedName name="FDD_92_10" hidden="1">"A34334"</definedName>
    <definedName name="FDD_92_11" hidden="1">"A34699"</definedName>
    <definedName name="FDD_92_12" hidden="1">"A35064"</definedName>
    <definedName name="FDD_92_13" hidden="1">"A35430"</definedName>
    <definedName name="FDD_92_14" hidden="1">"A35795"</definedName>
    <definedName name="FDD_92_2" hidden="1">"A31412"</definedName>
    <definedName name="FDD_92_3" hidden="1">"A31777"</definedName>
    <definedName name="FDD_92_4" hidden="1">"A32142"</definedName>
    <definedName name="FDD_92_5" hidden="1">"A32508"</definedName>
    <definedName name="FDD_92_6" hidden="1">"A32873"</definedName>
    <definedName name="FDD_92_7" hidden="1">"A33238"</definedName>
    <definedName name="FDD_92_8" hidden="1">"A33603"</definedName>
    <definedName name="FDD_92_9" hidden="1">"A33969"</definedName>
    <definedName name="FDD_93_0" hidden="1">"A30681"</definedName>
    <definedName name="FDD_93_1" hidden="1">"A31047"</definedName>
    <definedName name="FDD_93_10" hidden="1">"A34334"</definedName>
    <definedName name="FDD_93_11" hidden="1">"A34699"</definedName>
    <definedName name="FDD_93_12" hidden="1">"A35064"</definedName>
    <definedName name="FDD_93_13" hidden="1">"A35430"</definedName>
    <definedName name="FDD_93_14" hidden="1">"A35795"</definedName>
    <definedName name="FDD_93_2" hidden="1">"A31412"</definedName>
    <definedName name="FDD_93_3" hidden="1">"A31777"</definedName>
    <definedName name="FDD_93_4" hidden="1">"A32142"</definedName>
    <definedName name="FDD_93_5" hidden="1">"A32508"</definedName>
    <definedName name="FDD_93_6" hidden="1">"A32873"</definedName>
    <definedName name="FDD_93_7" hidden="1">"A33238"</definedName>
    <definedName name="FDD_93_8" hidden="1">"A33603"</definedName>
    <definedName name="FDD_93_9" hidden="1">"A33969"</definedName>
    <definedName name="FDD_94_0" hidden="1">"A30681"</definedName>
    <definedName name="FDD_94_1" hidden="1">"A31047"</definedName>
    <definedName name="FDD_94_10" hidden="1">"A34334"</definedName>
    <definedName name="FDD_94_11" hidden="1">"A34699"</definedName>
    <definedName name="FDD_94_12" hidden="1">"A35064"</definedName>
    <definedName name="FDD_94_13" hidden="1">"A35430"</definedName>
    <definedName name="FDD_94_14" hidden="1">"A35795"</definedName>
    <definedName name="FDD_94_2" hidden="1">"A31412"</definedName>
    <definedName name="FDD_94_3" hidden="1">"A31777"</definedName>
    <definedName name="FDD_94_4" hidden="1">"A32142"</definedName>
    <definedName name="FDD_94_5" hidden="1">"A32508"</definedName>
    <definedName name="FDD_94_6" hidden="1">"A32873"</definedName>
    <definedName name="FDD_94_7" hidden="1">"A33238"</definedName>
    <definedName name="FDD_94_8" hidden="1">"A33603"</definedName>
    <definedName name="FDD_94_9" hidden="1">"A33969"</definedName>
    <definedName name="FDD_95_0" hidden="1">"A30681"</definedName>
    <definedName name="FDD_95_1" hidden="1">"A31047"</definedName>
    <definedName name="FDD_95_10" hidden="1">"A34334"</definedName>
    <definedName name="FDD_95_11" hidden="1">"A34699"</definedName>
    <definedName name="FDD_95_12" hidden="1">"A35064"</definedName>
    <definedName name="FDD_95_13" hidden="1">"A35430"</definedName>
    <definedName name="FDD_95_14" hidden="1">"A35795"</definedName>
    <definedName name="FDD_95_2" hidden="1">"A31412"</definedName>
    <definedName name="FDD_95_3" hidden="1">"A31777"</definedName>
    <definedName name="FDD_95_4" hidden="1">"A32142"</definedName>
    <definedName name="FDD_95_5" hidden="1">"A32508"</definedName>
    <definedName name="FDD_95_6" hidden="1">"A32873"</definedName>
    <definedName name="FDD_95_7" hidden="1">"A33238"</definedName>
    <definedName name="FDD_95_8" hidden="1">"A33603"</definedName>
    <definedName name="FDD_95_9" hidden="1">"A33969"</definedName>
    <definedName name="FDD_96_0" hidden="1">"U30681"</definedName>
    <definedName name="FDD_96_1" hidden="1">"A31047"</definedName>
    <definedName name="FDD_96_10" hidden="1">"A34334"</definedName>
    <definedName name="FDD_96_11" hidden="1">"A34699"</definedName>
    <definedName name="FDD_96_12" hidden="1">"A35064"</definedName>
    <definedName name="FDD_96_13" hidden="1">"A35430"</definedName>
    <definedName name="FDD_96_14" hidden="1">"A35795"</definedName>
    <definedName name="FDD_96_2" hidden="1">"A31412"</definedName>
    <definedName name="FDD_96_3" hidden="1">"A31777"</definedName>
    <definedName name="FDD_96_4" hidden="1">"A32142"</definedName>
    <definedName name="FDD_96_5" hidden="1">"A32508"</definedName>
    <definedName name="FDD_96_6" hidden="1">"A32873"</definedName>
    <definedName name="FDD_96_7" hidden="1">"A33238"</definedName>
    <definedName name="FDD_96_8" hidden="1">"A33603"</definedName>
    <definedName name="FDD_96_9" hidden="1">"A33969"</definedName>
    <definedName name="FDD_97_0" hidden="1">"U30681"</definedName>
    <definedName name="FDD_97_1" hidden="1">"A31047"</definedName>
    <definedName name="FDD_97_10" hidden="1">"A34334"</definedName>
    <definedName name="FDD_97_11" hidden="1">"A34699"</definedName>
    <definedName name="FDD_97_12" hidden="1">"A35064"</definedName>
    <definedName name="FDD_97_13" hidden="1">"A35430"</definedName>
    <definedName name="FDD_97_14" hidden="1">"A35795"</definedName>
    <definedName name="FDD_97_2" hidden="1">"A31412"</definedName>
    <definedName name="FDD_97_3" hidden="1">"A31777"</definedName>
    <definedName name="FDD_97_4" hidden="1">"A32142"</definedName>
    <definedName name="FDD_97_5" hidden="1">"A32508"</definedName>
    <definedName name="FDD_97_6" hidden="1">"A32873"</definedName>
    <definedName name="FDD_97_7" hidden="1">"A33238"</definedName>
    <definedName name="FDD_97_8" hidden="1">"A33603"</definedName>
    <definedName name="FDD_97_9" hidden="1">"A33969"</definedName>
    <definedName name="FDD_98_0" hidden="1">"U30681"</definedName>
    <definedName name="FDD_98_1" hidden="1">"A31047"</definedName>
    <definedName name="FDD_98_10" hidden="1">"A34334"</definedName>
    <definedName name="FDD_98_11" hidden="1">"A34699"</definedName>
    <definedName name="FDD_98_12" hidden="1">"A35064"</definedName>
    <definedName name="FDD_98_13" hidden="1">"A35430"</definedName>
    <definedName name="FDD_98_14" hidden="1">"A35795"</definedName>
    <definedName name="FDD_98_2" hidden="1">"A31412"</definedName>
    <definedName name="FDD_98_3" hidden="1">"A31777"</definedName>
    <definedName name="FDD_98_4" hidden="1">"A32142"</definedName>
    <definedName name="FDD_98_5" hidden="1">"A32508"</definedName>
    <definedName name="FDD_98_6" hidden="1">"A32873"</definedName>
    <definedName name="FDD_98_7" hidden="1">"A33238"</definedName>
    <definedName name="FDD_98_8" hidden="1">"A33603"</definedName>
    <definedName name="FDD_98_9" hidden="1">"A33969"</definedName>
    <definedName name="FDD_99_0" hidden="1">"U30681"</definedName>
    <definedName name="FDD_99_1" hidden="1">"A31047"</definedName>
    <definedName name="FDD_99_10" hidden="1">"A34334"</definedName>
    <definedName name="FDD_99_11" hidden="1">"A34699"</definedName>
    <definedName name="FDD_99_12" hidden="1">"A35064"</definedName>
    <definedName name="FDD_99_13" hidden="1">"A35430"</definedName>
    <definedName name="FDD_99_14" hidden="1">"A35795"</definedName>
    <definedName name="FDD_99_2" hidden="1">"A31412"</definedName>
    <definedName name="FDD_99_3" hidden="1">"A31777"</definedName>
    <definedName name="FDD_99_4" hidden="1">"A32142"</definedName>
    <definedName name="FDD_99_5" hidden="1">"A32508"</definedName>
    <definedName name="FDD_99_6" hidden="1">"A32873"</definedName>
    <definedName name="FDD_99_7" hidden="1">"A33238"</definedName>
    <definedName name="FDD_99_8" hidden="1">"A33603"</definedName>
    <definedName name="FDD_99_9" hidden="1">"A33969"</definedName>
    <definedName name="fdfds" hidden="1">{#N/A,#N/A,FALSE,"LLAVE";#N/A,#N/A,FALSE,"EERR";#N/A,#N/A,FALSE,"ESP";#N/A,#N/A,FALSE,"EOAF";#N/A,#N/A,FALSE,"CASH";#N/A,#N/A,FALSE,"FINANZAS";#N/A,#N/A,FALSE,"DEUDA";#N/A,#N/A,FALSE,"INVERSION";#N/A,#N/A,FALSE,"PERSONAL"}</definedName>
    <definedName name="fdsvfsdavfabae" hidden="1">{"fdsup://directions/FAT Viewer?action=UPDATE&amp;creator=factset&amp;DYN_ARGS=TRUE&amp;DOC_NAME=FAT:FQL_AUDITING_CLIENT_TEMPLATE.FAT&amp;display_string=Audit&amp;VAR:KEY=CJALQTKTCN&amp;VAR:QUERY=UkdGX1RBWF9SQVRFKEFOTiwwLCwsLCwsTk9BVURJVCk=&amp;WINDOW=FIRST_POPUP&amp;HEIGHT=450&amp;WIDTH=450&amp;","START_MAXIMIZED=FALSE&amp;VAR:CALENDAR=US&amp;VAR:SYMBOL=EBAY&amp;VAR:INDEX=0"}</definedName>
    <definedName name="FebruarySBEP">'[12]Data SBEP'!$440:$859</definedName>
    <definedName name="ff" localSheetId="0" hidden="1">#REF!</definedName>
    <definedName name="ff" hidden="1">#REF!</definedName>
    <definedName name="FFF" hidden="1">{#N/A,#N/A,FALSE,"Dutos";#N/A,#N/A,FALSE,"Terminais"}</definedName>
    <definedName name="ffff" hidden="1">{"Econ Consolidado",#N/A,FALSE,"Econ Consol";"Fluxo de Caixa",#N/A,FALSE,"Fluxo Caixa";"Investimentos",#N/A,FALSE,"Investimentos"}</definedName>
    <definedName name="ffffffff" hidden="1">{"EconCons",#N/A,FALSE,"Econômico - Consolidado";"EconCim",#N/A,FALSE,"Econômico - Cimento";"EconCal",#N/A,FALSE,"Econômico - Cal e Outros";"EconVC",#N/A,FALSE,"Econômico - VC"}</definedName>
    <definedName name="FFLFLFLFFLF" hidden="1">{"EconCons",#N/A,TRUE,"Econômico - Consolidado";"EconCim",#N/A,TRUE,"Econômico - Cimento";"EconCal",#N/A,TRUE,"Econômico - Cal e Outros";"CaixaCons",#N/A,TRUE,"Caixa - Consolidado";"CaixaCim",#N/A,TRUE,"Caixa - Cimento";"CaixaCal",#N/A,TRUE,"Caixa - Cal e Outros";"InvestCons",#N/A,TRUE,"Invest Consolidado"}</definedName>
    <definedName name="fgfdgdf" hidden="1">{#N/A,#N/A,FALSE,"LLAVE";#N/A,#N/A,FALSE,"EERR";#N/A,#N/A,FALSE,"ESP";#N/A,#N/A,FALSE,"EOAF";#N/A,#N/A,FALSE,"CASH";#N/A,#N/A,FALSE,"FINANZAS";#N/A,#N/A,FALSE,"DEUDA";#N/A,#N/A,FALSE,"INVERSION";#N/A,#N/A,FALSE,"PERSONAL"}</definedName>
    <definedName name="FGJ" hidden="1">{#N/A,#N/A,FALSE,"Dutos";#N/A,#N/A,FALSE,"Terminais"}</definedName>
    <definedName name="fhk" hidden="1">{#N/A,#N/A,FALSE,"Dutos";#N/A,#N/A,FALSE,"Terminais"}</definedName>
    <definedName name="fnbvcnn" hidden="1">{#N/A,#N/A,FALSE,"PRJCTED QTRLY $'s"}</definedName>
    <definedName name="fnbvcnn_1" hidden="1">{#N/A,#N/A,FALSE,"PRJCTED QTRLY $'s"}</definedName>
    <definedName name="fnbvcnn_2" hidden="1">{#N/A,#N/A,FALSE,"PRJCTED QTRLY $'s"}</definedName>
    <definedName name="fnbvcnn_3" hidden="1">{#N/A,#N/A,FALSE,"PRJCTED QTRLY $'s"}</definedName>
    <definedName name="fnbvcnn_4" hidden="1">{#N/A,#N/A,FALSE,"PRJCTED QTRLY $'s"}</definedName>
    <definedName name="fnbvcnn_5" hidden="1">{#N/A,#N/A,FALSE,"PRJCTED QTRLY $'s"}</definedName>
    <definedName name="fx" hidden="1">{#N/A,#N/A,FALSE,"ENERGIA";#N/A,#N/A,FALSE,"PERDIDAS";#N/A,#N/A,FALSE,"CLIENTES";#N/A,#N/A,FALSE,"ESTADO";#N/A,#N/A,FALSE,"TECNICA"}</definedName>
    <definedName name="fyi" hidden="1">{#N/A,#N/A,FALSE,"Dutos";#N/A,#N/A,FALSE,"Terminais"}</definedName>
    <definedName name="g" hidden="1">{#N/A,#N/A,FALSE,"NGM Consolidated";#N/A,#N/A,FALSE,"NGM";#N/A,#N/A,FALSE,"NGP"}</definedName>
    <definedName name="gaegae" hidden="1">#REF!</definedName>
    <definedName name="gaga" hidden="1">#REF!</definedName>
    <definedName name="galo" localSheetId="0" hidden="1">{#N/A,#N/A,FALSE,"Aging Summary";#N/A,#N/A,FALSE,"Ratio Analysis";#N/A,#N/A,FALSE,"Test 120 Day Accts";#N/A,#N/A,FALSE,"Tickmarks"}</definedName>
    <definedName name="galo" hidden="1">{#N/A,#N/A,FALSE,"Aging Summary";#N/A,#N/A,FALSE,"Ratio Analysis";#N/A,#N/A,FALSE,"Test 120 Day Accts";#N/A,#N/A,FALSE,"Tickmarks"}</definedName>
    <definedName name="gbcvn" hidden="1">{#N/A,#N/A,FALSE,"PRJCTED MNTHLY QTY's"}</definedName>
    <definedName name="gbcvn_1" hidden="1">{#N/A,#N/A,FALSE,"PRJCTED MNTHLY QTY's"}</definedName>
    <definedName name="gbcvn_2" hidden="1">{#N/A,#N/A,FALSE,"PRJCTED MNTHLY QTY's"}</definedName>
    <definedName name="gbcvn_3" hidden="1">{#N/A,#N/A,FALSE,"PRJCTED MNTHLY QTY's"}</definedName>
    <definedName name="gbcvn_4" hidden="1">{#N/A,#N/A,FALSE,"PRJCTED MNTHLY QTY's"}</definedName>
    <definedName name="gbcvn_5" hidden="1">{#N/A,#N/A,FALSE,"PRJCTED MNTHLY QTY's"}</definedName>
    <definedName name="GDHNN" hidden="1">{#N/A,#N/A,FALSE,"DI 2 YEAR MASTER SCHEDULE"}</definedName>
    <definedName name="GDHNN_1" hidden="1">{#N/A,#N/A,FALSE,"DI 2 YEAR MASTER SCHEDULE"}</definedName>
    <definedName name="GDHNN_2" hidden="1">{#N/A,#N/A,FALSE,"DI 2 YEAR MASTER SCHEDULE"}</definedName>
    <definedName name="GDHNN_3" hidden="1">{#N/A,#N/A,FALSE,"DI 2 YEAR MASTER SCHEDULE"}</definedName>
    <definedName name="GDHNN_4" hidden="1">{#N/A,#N/A,FALSE,"DI 2 YEAR MASTER SCHEDULE"}</definedName>
    <definedName name="GDHNN_5" hidden="1">{#N/A,#N/A,FALSE,"DI 2 YEAR MASTER SCHEDULE"}</definedName>
    <definedName name="ge" hidden="1">#REF!</definedName>
    <definedName name="GEN____FIN__SAFEDivisor59" hidden="1">(MAX('[20]GEN. &amp; FIN. SAFE'!$BW$59,'[20]GEN. &amp; FIN. SAFE'!$BH$59,'[20]GEN. &amp; FIN. SAFE'!$BG$59)-MIN('[20]GEN. &amp; FIN. SAFE'!$BU$59,'[20]GEN. &amp; FIN. SAFE'!$BH$59,'[20]GEN. &amp; FIN. SAFE'!$BG$59))</definedName>
    <definedName name="GEN____FIN__SAFEDivisor62" hidden="1">(MAX('[20]GEN. &amp; FIN. SAFE'!$BW$62,'[20]GEN. &amp; FIN. SAFE'!$BH$62,'[20]GEN. &amp; FIN. SAFE'!$BG$62)-MIN('[20]GEN. &amp; FIN. SAFE'!$BU$62,'[20]GEN. &amp; FIN. SAFE'!$BH$62,'[20]GEN. &amp; FIN. SAFE'!$BG$62))</definedName>
    <definedName name="GEN____FIN__SAFEDivisor65" hidden="1">(MAX('[20]GEN. &amp; FIN. SAFE'!$BW$65,'[20]GEN. &amp; FIN. SAFE'!$BH$65,'[20]GEN. &amp; FIN. SAFE'!$BG$65)-MIN('[20]GEN. &amp; FIN. SAFE'!$BU$65,'[20]GEN. &amp; FIN. SAFE'!$BH$65,'[20]GEN. &amp; FIN. SAFE'!$BG$65))</definedName>
    <definedName name="GEN____FIN__SAFERow62PeerGroupPve" hidden="1">"Operating margin"</definedName>
    <definedName name="GEN____FIN__SAFERow65PeerGroupNve" hidden="1">"Frequency Rate"</definedName>
    <definedName name="GEO_2" hidden="1">{#N/A,#N/A,FALSE,"LLAVE";#N/A,#N/A,FALSE,"EERR";#N/A,#N/A,FALSE,"ESP";#N/A,#N/A,FALSE,"EOAF";#N/A,#N/A,FALSE,"CASH";#N/A,#N/A,FALSE,"FINANZAS";#N/A,#N/A,FALSE,"DEUDA";#N/A,#N/A,FALSE,"INVERSION";#N/A,#N/A,FALSE,"PERSONAL"}</definedName>
    <definedName name="ger" hidden="1">{#N/A,#N/A,FALSE,"B061196P";#N/A,#N/A,FALSE,"B061196";#N/A,#N/A,FALSE,"Relatório1";#N/A,#N/A,FALSE,"Relatório2";#N/A,#N/A,FALSE,"Relatório3";#N/A,#N/A,FALSE,"Relatório4 ";#N/A,#N/A,FALSE,"Relatório5";#N/A,#N/A,FALSE,"Relatório6";#N/A,#N/A,FALSE,"Relatório7";#N/A,#N/A,FALSE,"Relatório8"}</definedName>
    <definedName name="gere" hidden="1">{#N/A,#N/A,FALSE,"B061196P";#N/A,#N/A,FALSE,"B061196";#N/A,#N/A,FALSE,"Relatório1";#N/A,#N/A,FALSE,"Relatório2";#N/A,#N/A,FALSE,"Relatório3";#N/A,#N/A,FALSE,"Relatório4 ";#N/A,#N/A,FALSE,"Relatório5";#N/A,#N/A,FALSE,"Relatório6";#N/A,#N/A,FALSE,"Relatório7";#N/A,#N/A,FALSE,"Relatório8"}</definedName>
    <definedName name="GERMAN" localSheetId="0" hidden="1">{#N/A,#N/A,FALSE,"Aging Summary";#N/A,#N/A,FALSE,"Ratio Analysis";#N/A,#N/A,FALSE,"Test 120 Day Accts";#N/A,#N/A,FALSE,"Tickmarks"}</definedName>
    <definedName name="GERMAN" hidden="1">{#N/A,#N/A,FALSE,"Aging Summary";#N/A,#N/A,FALSE,"Ratio Analysis";#N/A,#N/A,FALSE,"Test 120 Day Accts";#N/A,#N/A,FALSE,"Tickmarks"}</definedName>
    <definedName name="gfk" hidden="1">{#N/A,#N/A,FALSE,"Dutos";#N/A,#N/A,FALSE,"Terminais"}</definedName>
    <definedName name="ggggg" hidden="1">{"CaixaCons",#N/A,FALSE,"Caixa - Consolidado";"CaixaCim",#N/A,FALSE,"Caixa - Cimento";"CaixaCal",#N/A,FALSE,"Caixa - Cal e Outros";"CaixaVC",#N/A,FALSE,"Caixa - VC"}</definedName>
    <definedName name="gggggg" hidden="1">{#N/A,#N/A,FALSE,"LLAVE";#N/A,#N/A,FALSE,"EERR";#N/A,#N/A,FALSE,"ESP";#N/A,#N/A,FALSE,"EOAF";#N/A,#N/A,FALSE,"CASH";#N/A,#N/A,FALSE,"FINANZAS";#N/A,#N/A,FALSE,"DEUDA";#N/A,#N/A,FALSE,"INVERSION";#N/A,#N/A,FALSE,"PERSONAL"}</definedName>
    <definedName name="gjhghj" hidden="1">{"CaixaCons",#N/A,FALSE,"Caixa - Consolidado";"CaixaCim",#N/A,FALSE,"Caixa - Cimento";"CaixaCal",#N/A,FALSE,"Caixa - Cal e Outros";"CaixaVC",#N/A,FALSE,"Caixa - VC"}</definedName>
    <definedName name="gkn" hidden="1">{#N/A,#N/A,FALSE,"COVER PAGE";#N/A,#N/A,FALSE,"Page 2";#N/A,#N/A,FALSE,"Page 2";#N/A,#N/A,FALSE,"Page 4";#N/A,#N/A,FALSE,"Page5";#N/A,#N/A,FALSE,"Page 6";#N/A,#N/A,FALSE,"Page 7";#N/A,#N/A,FALSE,"Page 8";#N/A,#N/A,FALSE,"Page 10";#N/A,#N/A,FALSE,"Long-Term OCF Mult.";#N/A,#N/A,FALSE,"PCS Comp";#N/A,#N/A,FALSE,"OCS-CAPEX";#N/A,#N/A,FALSE,"Blank"}</definedName>
    <definedName name="GOLD_BP" localSheetId="0" hidden="1">{#N/A,#N/A,FALSE,"Aging Summary";#N/A,#N/A,FALSE,"Ratio Analysis";#N/A,#N/A,FALSE,"Test 120 Day Accts";#N/A,#N/A,FALSE,"Tickmarks"}</definedName>
    <definedName name="GOLD_BP" hidden="1">{#N/A,#N/A,FALSE,"Aging Summary";#N/A,#N/A,FALSE,"Ratio Analysis";#N/A,#N/A,FALSE,"Test 120 Day Accts";#N/A,#N/A,FALSE,"Tickmarks"}</definedName>
    <definedName name="GR"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_1"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_2"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_3"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_4"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_5" hidden="1">{"CAPA GERENCIAL",#N/A,TRUE,"capa (2)";"CAPITAL 2001",#N/A,TRUE,"capital (2)";"INDICES2001",#N/A,TRUE,"índices bal (2)";"BAL(B)2001",#N/A,TRUE,"BAL B (2)";"BANAL(B)2001",#N/A,TRUE,"B.analítico B (2)";"RESULTADO 03",#N/A,TRUE,"resultado";"RESULTADO mes a mes(B)2001",#N/A,TRUE,"mês a mês (2)";"MUTAÇÃO(B)2001",#N/A,TRUE,"mutação B (2)";"DOAR(B)2001",#N/A,TRUE,"DOAR B (2)";"ESTOQUE(B)2001",#N/A,TRUE,"estoque";"PERMANENTE(B)2001",#N/A,TRUE,"permanente B (2)";"PERFIL(B)2001",#N/A,TRUE,"PERFIL B (2)";"PROVI2001",#N/A,TRUE,"provisões";"CAPA ANÁLISE",#N/A,TRUE,"capa (2)";"PRODUÇÃO 03",#N/A,TRUE,"produção";"ESTOQUEPA 03",#N/A,TRUE,"estoque pa";"VOLUME 03",#N/A,TRUE,"volume";"MIX 03",#N/A,TRUE,"mix";"ESTOQUE PA(2)2001",#N/A,TRUE,"estoque pa (2)";"ANALISE 03",#N/A,TRUE,"análise";"LBRUTO2001",#N/A,TRUE,"lb2001";"DESPESAS2001",#N/A,TRUE,"Desp2000-01";"FINANCEIRAS 03",#N/A,TRUE,"financeiras";"EBITDA 03",#N/A,TRUE,"ebitda";"FLUXO(B)2001",#N/A,TRUE,"FLUXO B (2)";"DIVIDA2001",#N/A,TRUE,"dívida";"CAPA CONTROLADORA",#N/A,TRUE,"capa (2)";"BAL(A)2001",#N/A,TRUE,"BAL A (2)";"RESULTADO mes a mes(A)2001",#N/A,TRUE,"mês a mês (2)";"MUTAÇÃO(A)2001",#N/A,TRUE,"mutação A (2)";"DOAR(A)2001",#N/A,TRUE,"DOAR A (2)";"FLUXO(A)2001",#N/A,TRUE,"FLUXO A";"ESTOQUE(A)2001",#N/A,TRUE,"estoque";"PERMANENTE(A)2001",#N/A,TRUE,"permanente A (2)";"PERFIL(A)2001",#N/A,TRUE,"PERFIL A (2)";"EQUIVALÊNCIA2001",#N/A,TRUE,"equyt";"CAPA CONTROLADAS",#N/A,TRUE,"capa (2)";"BAL(AMER)2001",#N/A,TRUE,"B.America (2)";"RESULTADO(AMER)2001",#N/A,TRUE,"mês a mês (2)";"BAL(TRAD)2001",#N/A,TRUE,"B.Trading (2)";"RESULTADO(TRAD)2001",#N/A,TRUE,"mês a mês (2)"}</definedName>
    <definedName name="GrpAcct1" hidden="1">"6411"</definedName>
    <definedName name="GrpLevel" hidden="1">2</definedName>
    <definedName name="GRT" hidden="1">{#N/A,#N/A,FALSE,"Dutos";#N/A,#N/A,FALSE,"Terminais"}</definedName>
    <definedName name="gty" hidden="1">{"EconCons",#N/A,FALSE,"Econômico - Consolidado";"EconCim",#N/A,FALSE,"Econômico - Cimento";"EconCal",#N/A,FALSE,"Econômico - Cal e Outros";"EconVC",#N/A,FALSE,"Econômico - VC"}</definedName>
    <definedName name="gvui" hidden="1">{#N/A,#N/A,FALSE,"Dutos";#N/A,#N/A,FALSE,"Terminais"}</definedName>
    <definedName name="h" localSheetId="0" hidden="1">{#N/A,#N/A,FALSE,"Aging Summary";#N/A,#N/A,FALSE,"Ratio Analysis";#N/A,#N/A,FALSE,"Test 120 Day Accts";#N/A,#N/A,FALSE,"Tickmarks"}</definedName>
    <definedName name="h" hidden="1">{#N/A,#N/A,FALSE,"Aging Summary";#N/A,#N/A,FALSE,"Ratio Analysis";#N/A,#N/A,FALSE,"Test 120 Day Accts";#N/A,#N/A,FALSE,"Tickmarks"}</definedName>
    <definedName name="Header1" hidden="1">IF(COUNTA(#REF!)=0,0,INDEX(#REF!,MATCH(ROW(#REF!),#REF!,TRUE)))+1</definedName>
    <definedName name="Help" hidden="1">{#N/A,#N/A,FALSE,"COVER PAGE";#N/A,#N/A,FALSE,"Page 2";#N/A,#N/A,FALSE,"Page 2";#N/A,#N/A,FALSE,"Page 4";#N/A,#N/A,FALSE,"Page5";#N/A,#N/A,FALSE,"Page 6";#N/A,#N/A,FALSE,"Page 7";#N/A,#N/A,FALSE,"Page 8";#N/A,#N/A,FALSE,"Page 10";#N/A,#N/A,FALSE,"Long-Term OCF Mult.";#N/A,#N/A,FALSE,"PCS Comp";#N/A,#N/A,FALSE,"OCS-CAPEX";#N/A,#N/A,FALSE,"Blank"}</definedName>
    <definedName name="HELP_1" hidden="1">{#N/A,#N/A,FALSE,"DI 2 YEAR MASTER SCHEDULE"}</definedName>
    <definedName name="HELP_2" hidden="1">{#N/A,#N/A,FALSE,"DI 2 YEAR MASTER SCHEDULE"}</definedName>
    <definedName name="HELP_3" hidden="1">{#N/A,#N/A,FALSE,"DI 2 YEAR MASTER SCHEDULE"}</definedName>
    <definedName name="HELP_4" hidden="1">{#N/A,#N/A,FALSE,"DI 2 YEAR MASTER SCHEDULE"}</definedName>
    <definedName name="HELP_5" hidden="1">{#N/A,#N/A,FALSE,"DI 2 YEAR MASTER SCHEDULE"}</definedName>
    <definedName name="HELP2" hidden="1">{#N/A,#N/A,FALSE,"DI 2 YEAR MASTER SCHEDULE"}</definedName>
    <definedName name="HELP2_1" hidden="1">{#N/A,#N/A,FALSE,"DI 2 YEAR MASTER SCHEDULE"}</definedName>
    <definedName name="HELP2_2" hidden="1">{#N/A,#N/A,FALSE,"DI 2 YEAR MASTER SCHEDULE"}</definedName>
    <definedName name="HELP2_3" hidden="1">{#N/A,#N/A,FALSE,"DI 2 YEAR MASTER SCHEDULE"}</definedName>
    <definedName name="HELP2_4" hidden="1">{#N/A,#N/A,FALSE,"DI 2 YEAR MASTER SCHEDULE"}</definedName>
    <definedName name="HELP2_5" hidden="1">{#N/A,#N/A,FALSE,"DI 2 YEAR MASTER SCHEDULE"}</definedName>
    <definedName name="HELP3" hidden="1">{#N/A,#N/A,FALSE,"PRJCTED QTRLY $'s"}</definedName>
    <definedName name="HELP3_1" hidden="1">{#N/A,#N/A,FALSE,"PRJCTED QTRLY $'s"}</definedName>
    <definedName name="HELP3_2" hidden="1">{#N/A,#N/A,FALSE,"PRJCTED QTRLY $'s"}</definedName>
    <definedName name="HELP3_3" hidden="1">{#N/A,#N/A,FALSE,"PRJCTED QTRLY $'s"}</definedName>
    <definedName name="HELP3_4" hidden="1">{#N/A,#N/A,FALSE,"PRJCTED QTRLY $'s"}</definedName>
    <definedName name="HELP3_5" hidden="1">{#N/A,#N/A,FALSE,"PRJCTED QTRLY $'s"}</definedName>
    <definedName name="HELP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ELP4_1"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ELP4_2"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ELP4_3"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ELP4_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ELP4_5"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hfkh" localSheetId="0" hidden="1">{#N/A,#N/A,FALSE,"Aging Summary";#N/A,#N/A,FALSE,"Ratio Analysis";#N/A,#N/A,FALSE,"Test 120 Day Accts";#N/A,#N/A,FALSE,"Tickmarks"}</definedName>
    <definedName name="hfkh" hidden="1">{#N/A,#N/A,FALSE,"Aging Summary";#N/A,#N/A,FALSE,"Ratio Analysis";#N/A,#N/A,FALSE,"Test 120 Day Accts";#N/A,#N/A,FALSE,"Tickmarks"}</definedName>
    <definedName name="hg" hidden="1">{#N/A,#N/A,FALSE,"SIM95"}</definedName>
    <definedName name="hgf" hidden="1">{#N/A,#N/A,FALSE,"SIM95"}</definedName>
    <definedName name="hh" hidden="1">{#N/A,#N/A,FALSE,"Dutos";#N/A,#N/A,FALSE,"Terminais"}</definedName>
    <definedName name="hh_1" hidden="1">{#N/A,#N/A,FALSE,"Eastern";#N/A,#N/A,FALSE,"Western"}</definedName>
    <definedName name="hh_2" hidden="1">{#N/A,#N/A,FALSE,"Eastern";#N/A,#N/A,FALSE,"Western"}</definedName>
    <definedName name="hh_3" hidden="1">{#N/A,#N/A,FALSE,"Eastern";#N/A,#N/A,FALSE,"Western"}</definedName>
    <definedName name="hh_4" hidden="1">{#N/A,#N/A,FALSE,"Eastern";#N/A,#N/A,FALSE,"Western"}</definedName>
    <definedName name="hh_5" hidden="1">{#N/A,#N/A,FALSE,"Eastern";#N/A,#N/A,FALSE,"Western"}</definedName>
    <definedName name="hhh" hidden="1">#REF!</definedName>
    <definedName name="hjgfvjsdgf" hidden="1">{"SCH93",#N/A,FALSE,"monthly";"SCH94",#N/A,FALSE,"monthly";"SCH95",#N/A,FALSE,"monthly";"SCH96",#N/A,FALSE,"monthly";"SCH97",#N/A,FALSE,"monthly";"SCH104",#N/A,FALSE,"monthly";"SCH105",#N/A,FALSE,"monthly";"SCH106",#N/A,FALSE,"monthly";"SCH107",#N/A,FALSE,"monthly";"SCH108",#N/A,FALSE,"monthly";"SCH109",#N/A,FALSE,"monthly";"SCH110",#N/A,FALSE,"monthly"}</definedName>
    <definedName name="hkb" hidden="1">{#N/A,#N/A,FALSE,"Dutos";#N/A,#N/A,FALSE,"Terminais"}</definedName>
    <definedName name="hn.ExtDb" hidden="1">FALSE</definedName>
    <definedName name="hn.ModelType" hidden="1">"DEAL"</definedName>
    <definedName name="hn.ModelVersion" hidden="1">1</definedName>
    <definedName name="hn.NoUpload" hidden="1">0</definedName>
    <definedName name="hn.RolledForward" hidden="1">FALSE</definedName>
    <definedName name="HTML" hidden="1">{"'PXR_6500'!$A$1:$I$124"}</definedName>
    <definedName name="HTML_CodePage" hidden="1">1252</definedName>
    <definedName name="HTML_Control" localSheetId="0" hidden="1">{"'RELATÓRIO'!$A$1:$E$20","'RELATÓRIO'!$A$22:$D$34","'INTERNET'!$A$31:$G$58","'INTERNET'!$A$1:$G$28","'SÉRIE HISTÓRICA'!$A$167:$H$212","'SÉRIE HISTÓRICA'!$A$56:$H$101"}</definedName>
    <definedName name="HTML_Control" hidden="1">{"'RELATÓRIO'!$A$1:$E$20","'RELATÓRIO'!$A$22:$D$34","'INTERNET'!$A$31:$G$58","'INTERNET'!$A$1:$G$28","'SÉRIE HISTÓRICA'!$A$167:$H$212","'SÉRIE HISTÓRICA'!$A$56:$H$101"}</definedName>
    <definedName name="HTML_Control_1" hidden="1">{"'Sheet1'!$A$1:$G$85"}</definedName>
    <definedName name="HTML_Control_2" hidden="1">{"'Sheet1'!$A$1:$G$85"}</definedName>
    <definedName name="HTML_Control_3" hidden="1">{"'Sheet1'!$A$1:$G$85"}</definedName>
    <definedName name="HTML_Control_4" hidden="1">{"'Sheet1'!$A$1:$G$85"}</definedName>
    <definedName name="HTML_Control_5" hidden="1">{"'Sheet1'!$A$1:$G$85"}</definedName>
    <definedName name="HTML_Description" hidden="1">""</definedName>
    <definedName name="HTML_Email" hidden="1">""</definedName>
    <definedName name="HTML_Header" hidden="1">""</definedName>
    <definedName name="HTML_LastUpdate" hidden="1">""</definedName>
    <definedName name="HTML_LineAfter" hidden="1">FALSE</definedName>
    <definedName name="HTML_LineBefore" hidden="1">FALSE</definedName>
    <definedName name="HTML_Name" hidden="1">""</definedName>
    <definedName name="HTML_OBDlg2" hidden="1">TRUE</definedName>
    <definedName name="HTML_OBDlg4" hidden="1">TRUE</definedName>
    <definedName name="HTML_OS" hidden="1">0</definedName>
    <definedName name="HTML_PathFile" hidden="1">"C:\DIVULGAÇÃO INPC IPCA 2001\inpc0501.htm"</definedName>
    <definedName name="HTML_PathFileMac" hidden="1">"Macintosh HD:HomePageStuff:New_Home_Page:datafile:histret.html"</definedName>
    <definedName name="HTML_Title" hidden="1">""</definedName>
    <definedName name="HTML1_1" hidden="1">"[ReturnsHistorical]Sheet1!$A$1:$D$77"</definedName>
    <definedName name="HTML1_10" hidden="1">""</definedName>
    <definedName name="HTML1_11" hidden="1">1</definedName>
    <definedName name="HTML1_12" hidden="1">"Zip 100:New_Home_Page:datafile:histret.html"</definedName>
    <definedName name="HTML1_2" hidden="1">1</definedName>
    <definedName name="HTML1_3" hidden="1">"ReturnsHistorical"</definedName>
    <definedName name="HTML1_4" hidden="1">"Historical Returns on Stocks, Bonds and Bills"</definedName>
    <definedName name="HTML1_5" hidden="1">"Ibbotson Data"</definedName>
    <definedName name="HTML1_6" hidden="1">-4146</definedName>
    <definedName name="HTML1_7" hidden="1">-4146</definedName>
    <definedName name="HTML1_8" hidden="1">"3/17/97"</definedName>
    <definedName name="HTML1_9" hidden="1">"Aswath Damodaran"</definedName>
    <definedName name="HTML2_1" hidden="1">"[histret.xls]Sheet1!$A$1:$G$85"</definedName>
    <definedName name="HTML2_10" hidden="1">""</definedName>
    <definedName name="HTML2_11" hidden="1">1</definedName>
    <definedName name="HTML2_12" hidden="1">"Macintosh HD:New_Home_Page:datafile:histret.html"</definedName>
    <definedName name="HTML2_2" hidden="1">1</definedName>
    <definedName name="HTML2_3" hidden="1">"Historical Returns"</definedName>
    <definedName name="HTML2_4" hidden="1">"Historical Returns on Stocks, Bonds and Bills"</definedName>
    <definedName name="HTML2_5" hidden="1">""</definedName>
    <definedName name="HTML2_6" hidden="1">1</definedName>
    <definedName name="HTML2_7" hidden="1">1</definedName>
    <definedName name="HTML2_8" hidden="1">"2/3/98"</definedName>
    <definedName name="HTML2_9" hidden="1">"Aswath Damodaran"</definedName>
    <definedName name="HTML3_1" hidden="1">"'[DATES1.xls]98'!$A$2:$K$44"</definedName>
    <definedName name="HTML3_10" hidden="1">""</definedName>
    <definedName name="HTML3_11" hidden="1">1</definedName>
    <definedName name="HTML3_12" hidden="1">"Macintosh HD:Desktop Folder:test2"</definedName>
    <definedName name="HTML3_2" hidden="1">1</definedName>
    <definedName name="HTML3_3" hidden="1">"98/99 Disney Interactive Schedule"</definedName>
    <definedName name="HTML3_4" hidden="1">""</definedName>
    <definedName name="HTML3_5" hidden="1">""</definedName>
    <definedName name="HTML3_6" hidden="1">-4146</definedName>
    <definedName name="HTML3_7" hidden="1">-4146</definedName>
    <definedName name="HTML3_8" hidden="1">"12/24/97"</definedName>
    <definedName name="HTML3_9" hidden="1">"Disney Interactive"</definedName>
    <definedName name="HTML4_1" hidden="1">"'[projSCH.xls]98 &amp; 99'!$A$1:$L$45"</definedName>
    <definedName name="HTML4_10" hidden="1">""</definedName>
    <definedName name="HTML4_11" hidden="1">1</definedName>
    <definedName name="HTML4_12" hidden="1">"DI7.VOL2:PlanetDI:Prod_Mgr:schedule.htm"</definedName>
    <definedName name="HTML4_2" hidden="1">1</definedName>
    <definedName name="HTML4_3" hidden="1">"projSCH"</definedName>
    <definedName name="HTML4_4" hidden="1">"DI Domestic Release Schedule 98 &amp; 99"</definedName>
    <definedName name="HTML4_5" hidden="1">""</definedName>
    <definedName name="HTML4_6" hidden="1">-4146</definedName>
    <definedName name="HTML4_7" hidden="1">-4146</definedName>
    <definedName name="HTML4_8" hidden="1">"1/6/98"</definedName>
    <definedName name="HTML4_9" hidden="1">"R= Retail,  L=License,  B=Bundle"</definedName>
    <definedName name="HTML5_1" hidden="1">"'[projSCH.xls]98 &amp; 99'!$A$1:$L$44"</definedName>
    <definedName name="HTML5_10" hidden="1">""</definedName>
    <definedName name="HTML5_11" hidden="1">1</definedName>
    <definedName name="HTML5_12" hidden="1">"DI7.VOL2:PlanetDI:Prod_Mgr:SCHEDULE.HTM"</definedName>
    <definedName name="HTML5_2" hidden="1">1</definedName>
    <definedName name="HTML5_3" hidden="1">"projSCH"</definedName>
    <definedName name="HTML5_4" hidden="1">"DI Domestic Release Schedule 98/99"</definedName>
    <definedName name="HTML5_5" hidden="1">""</definedName>
    <definedName name="HTML5_6" hidden="1">-4146</definedName>
    <definedName name="HTML5_7" hidden="1">-4146</definedName>
    <definedName name="HTML5_8" hidden="1">"1/8/98"</definedName>
    <definedName name="HTML5_9" hidden="1">"R=Retail, L=License, B=Bundle"</definedName>
    <definedName name="HTML6_1" hidden="1">"'[projSCH.xls]98 &amp; 99'!$A$2:$K$44"</definedName>
    <definedName name="HTML6_10" hidden="1">""</definedName>
    <definedName name="HTML6_11" hidden="1">1</definedName>
    <definedName name="HTML6_12" hidden="1">"DI7.VOL2:PlanetDI:Prod_Mgr:SCHEDULE.HTM"</definedName>
    <definedName name="HTML6_2" hidden="1">1</definedName>
    <definedName name="HTML6_3" hidden="1">"projSCH"</definedName>
    <definedName name="HTML6_4" hidden="1">"DI Domestic Release Schedule 98/99"</definedName>
    <definedName name="HTML6_5" hidden="1">""</definedName>
    <definedName name="HTML6_6" hidden="1">-4146</definedName>
    <definedName name="HTML6_7" hidden="1">-4146</definedName>
    <definedName name="HTML6_8" hidden="1">"1/6/98"</definedName>
    <definedName name="HTML6_9" hidden="1">"R=Retail, L=License, B=Bundle"</definedName>
    <definedName name="HTMLCount" hidden="1">2</definedName>
    <definedName name="hyg" hidden="1">{#N/A,#N/A,FALSE,"Eastern";#N/A,#N/A,FALSE,"Western"}</definedName>
    <definedName name="hyg_1" hidden="1">{#N/A,#N/A,FALSE,"Eastern";#N/A,#N/A,FALSE,"Western"}</definedName>
    <definedName name="hyg_2" hidden="1">{#N/A,#N/A,FALSE,"Eastern";#N/A,#N/A,FALSE,"Western"}</definedName>
    <definedName name="hyg_3" hidden="1">{#N/A,#N/A,FALSE,"Eastern";#N/A,#N/A,FALSE,"Western"}</definedName>
    <definedName name="hyg_4" hidden="1">{#N/A,#N/A,FALSE,"Eastern";#N/A,#N/A,FALSE,"Western"}</definedName>
    <definedName name="hyg_5" hidden="1">{#N/A,#N/A,FALSE,"Eastern";#N/A,#N/A,FALSE,"Western"}</definedName>
    <definedName name="iii" hidden="1">{#N/A,#N/A,FALSE,"SIM95"}</definedName>
    <definedName name="im" hidden="1">{#N/A,#N/A,FALSE,"ENERGIA";#N/A,#N/A,FALSE,"PERDIDAS";#N/A,#N/A,FALSE,"CLIENTES";#N/A,#N/A,FALSE,"ESTADO";#N/A,#N/A,FALSE,"TECNICA"}</definedName>
    <definedName name="ime" hidden="1">{#N/A,#N/A,FALSE,"LLAVE";#N/A,#N/A,FALSE,"EERR";#N/A,#N/A,FALSE,"ESP";#N/A,#N/A,FALSE,"EOAF";#N/A,#N/A,FALSE,"CASH";#N/A,#N/A,FALSE,"FINANZAS";#N/A,#N/A,FALSE,"DEUDA";#N/A,#N/A,FALSE,"INVERSION";#N/A,#N/A,FALSE,"PERSONAL"}</definedName>
    <definedName name="Img_ML_1a9i6f1a" hidden="1">"IMG_18"</definedName>
    <definedName name="Img_ML_2b1a1a6f" hidden="1">"IMG_11"</definedName>
    <definedName name="Img_ML_2b2b8h8h" hidden="1">"IMG_18"</definedName>
    <definedName name="Img_ML_2b4d2b3c" hidden="1">"IMG_18"</definedName>
    <definedName name="Img_ML_3c7g1a7g" hidden="1">"IMG_12"</definedName>
    <definedName name="Img_ML_3c9i9i4d" hidden="1">"IMG_11"</definedName>
    <definedName name="Img_ML_4d2b6f6f" hidden="1">"IMG_18"</definedName>
    <definedName name="Img_ML_4d4d7g3c" hidden="1">"IMG_11"</definedName>
    <definedName name="Img_ML_5e1a1a7g" hidden="1">"IMG_18"</definedName>
    <definedName name="Img_ML_5e7g5e5e" hidden="1">"IMG_11"</definedName>
    <definedName name="Img_ML_5h6q3g8u" hidden="1">"IMG_11"</definedName>
    <definedName name="Img_ML_6f9i2b5e" hidden="1">"IMG_18"</definedName>
    <definedName name="Img_ML_7g5e5e2b" hidden="1">"IMG_11"</definedName>
    <definedName name="Img_ML_7m5m4k3b" hidden="1">"IMG_11"</definedName>
    <definedName name="Img_ML_8h5e9i3c" hidden="1">"IMG_11"</definedName>
    <definedName name="Img_ML_8h7g3c9i" hidden="1">"IMG_11"</definedName>
    <definedName name="Img_ML_8h7g4d4d" hidden="1">"IMG_12"</definedName>
    <definedName name="IND____SUST__DEVActualA61" hidden="1">IF(AND('[20]IND. &amp; SUST. DEV'!$BH$61&gt;'[20]IND. &amp; SUST. DEV'!$BS$61,'[20]IND. &amp; SUST. DEV'!$BH$61&lt;='[20]IND. &amp; SUST. DEV'!$BT$61),"A","")</definedName>
    <definedName name="IND____SUST__DEVActualA62" hidden="1">IF(AND('[20]IND. &amp; SUST. DEV'!$BH$62&gt;'[20]IND. &amp; SUST. DEV'!$BS$62,'[20]IND. &amp; SUST. DEV'!$BH$62&lt;='[20]IND. &amp; SUST. DEV'!$BT$62),"A","")</definedName>
    <definedName name="IND____SUST__DEVActualA63" hidden="1">IF(AND('[20]IND. &amp; SUST. DEV'!$BH$63&gt;'[20]IND. &amp; SUST. DEV'!$BS$63,'[20]IND. &amp; SUST. DEV'!$BH$63&lt;='[20]IND. &amp; SUST. DEV'!$BT$63),"A","")</definedName>
    <definedName name="IND____SUST__DEVActualA69" hidden="1">IF(AND('[20]IND. &amp; SUST. DEV'!$BH$69&gt;='[20]IND. &amp; SUST. DEV'!$BS$69,'[20]IND. &amp; SUST. DEV'!$BH$69&lt;='[20]IND. &amp; SUST. DEV'!$BT$69),"A","")</definedName>
    <definedName name="IND____SUST__DEVActualA75" hidden="1">IF(AND('[20]IND. &amp; SUST. DEV'!$BH$75&gt;='[20]IND. &amp; SUST. DEV'!$BS$75,'[20]IND. &amp; SUST. DEV'!$BH$75&lt;='[20]IND. &amp; SUST. DEV'!$BT$75),"A","")</definedName>
    <definedName name="IND____SUST__DEVActualA79" hidden="1">IF(AND('[20]IND. &amp; SUST. DEV'!$BH$79&gt;'[20]IND. &amp; SUST. DEV'!$BS$79,'[20]IND. &amp; SUST. DEV'!$BH$79&lt;='[20]IND. &amp; SUST. DEV'!$BT$79),"A","")</definedName>
    <definedName name="IND____SUST__DEVActualA80" hidden="1">IF(AND('[20]IND. &amp; SUST. DEV'!$BH$80&gt;'[20]IND. &amp; SUST. DEV'!$BS$80,'[20]IND. &amp; SUST. DEV'!$BH$80&lt;='[20]IND. &amp; SUST. DEV'!$BT$80),"A","")</definedName>
    <definedName name="IND____SUST__DEVActualB61" hidden="1">IF(AND('[20]IND. &amp; SUST. DEV'!$BH$61&gt;'[20]IND. &amp; SUST. DEV'!$BQ$61,'[20]IND. &amp; SUST. DEV'!$BH$61&lt;='[20]IND. &amp; SUST. DEV'!$BR$61),"B","")</definedName>
    <definedName name="IND____SUST__DEVActualB62" hidden="1">IF(AND('[20]IND. &amp; SUST. DEV'!$BH$62&gt;'[20]IND. &amp; SUST. DEV'!$BQ$62,'[20]IND. &amp; SUST. DEV'!$BH$62&lt;='[20]IND. &amp; SUST. DEV'!$BR$62),"B","")</definedName>
    <definedName name="IND____SUST__DEVActualB63" hidden="1">IF(AND('[20]IND. &amp; SUST. DEV'!$BH$63&gt;'[20]IND. &amp; SUST. DEV'!$BQ$63,'[20]IND. &amp; SUST. DEV'!$BH$63&lt;='[20]IND. &amp; SUST. DEV'!$BR$63),"B","")</definedName>
    <definedName name="IND____SUST__DEVActualB69" hidden="1">IF(AND('[20]IND. &amp; SUST. DEV'!$BH$69&gt;'[20]IND. &amp; SUST. DEV'!$BQ$69,'[20]IND. &amp; SUST. DEV'!$BH$69&lt;='[20]IND. &amp; SUST. DEV'!$BR$69),"B","")</definedName>
    <definedName name="IND____SUST__DEVActualB75" hidden="1">IF(AND('[20]IND. &amp; SUST. DEV'!$BH$75&gt;'[20]IND. &amp; SUST. DEV'!$BQ$75,'[20]IND. &amp; SUST. DEV'!$BH$75&lt;='[20]IND. &amp; SUST. DEV'!$BR$75),"B","")</definedName>
    <definedName name="IND____SUST__DEVActualB79" hidden="1">IF(AND('[20]IND. &amp; SUST. DEV'!$BH$79&gt;'[20]IND. &amp; SUST. DEV'!$BQ$79,'[20]IND. &amp; SUST. DEV'!$BH$79&lt;='[20]IND. &amp; SUST. DEV'!$BR$79),"B","")</definedName>
    <definedName name="IND____SUST__DEVActualB80" hidden="1">IF(AND('[20]IND. &amp; SUST. DEV'!$BH$80&gt;'[20]IND. &amp; SUST. DEV'!$BQ$80,'[20]IND. &amp; SUST. DEV'!$BH$80&lt;='[20]IND. &amp; SUST. DEV'!$BR$80),"B","")</definedName>
    <definedName name="IND____SUST__DEVActualC61" hidden="1">IF(AND('[20]IND. &amp; SUST. DEV'!$BH$61&gt;'[20]IND. &amp; SUST. DEV'!$BO$61,'[20]IND. &amp; SUST. DEV'!$BH$61&lt;='[20]IND. &amp; SUST. DEV'!$BP$61),"C","")</definedName>
    <definedName name="IND____SUST__DEVActualC62" hidden="1">IF(AND('[20]IND. &amp; SUST. DEV'!$BH$62&gt;'[20]IND. &amp; SUST. DEV'!$BO$62,'[20]IND. &amp; SUST. DEV'!$BH$62&lt;='[20]IND. &amp; SUST. DEV'!$BP$62),"C","")</definedName>
    <definedName name="IND____SUST__DEVActualC63" hidden="1">IF(AND('[20]IND. &amp; SUST. DEV'!$BH$63&gt;'[20]IND. &amp; SUST. DEV'!$BO$63,'[20]IND. &amp; SUST. DEV'!$BH$63&lt;='[20]IND. &amp; SUST. DEV'!$BP$63),"C","")</definedName>
    <definedName name="IND____SUST__DEVActualC69" hidden="1">IF(AND('[20]IND. &amp; SUST. DEV'!$BH$69&gt;'[20]IND. &amp; SUST. DEV'!$BO$69,'[20]IND. &amp; SUST. DEV'!$BH$69&lt;='[20]IND. &amp; SUST. DEV'!$BP$69),"C","")</definedName>
    <definedName name="IND____SUST__DEVActualC75" hidden="1">IF(AND('[20]IND. &amp; SUST. DEV'!$BH$75&gt;'[20]IND. &amp; SUST. DEV'!$BO$75,'[20]IND. &amp; SUST. DEV'!$BH$75&lt;='[20]IND. &amp; SUST. DEV'!$BP$75),"C","")</definedName>
    <definedName name="IND____SUST__DEVActualC79" hidden="1">IF(AND('[20]IND. &amp; SUST. DEV'!$BH$79&gt;'[20]IND. &amp; SUST. DEV'!$BO$79,'[20]IND. &amp; SUST. DEV'!$BH$79&lt;='[20]IND. &amp; SUST. DEV'!$BP$79),"C","")</definedName>
    <definedName name="IND____SUST__DEVActualC80" hidden="1">IF(AND('[20]IND. &amp; SUST. DEV'!$BH$80&gt;'[20]IND. &amp; SUST. DEV'!$BO$80,'[20]IND. &amp; SUST. DEV'!$BH$80&lt;='[20]IND. &amp; SUST. DEV'!$BP$80),"C","")</definedName>
    <definedName name="IND____SUST__DEVActualD61" hidden="1">IF(AND('[20]IND. &amp; SUST. DEV'!$BH$61&gt;'[20]IND. &amp; SUST. DEV'!$BM$61,'[20]IND. &amp; SUST. DEV'!$BH$61&lt;='[20]IND. &amp; SUST. DEV'!$BN$61),"D","")</definedName>
    <definedName name="IND____SUST__DEVActualD62" hidden="1">IF(AND('[20]IND. &amp; SUST. DEV'!$BH$62&gt;'[20]IND. &amp; SUST. DEV'!$BM$62,'[20]IND. &amp; SUST. DEV'!$BH$62&lt;='[20]IND. &amp; SUST. DEV'!$BN$62),"D","")</definedName>
    <definedName name="IND____SUST__DEVActualD63" hidden="1">IF(AND('[20]IND. &amp; SUST. DEV'!$BH$63&gt;'[20]IND. &amp; SUST. DEV'!$BM$63,'[20]IND. &amp; SUST. DEV'!$BH$63&lt;='[20]IND. &amp; SUST. DEV'!$BN$63),"D","")</definedName>
    <definedName name="IND____SUST__DEVActualD69" hidden="1">IF(AND('[20]IND. &amp; SUST. DEV'!$BH$69&gt;'[20]IND. &amp; SUST. DEV'!$BM$69,'[20]IND. &amp; SUST. DEV'!$BH$69&lt;='[20]IND. &amp; SUST. DEV'!$BN$69),"D","")</definedName>
    <definedName name="IND____SUST__DEVActualD75" hidden="1">IF(AND('[20]IND. &amp; SUST. DEV'!$BH$75&gt;'[20]IND. &amp; SUST. DEV'!$BM$75,'[20]IND. &amp; SUST. DEV'!$BH$75&lt;='[20]IND. &amp; SUST. DEV'!$BN$75),"D","")</definedName>
    <definedName name="IND____SUST__DEVActualD79" hidden="1">IF(AND('[20]IND. &amp; SUST. DEV'!$BH$79&gt;'[20]IND. &amp; SUST. DEV'!$BM$79,'[20]IND. &amp; SUST. DEV'!$BH$79&lt;='[20]IND. &amp; SUST. DEV'!$BN$79),"D","")</definedName>
    <definedName name="IND____SUST__DEVActualD80" hidden="1">IF(AND('[20]IND. &amp; SUST. DEV'!$BH$80&gt;'[20]IND. &amp; SUST. DEV'!$BM$80,'[20]IND. &amp; SUST. DEV'!$BH$80&lt;='[20]IND. &amp; SUST. DEV'!$BN$80),"D","")</definedName>
    <definedName name="IND____SUST__DEVActualE61" hidden="1">IF(AND('[20]IND. &amp; SUST. DEV'!$BH$61&gt;='[20]IND. &amp; SUST. DEV'!$BK$61,'[20]IND. &amp; SUST. DEV'!$BH$61&lt;='[20]IND. &amp; SUST. DEV'!$BL$61),"E","")</definedName>
    <definedName name="IND____SUST__DEVActualE62" hidden="1">IF(AND('[20]IND. &amp; SUST. DEV'!$BH$62&gt;='[20]IND. &amp; SUST. DEV'!$BK$62,'[20]IND. &amp; SUST. DEV'!$BH$62&lt;='[20]IND. &amp; SUST. DEV'!$BL$62),"E","")</definedName>
    <definedName name="IND____SUST__DEVActualE63" hidden="1">IF(AND('[20]IND. &amp; SUST. DEV'!$BH$63&gt;='[20]IND. &amp; SUST. DEV'!$BK$63,'[20]IND. &amp; SUST. DEV'!$BH$63&lt;='[20]IND. &amp; SUST. DEV'!$BL$63),"E","")</definedName>
    <definedName name="IND____SUST__DEVActualE69" hidden="1">IF(AND('[20]IND. &amp; SUST. DEV'!$BH$69&gt;'[20]IND. &amp; SUST. DEV'!$BK$69,'[20]IND. &amp; SUST. DEV'!$BH$69&lt;='[20]IND. &amp; SUST. DEV'!$BL$69),"E","")</definedName>
    <definedName name="IND____SUST__DEVActualE75" hidden="1">IF(AND('[20]IND. &amp; SUST. DEV'!$BH$75&gt;'[20]IND. &amp; SUST. DEV'!$BK$75,'[20]IND. &amp; SUST. DEV'!$BH$75&lt;='[20]IND. &amp; SUST. DEV'!$BL$75),"E","")</definedName>
    <definedName name="IND____SUST__DEVActualE79" hidden="1">IF(AND('[20]IND. &amp; SUST. DEV'!$BH$79&gt;='[20]IND. &amp; SUST. DEV'!$BK$79,'[20]IND. &amp; SUST. DEV'!$BH$79&lt;='[20]IND. &amp; SUST. DEV'!$BL$79),"E","")</definedName>
    <definedName name="IND____SUST__DEVActualE80" hidden="1">IF(AND('[20]IND. &amp; SUST. DEV'!$BH$80&gt;='[20]IND. &amp; SUST. DEV'!$BK$80,'[20]IND. &amp; SUST. DEV'!$BH$80&lt;='[20]IND. &amp; SUST. DEV'!$BL$80),"E","")</definedName>
    <definedName name="IND____SUST__DEVDivisor65" hidden="1">(MAX('[20]IND. &amp; SUST. DEV'!$BW$65,'[20]IND. &amp; SUST. DEV'!$BH$65,'[20]IND. &amp; SUST. DEV'!$BG$65)-MIN('[20]IND. &amp; SUST. DEV'!$BU$65,'[20]IND. &amp; SUST. DEV'!$BH$65,'[20]IND. &amp; SUST. DEV'!$BG$65))</definedName>
    <definedName name="IND____SUST__DEVDivisor66" hidden="1">(MAX('[20]IND. &amp; SUST. DEV'!$BW$66,'[20]IND. &amp; SUST. DEV'!$BH$66,'[20]IND. &amp; SUST. DEV'!$BG$66)-MIN('[20]IND. &amp; SUST. DEV'!$BU$66,'[20]IND. &amp; SUST. DEV'!$BH$66,'[20]IND. &amp; SUST. DEV'!$BG$66))</definedName>
    <definedName name="IND____SUST__DEVDivisor71" hidden="1">(MAX('[20]IND. &amp; SUST. DEV'!$BW$71,'[20]IND. &amp; SUST. DEV'!$BH$71,'[20]IND. &amp; SUST. DEV'!$BG$71)-MIN('[20]IND. &amp; SUST. DEV'!$BU$71,'[20]IND. &amp; SUST. DEV'!$BH$71,'[20]IND. &amp; SUST. DEV'!$BG$71))</definedName>
    <definedName name="IND____SUST__DEVDivisor72" hidden="1">(MAX('[20]IND. &amp; SUST. DEV'!$BW$72,'[20]IND. &amp; SUST. DEV'!$BH$72,'[20]IND. &amp; SUST. DEV'!$BG$72)-MIN('[20]IND. &amp; SUST. DEV'!$BU$72,'[20]IND. &amp; SUST. DEV'!$BH$72,'[20]IND. &amp; SUST. DEV'!$BG$72))</definedName>
    <definedName name="IND____SUST__DEVDivisor73" hidden="1">(MAX('[20]IND. &amp; SUST. DEV'!$BW$73,'[20]IND. &amp; SUST. DEV'!$BH$73,'[20]IND. &amp; SUST. DEV'!$BG$73)-MIN('[20]IND. &amp; SUST. DEV'!$BU$73,'[20]IND. &amp; SUST. DEV'!$BH$73,'[20]IND. &amp; SUST. DEV'!$BG$73))</definedName>
    <definedName name="IND____SUST__DEVRow61BText" hidden="1">'[20]IND. &amp; SUST. DEV'!$DD$61</definedName>
    <definedName name="IND____SUST__DEVRow61CText" hidden="1">'[20]IND. &amp; SUST. DEV'!$DE$61</definedName>
    <definedName name="IND____SUST__DEVRow61DText" hidden="1">'[20]IND. &amp; SUST. DEV'!$DF$61</definedName>
    <definedName name="IND____SUST__DEVRow61EText" hidden="1">'[20]IND. &amp; SUST. DEV'!$DG$61</definedName>
    <definedName name="IND____SUST__DEVRow61ValueClassedPve" hidden="1">"Finish mill reliability factor - All plants"</definedName>
    <definedName name="IND____SUST__DEVRow62AText" hidden="1">'[20]IND. &amp; SUST. DEV'!$DC$62</definedName>
    <definedName name="IND____SUST__DEVRow62BText" hidden="1">'[20]IND. &amp; SUST. DEV'!$DD$62</definedName>
    <definedName name="IND____SUST__DEVRow62CText" hidden="1">'[20]IND. &amp; SUST. DEV'!$DE$62</definedName>
    <definedName name="IND____SUST__DEVRow62DText" hidden="1">'[20]IND. &amp; SUST. DEV'!$DF$62</definedName>
    <definedName name="IND____SUST__DEVRow62EText" hidden="1">'[20]IND. &amp; SUST. DEV'!$DG$62</definedName>
    <definedName name="IND____SUST__DEVRow62ValueClassedPve" hidden="1">"Finish mill reliability factor - All grinding stations"</definedName>
    <definedName name="IND____SUST__DEVRow63AText" hidden="1">'[20]IND. &amp; SUST. DEV'!$DC$63</definedName>
    <definedName name="IND____SUST__DEVRow63BText" hidden="1">'[20]IND. &amp; SUST. DEV'!$DD$63</definedName>
    <definedName name="IND____SUST__DEVRow63CText" hidden="1">'[20]IND. &amp; SUST. DEV'!$DE$63</definedName>
    <definedName name="IND____SUST__DEVRow63DText" hidden="1">'[20]IND. &amp; SUST. DEV'!$DF$63</definedName>
    <definedName name="IND____SUST__DEVRow63EText" hidden="1">'[20]IND. &amp; SUST. DEV'!$DG$63</definedName>
    <definedName name="IND____SUST__DEVRow63ValueClassedPve" hidden="1">"Kilns reliability factor"</definedName>
    <definedName name="IND____SUST__DEVRow65PeerGroupNve" hidden="1">"Average Specific Power Cost - All plants"</definedName>
    <definedName name="IND____SUST__DEVRow66PeerGroupNve" hidden="1">"Average Specific Power Cost - All grinding stations"</definedName>
    <definedName name="IND____SUST__DEVRow69AText" hidden="1">'[20]IND. &amp; SUST. DEV'!$DC$69</definedName>
    <definedName name="IND____SUST__DEVRow69BText" hidden="1">'[20]IND. &amp; SUST. DEV'!$DD$69</definedName>
    <definedName name="IND____SUST__DEVRow69CText" hidden="1">'[20]IND. &amp; SUST. DEV'!$DE$69</definedName>
    <definedName name="IND____SUST__DEVRow69DText" hidden="1">'[20]IND. &amp; SUST. DEV'!$DF$69</definedName>
    <definedName name="IND____SUST__DEVRow69EText" hidden="1">'[20]IND. &amp; SUST. DEV'!$DG$69</definedName>
    <definedName name="IND____SUST__DEVRow69ValueClassedNve" hidden="1">"Maintenance cost index"</definedName>
    <definedName name="IND____SUST__DEVRow71PeerGroupNve" hidden="1">"Clinker cost"</definedName>
    <definedName name="IND____SUST__DEVRow72PeerGroupNve" hidden="1">"Cem. Bin cost - All plants"</definedName>
    <definedName name="IND____SUST__DEVRow73PeerGroupNve" hidden="1">"Cem. Bin cost - All grinding stations"</definedName>
    <definedName name="IND____SUST__DEVRow75AText" hidden="1">'[20]IND. &amp; SUST. DEV'!$DC$75</definedName>
    <definedName name="IND____SUST__DEVRow75BText" hidden="1">'[20]IND. &amp; SUST. DEV'!$DD$75</definedName>
    <definedName name="IND____SUST__DEVRow75CText" hidden="1">'[20]IND. &amp; SUST. DEV'!$DE$75</definedName>
    <definedName name="IND____SUST__DEVRow75DText" hidden="1">'[20]IND. &amp; SUST. DEV'!$DF$75</definedName>
    <definedName name="IND____SUST__DEVRow75EText" hidden="1">'[20]IND. &amp; SUST. DEV'!$DG$75</definedName>
    <definedName name="IND____SUST__DEVRow75ValueClassedNve" hidden="1">"CO2/t eq Cement"</definedName>
    <definedName name="IND____SUST__DEVRow77LetterClassedNve" hidden="1">"Stakeholders relationships maturity indicator (BU level)"</definedName>
    <definedName name="IND____SUST__DEVRow79AText" hidden="1">'[20]IND. &amp; SUST. DEV'!$DC$79</definedName>
    <definedName name="IND____SUST__DEVRow79BText" hidden="1">'[20]IND. &amp; SUST. DEV'!$DD$79</definedName>
    <definedName name="IND____SUST__DEVRow79CText" hidden="1">'[20]IND. &amp; SUST. DEV'!$DE$79</definedName>
    <definedName name="IND____SUST__DEVRow79DText" hidden="1">'[20]IND. &amp; SUST. DEV'!$DF$79</definedName>
    <definedName name="IND____SUST__DEVRow79EText" hidden="1">'[20]IND. &amp; SUST. DEV'!$DG$79</definedName>
    <definedName name="IND____SUST__DEVRow79ValueClassedPve" hidden="1">"% of alternative fuels"</definedName>
    <definedName name="IND____SUST__DEVRow80AText" hidden="1">'[20]IND. &amp; SUST. DEV'!$DC$80</definedName>
    <definedName name="IND____SUST__DEVRow80BText" hidden="1">'[20]IND. &amp; SUST. DEV'!$DD$80</definedName>
    <definedName name="IND____SUST__DEVRow80CText" hidden="1">'[20]IND. &amp; SUST. DEV'!$DE$80</definedName>
    <definedName name="IND____SUST__DEVRow80DText" hidden="1">'[20]IND. &amp; SUST. DEV'!$DF$80</definedName>
    <definedName name="IND____SUST__DEVRow80EText" hidden="1">'[20]IND. &amp; SUST. DEV'!$DG$80</definedName>
    <definedName name="IND____SUST__DEVRow80ValueClassedPve" hidden="1">"Alternative Fuels gross
savings / t KK"</definedName>
    <definedName name="IND____SUST__DEVScenarioA61" hidden="1">IF(AND('[20]IND. &amp; SUST. DEV'!$BG$61&gt;'[20]IND. &amp; SUST. DEV'!$BS$61,'[20]IND. &amp; SUST. DEV'!$BG$61&lt;='[20]IND. &amp; SUST. DEV'!$BT$61),"A","")</definedName>
    <definedName name="IND____SUST__DEVScenarioA62" hidden="1">IF(AND('[20]IND. &amp; SUST. DEV'!$BG$62&gt;'[20]IND. &amp; SUST. DEV'!$BS$62,'[20]IND. &amp; SUST. DEV'!$BG$62&lt;='[20]IND. &amp; SUST. DEV'!$BT$62),"A","")</definedName>
    <definedName name="IND____SUST__DEVScenarioA63" hidden="1">IF(AND('[20]IND. &amp; SUST. DEV'!$BG$63&gt;'[20]IND. &amp; SUST. DEV'!$BS$63,'[20]IND. &amp; SUST. DEV'!$BG$63&lt;='[20]IND. &amp; SUST. DEV'!$BT$63),"A","")</definedName>
    <definedName name="IND____SUST__DEVScenarioA69" hidden="1">IF(AND('[20]IND. &amp; SUST. DEV'!$BG$69&gt;='[20]IND. &amp; SUST. DEV'!$BS$69,'[20]IND. &amp; SUST. DEV'!$BG$69&lt;='[20]IND. &amp; SUST. DEV'!$BT$69),"A","")</definedName>
    <definedName name="IND____SUST__DEVScenarioA75" hidden="1">IF(AND('[20]IND. &amp; SUST. DEV'!$BG$75&gt;='[20]IND. &amp; SUST. DEV'!$BS$75,'[20]IND. &amp; SUST. DEV'!$BG$75&lt;='[20]IND. &amp; SUST. DEV'!$BT$75),"A","")</definedName>
    <definedName name="IND____SUST__DEVScenarioA79" hidden="1">IF(AND('[20]IND. &amp; SUST. DEV'!$BG$79&gt;'[20]IND. &amp; SUST. DEV'!$BS$79,'[20]IND. &amp; SUST. DEV'!$BG$79&lt;='[20]IND. &amp; SUST. DEV'!$BT$79),"A","")</definedName>
    <definedName name="IND____SUST__DEVScenarioA80" hidden="1">IF(AND('[20]IND. &amp; SUST. DEV'!$BG$80&gt;'[20]IND. &amp; SUST. DEV'!$BS$80,'[20]IND. &amp; SUST. DEV'!$BG$80&lt;='[20]IND. &amp; SUST. DEV'!$BT$80),"A","")</definedName>
    <definedName name="IND____SUST__DEVScenarioB61" hidden="1">IF(AND('[20]IND. &amp; SUST. DEV'!$BG$61&gt;'[20]IND. &amp; SUST. DEV'!$BQ$61,'[20]IND. &amp; SUST. DEV'!$BG$61&lt;='[20]IND. &amp; SUST. DEV'!$BR$61),"B","")</definedName>
    <definedName name="IND____SUST__DEVScenarioB62" hidden="1">IF(AND('[20]IND. &amp; SUST. DEV'!$BG$62&gt;'[20]IND. &amp; SUST. DEV'!$BQ$62,'[20]IND. &amp; SUST. DEV'!$BG$62&lt;='[20]IND. &amp; SUST. DEV'!$BR$62),"B","")</definedName>
    <definedName name="IND____SUST__DEVScenarioB63" hidden="1">IF(AND('[20]IND. &amp; SUST. DEV'!$BG$63&gt;'[20]IND. &amp; SUST. DEV'!$BQ$63,'[20]IND. &amp; SUST. DEV'!$BG$63&lt;='[20]IND. &amp; SUST. DEV'!$BR$63),"B","")</definedName>
    <definedName name="IND____SUST__DEVScenarioB69" hidden="1">IF(AND('[20]IND. &amp; SUST. DEV'!$BG$69&gt;'[20]IND. &amp; SUST. DEV'!$BQ$69,'[20]IND. &amp; SUST. DEV'!$BG$69&lt;='[20]IND. &amp; SUST. DEV'!$BR$69),"B","")</definedName>
    <definedName name="IND____SUST__DEVScenarioB75" hidden="1">IF(AND('[20]IND. &amp; SUST. DEV'!$BG$75&gt;'[20]IND. &amp; SUST. DEV'!$BQ$75,'[20]IND. &amp; SUST. DEV'!$BG$75&lt;='[20]IND. &amp; SUST. DEV'!$BR$75),"B","")</definedName>
    <definedName name="IND____SUST__DEVScenarioB79" hidden="1">IF(AND('[20]IND. &amp; SUST. DEV'!$BG$79&gt;'[20]IND. &amp; SUST. DEV'!$BQ$79,'[20]IND. &amp; SUST. DEV'!$BG$79&lt;='[20]IND. &amp; SUST. DEV'!$BR$79),"B","")</definedName>
    <definedName name="IND____SUST__DEVScenarioB80" hidden="1">IF(AND('[20]IND. &amp; SUST. DEV'!$BG$80&gt;'[20]IND. &amp; SUST. DEV'!$BQ$80,'[20]IND. &amp; SUST. DEV'!$BG$80&lt;='[20]IND. &amp; SUST. DEV'!$BR$80),"B","")</definedName>
    <definedName name="IND____SUST__DEVScenarioC61" hidden="1">IF(AND('[20]IND. &amp; SUST. DEV'!$BG$61&gt;'[20]IND. &amp; SUST. DEV'!$BO$61,'[20]IND. &amp; SUST. DEV'!$BG$61&lt;='[20]IND. &amp; SUST. DEV'!$BP$61),"C","")</definedName>
    <definedName name="IND____SUST__DEVScenarioC62" hidden="1">IF(AND('[20]IND. &amp; SUST. DEV'!$BG$62&gt;'[20]IND. &amp; SUST. DEV'!$BO$62,'[20]IND. &amp; SUST. DEV'!$BG$62&lt;='[20]IND. &amp; SUST. DEV'!$BP$62),"C","")</definedName>
    <definedName name="IND____SUST__DEVScenarioC63" hidden="1">IF(AND('[20]IND. &amp; SUST. DEV'!$BG$63&gt;'[20]IND. &amp; SUST. DEV'!$BO$63,'[20]IND. &amp; SUST. DEV'!$BG$63&lt;='[20]IND. &amp; SUST. DEV'!$BP$63),"C","")</definedName>
    <definedName name="IND____SUST__DEVScenarioC69" hidden="1">IF(AND('[20]IND. &amp; SUST. DEV'!$BG$69&gt;'[20]IND. &amp; SUST. DEV'!$BO$69,'[20]IND. &amp; SUST. DEV'!$BG$69&lt;='[20]IND. &amp; SUST. DEV'!$BP$69),"C","")</definedName>
    <definedName name="IND____SUST__DEVScenarioC75" hidden="1">IF(AND('[20]IND. &amp; SUST. DEV'!$BG$75&gt;'[20]IND. &amp; SUST. DEV'!$BO$75,'[20]IND. &amp; SUST. DEV'!$BG$75&lt;='[20]IND. &amp; SUST. DEV'!$BP$75),"C","")</definedName>
    <definedName name="IND____SUST__DEVScenarioC79" hidden="1">IF(AND('[20]IND. &amp; SUST. DEV'!$BG$79&gt;'[20]IND. &amp; SUST. DEV'!$BO$79,'[20]IND. &amp; SUST. DEV'!$BG$79&lt;='[20]IND. &amp; SUST. DEV'!$BP$79),"C","")</definedName>
    <definedName name="IND____SUST__DEVScenarioC80" hidden="1">IF(AND('[20]IND. &amp; SUST. DEV'!$BG$80&gt;'[20]IND. &amp; SUST. DEV'!$BO$80,'[20]IND. &amp; SUST. DEV'!$BG$80&lt;='[20]IND. &amp; SUST. DEV'!$BP$80),"C","")</definedName>
    <definedName name="IND____SUST__DEVScenarioD61" hidden="1">IF(AND('[20]IND. &amp; SUST. DEV'!$BG$61&gt;'[20]IND. &amp; SUST. DEV'!$BM$61,'[20]IND. &amp; SUST. DEV'!$BG$61&lt;='[20]IND. &amp; SUST. DEV'!$BN$61),"D","")</definedName>
    <definedName name="IND____SUST__DEVScenarioD62" hidden="1">IF(AND('[20]IND. &amp; SUST. DEV'!$BG$62&gt;'[20]IND. &amp; SUST. DEV'!$BM$62,'[20]IND. &amp; SUST. DEV'!$BG$62&lt;='[20]IND. &amp; SUST. DEV'!$BN$62),"D","")</definedName>
    <definedName name="IND____SUST__DEVScenarioD63" hidden="1">IF(AND('[20]IND. &amp; SUST. DEV'!$BG$63&gt;'[20]IND. &amp; SUST. DEV'!$BM$63,'[20]IND. &amp; SUST. DEV'!$BG$63&lt;='[20]IND. &amp; SUST. DEV'!$BN$63),"D","")</definedName>
    <definedName name="IND____SUST__DEVScenarioD69" hidden="1">IF(AND('[20]IND. &amp; SUST. DEV'!$BG$69&gt;'[20]IND. &amp; SUST. DEV'!$BM$69,'[20]IND. &amp; SUST. DEV'!$BG$69&lt;='[20]IND. &amp; SUST. DEV'!$BN$69),"D","")</definedName>
    <definedName name="IND____SUST__DEVScenarioD75" hidden="1">IF(AND('[20]IND. &amp; SUST. DEV'!$BG$75&gt;'[20]IND. &amp; SUST. DEV'!$BM$75,'[20]IND. &amp; SUST. DEV'!$BG$75&lt;='[20]IND. &amp; SUST. DEV'!$BN$75),"D","")</definedName>
    <definedName name="IND____SUST__DEVScenarioD79" hidden="1">IF(AND('[20]IND. &amp; SUST. DEV'!$BG$79&gt;'[20]IND. &amp; SUST. DEV'!$BM$79,'[20]IND. &amp; SUST. DEV'!$BG$79&lt;='[20]IND. &amp; SUST. DEV'!$BN$79),"D","")</definedName>
    <definedName name="IND____SUST__DEVScenarioD80" hidden="1">IF(AND('[20]IND. &amp; SUST. DEV'!$BG$80&gt;'[20]IND. &amp; SUST. DEV'!$BM$80,'[20]IND. &amp; SUST. DEV'!$BG$80&lt;='[20]IND. &amp; SUST. DEV'!$BN$80),"D","")</definedName>
    <definedName name="IND____SUST__DEVScenarioE61" hidden="1">IF(AND('[20]IND. &amp; SUST. DEV'!$BG$61&gt;='[20]IND. &amp; SUST. DEV'!$BK$61,'[20]IND. &amp; SUST. DEV'!$BG$61&lt;='[20]IND. &amp; SUST. DEV'!$BL$61),"E","")</definedName>
    <definedName name="IND____SUST__DEVScenarioE62" hidden="1">IF(AND('[20]IND. &amp; SUST. DEV'!$BG$62&gt;='[20]IND. &amp; SUST. DEV'!$BK$62,'[20]IND. &amp; SUST. DEV'!$BG$62&lt;='[20]IND. &amp; SUST. DEV'!$BL$62),"E","")</definedName>
    <definedName name="IND____SUST__DEVScenarioE63" hidden="1">IF(AND('[20]IND. &amp; SUST. DEV'!$BG$63&gt;='[20]IND. &amp; SUST. DEV'!$BK$63,'[20]IND. &amp; SUST. DEV'!$BG$63&lt;='[20]IND. &amp; SUST. DEV'!$BL$63),"E","")</definedName>
    <definedName name="IND____SUST__DEVScenarioE69" hidden="1">IF(AND('[20]IND. &amp; SUST. DEV'!$BG$69&gt;'[20]IND. &amp; SUST. DEV'!$BK$69,'[20]IND. &amp; SUST. DEV'!$BG$69&lt;='[20]IND. &amp; SUST. DEV'!$BL$69),"E","")</definedName>
    <definedName name="IND____SUST__DEVScenarioE75" hidden="1">IF(AND('[20]IND. &amp; SUST. DEV'!$BG$75&gt;'[20]IND. &amp; SUST. DEV'!$BK$75,'[20]IND. &amp; SUST. DEV'!$BG$75&lt;='[20]IND. &amp; SUST. DEV'!$BL$75),"E","")</definedName>
    <definedName name="IND____SUST__DEVScenarioE79" hidden="1">IF(AND('[20]IND. &amp; SUST. DEV'!$BG$79&gt;='[20]IND. &amp; SUST. DEV'!$BK$79,'[20]IND. &amp; SUST. DEV'!$BG$79&lt;='[20]IND. &amp; SUST. DEV'!$BL$79),"E","")</definedName>
    <definedName name="IND____SUST__DEVScenarioE80" hidden="1">IF(AND('[20]IND. &amp; SUST. DEV'!$BG$80&gt;='[20]IND. &amp; SUST. DEV'!$BK$80,'[20]IND. &amp; SUST. DEV'!$BG$80&lt;='[20]IND. &amp; SUST. DEV'!$BL$80),"E","")</definedName>
    <definedName name="Independentes" hidden="1">{#N/A,#N/A,FALSE,"SIM95"}</definedName>
    <definedName name="IndicatorsList" hidden="1">[17]Indicators!$A$1:$A$61</definedName>
    <definedName name="indice" hidden="1">{"Econ Consolidado",#N/A,FALSE,"Econ Consol";"Fluxo de Caixa",#N/A,FALSE,"Fluxo Caixa";"Investimentos",#N/A,FALSE,"Investimentos"}</definedName>
    <definedName name="INDUSTRIAL_I_Actual58" hidden="1">(('[17]INDUSTRIAL(I)'!$BH$58="E")+('[17]INDUSTRIAL(I)'!$BH$58="D")*2+('[17]INDUSTRIAL(I)'!$BH$58="C")*3+('[17]INDUSTRIAL(I)'!$BH$58="B")*4+('[17]INDUSTRIAL(I)'!$BH$58="A")*5-0.5)</definedName>
    <definedName name="INDUSTRIAL_I_ActualA65" hidden="1">IF(AND('[17]INDUSTRIAL(I)'!$BH$65&gt;'[17]INDUSTRIAL(I)'!$BS$65,'[17]INDUSTRIAL(I)'!$BH$65&lt;='[17]INDUSTRIAL(I)'!$BT$65),"A","")</definedName>
    <definedName name="INDUSTRIAL_I_ActualA66" hidden="1">IF(AND('[17]INDUSTRIAL(I)'!$BH$66&gt;'[17]INDUSTRIAL(I)'!$BS$66,'[17]INDUSTRIAL(I)'!$BH$66&lt;='[17]INDUSTRIAL(I)'!$BT$66),"A","")</definedName>
    <definedName name="INDUSTRIAL_I_ActualA67" hidden="1">IF(AND('[17]INDUSTRIAL(I)'!$BH$67&gt;'[17]INDUSTRIAL(I)'!$BS$67,'[17]INDUSTRIAL(I)'!$BH$67&lt;='[17]INDUSTRIAL(I)'!$BT$67),"A","")</definedName>
    <definedName name="INDUSTRIAL_I_ActualA74" hidden="1">IF(AND('[17]INDUSTRIAL(I)'!$BH$74&gt;'[17]INDUSTRIAL(I)'!$BS$74,'[17]INDUSTRIAL(I)'!$BH$74&lt;='[17]INDUSTRIAL(I)'!$BT$74),"A","")</definedName>
    <definedName name="INDUSTRIAL_I_ActualA75" hidden="1">IF(AND('[17]INDUSTRIAL(I)'!$BH$75&gt;='[17]INDUSTRIAL(I)'!$BS$75,'[17]INDUSTRIAL(I)'!$BH$75&lt;='[17]INDUSTRIAL(I)'!$BT$75),"A","")</definedName>
    <definedName name="INDUSTRIAL_I_ActualA76" hidden="1">IF(AND('[17]INDUSTRIAL(I)'!$BH$76&gt;='[17]INDUSTRIAL(I)'!$BS$76,'[17]INDUSTRIAL(I)'!$BH$76&lt;='[17]INDUSTRIAL(I)'!$BT$76),"A","")</definedName>
    <definedName name="INDUSTRIAL_I_ActualA77" hidden="1">IF(AND('[17]INDUSTRIAL(I)'!$BH$77&gt;='[17]INDUSTRIAL(I)'!$BS$77,'[17]INDUSTRIAL(I)'!$BH$77&lt;='[17]INDUSTRIAL(I)'!$BT$77),"A","")</definedName>
    <definedName name="INDUSTRIAL_I_ActualA78" hidden="1">IF(AND('[17]INDUSTRIAL(I)'!$BH$78&gt;'[17]INDUSTRIAL(I)'!$BS$78,'[17]INDUSTRIAL(I)'!$BH$78&lt;='[17]INDUSTRIAL(I)'!$BT$78),"A","")</definedName>
    <definedName name="INDUSTRIAL_I_ActualA79" hidden="1">IF(AND('[17]INDUSTRIAL(I)'!$BH$79&gt;'[17]INDUSTRIAL(I)'!$BS$79,'[17]INDUSTRIAL(I)'!$BH$79&lt;='[17]INDUSTRIAL(I)'!$BT$79),"A","")</definedName>
    <definedName name="INDUSTRIAL_I_ActualA80" hidden="1">IF(AND('[17]INDUSTRIAL(I)'!$BH$80&gt;'[17]INDUSTRIAL(I)'!$BS$80,'[17]INDUSTRIAL(I)'!$BH$80&lt;='[17]INDUSTRIAL(I)'!$BT$80),"A","")</definedName>
    <definedName name="INDUSTRIAL_I_ActualA81" hidden="1">IF(AND('[17]INDUSTRIAL(I)'!$BH$81&gt;='[17]INDUSTRIAL(I)'!$BS$81,'[17]INDUSTRIAL(I)'!$BH$81&lt;='[17]INDUSTRIAL(I)'!$BT$81),"A","")</definedName>
    <definedName name="INDUSTRIAL_I_ActualB65" hidden="1">IF(AND('[17]INDUSTRIAL(I)'!$BH$65&gt;'[17]INDUSTRIAL(I)'!$BQ$65,'[17]INDUSTRIAL(I)'!$BH$65&lt;='[17]INDUSTRIAL(I)'!$BR$65),"B","")</definedName>
    <definedName name="INDUSTRIAL_I_ActualB66" hidden="1">IF(AND('[17]INDUSTRIAL(I)'!$BH$66&gt;'[17]INDUSTRIAL(I)'!$BQ$66,'[17]INDUSTRIAL(I)'!$BH$66&lt;='[17]INDUSTRIAL(I)'!$BR$66),"B","")</definedName>
    <definedName name="INDUSTRIAL_I_ActualB67" hidden="1">IF(AND('[17]INDUSTRIAL(I)'!$BH$67&gt;'[17]INDUSTRIAL(I)'!$BQ$67,'[17]INDUSTRIAL(I)'!$BH$67&lt;='[17]INDUSTRIAL(I)'!$BR$67),"B","")</definedName>
    <definedName name="INDUSTRIAL_I_ActualB74" hidden="1">IF(AND('[17]INDUSTRIAL(I)'!$BH$74&gt;'[17]INDUSTRIAL(I)'!$BQ$74,'[17]INDUSTRIAL(I)'!$BH$74&lt;='[17]INDUSTRIAL(I)'!$BR$74),"B","")</definedName>
    <definedName name="INDUSTRIAL_I_ActualB75" hidden="1">IF(AND('[17]INDUSTRIAL(I)'!$BH$75&gt;'[17]INDUSTRIAL(I)'!$BQ$75,'[17]INDUSTRIAL(I)'!$BH$75&lt;='[17]INDUSTRIAL(I)'!$BR$75),"B","")</definedName>
    <definedName name="INDUSTRIAL_I_ActualB76" hidden="1">IF(AND('[17]INDUSTRIAL(I)'!$BH$76&gt;'[17]INDUSTRIAL(I)'!$BQ$76,'[17]INDUSTRIAL(I)'!$BH$76&lt;='[17]INDUSTRIAL(I)'!$BR$76),"B","")</definedName>
    <definedName name="INDUSTRIAL_I_ActualB77" hidden="1">IF(AND('[17]INDUSTRIAL(I)'!$BH$77&gt;'[17]INDUSTRIAL(I)'!$BQ$77,'[17]INDUSTRIAL(I)'!$BH$77&lt;='[17]INDUSTRIAL(I)'!$BR$77),"B","")</definedName>
    <definedName name="INDUSTRIAL_I_ActualB78" hidden="1">IF(AND('[17]INDUSTRIAL(I)'!$BH$78&gt;'[17]INDUSTRIAL(I)'!$BQ$78,'[17]INDUSTRIAL(I)'!$BH$78&lt;='[17]INDUSTRIAL(I)'!$BR$78),"B","")</definedName>
    <definedName name="INDUSTRIAL_I_ActualB79" hidden="1">IF(AND('[17]INDUSTRIAL(I)'!$BH$79&gt;'[17]INDUSTRIAL(I)'!$BQ$79,'[17]INDUSTRIAL(I)'!$BH$79&lt;='[17]INDUSTRIAL(I)'!$BR$79),"B","")</definedName>
    <definedName name="INDUSTRIAL_I_ActualB80" hidden="1">IF(AND('[17]INDUSTRIAL(I)'!$BH$80&gt;'[17]INDUSTRIAL(I)'!$BQ$80,'[17]INDUSTRIAL(I)'!$BH$80&lt;='[17]INDUSTRIAL(I)'!$BR$80),"B","")</definedName>
    <definedName name="INDUSTRIAL_I_ActualB81" hidden="1">IF(AND('[17]INDUSTRIAL(I)'!$BH$81&gt;'[17]INDUSTRIAL(I)'!$BQ$81,'[17]INDUSTRIAL(I)'!$BH$81&lt;='[17]INDUSTRIAL(I)'!$BR$81),"B","")</definedName>
    <definedName name="INDUSTRIAL_I_ActualC65" hidden="1">IF(AND('[17]INDUSTRIAL(I)'!$BH$65&gt;'[17]INDUSTRIAL(I)'!$BO$65,'[17]INDUSTRIAL(I)'!$BH$65&lt;='[17]INDUSTRIAL(I)'!$BP$65),"C","")</definedName>
    <definedName name="INDUSTRIAL_I_ActualC66" hidden="1">IF(AND('[17]INDUSTRIAL(I)'!$BH$66&gt;'[17]INDUSTRIAL(I)'!$BO$66,'[17]INDUSTRIAL(I)'!$BH$66&lt;='[17]INDUSTRIAL(I)'!$BP$66),"C","")</definedName>
    <definedName name="INDUSTRIAL_I_ActualC67" hidden="1">IF(AND('[17]INDUSTRIAL(I)'!$BH$67&gt;'[17]INDUSTRIAL(I)'!$BO$67,'[17]INDUSTRIAL(I)'!$BH$67&lt;='[17]INDUSTRIAL(I)'!$BP$67),"C","")</definedName>
    <definedName name="INDUSTRIAL_I_ActualC74" hidden="1">IF(AND('[17]INDUSTRIAL(I)'!$BH$74&gt;'[17]INDUSTRIAL(I)'!$BO$74,'[17]INDUSTRIAL(I)'!$BH$74&lt;='[17]INDUSTRIAL(I)'!$BP$74),"C","")</definedName>
    <definedName name="INDUSTRIAL_I_ActualC75" hidden="1">IF(AND('[17]INDUSTRIAL(I)'!$BH$75&gt;'[17]INDUSTRIAL(I)'!$BO$75,'[17]INDUSTRIAL(I)'!$BH$75&lt;='[17]INDUSTRIAL(I)'!$BP$75),"C","")</definedName>
    <definedName name="INDUSTRIAL_I_ActualC76" hidden="1">IF(AND('[17]INDUSTRIAL(I)'!$BH$76&gt;'[17]INDUSTRIAL(I)'!$BO$76,'[17]INDUSTRIAL(I)'!$BH$76&lt;='[17]INDUSTRIAL(I)'!$BP$76),"C","")</definedName>
    <definedName name="INDUSTRIAL_I_ActualC77" hidden="1">IF(AND('[17]INDUSTRIAL(I)'!$BH$77&gt;'[17]INDUSTRIAL(I)'!$BO$77,'[17]INDUSTRIAL(I)'!$BH$77&lt;='[17]INDUSTRIAL(I)'!$BP$77),"C","")</definedName>
    <definedName name="INDUSTRIAL_I_ActualC78" hidden="1">IF(AND('[17]INDUSTRIAL(I)'!$BH$78&gt;'[17]INDUSTRIAL(I)'!$BO$78,'[17]INDUSTRIAL(I)'!$BH$78&lt;='[17]INDUSTRIAL(I)'!$BP$78),"C","")</definedName>
    <definedName name="INDUSTRIAL_I_ActualC79" hidden="1">IF(AND('[17]INDUSTRIAL(I)'!$BH$79&gt;'[17]INDUSTRIAL(I)'!$BO$79,'[17]INDUSTRIAL(I)'!$BH$79&lt;='[17]INDUSTRIAL(I)'!$BP$79),"C","")</definedName>
    <definedName name="INDUSTRIAL_I_ActualC80" hidden="1">IF(AND('[17]INDUSTRIAL(I)'!$BH$80&gt;'[17]INDUSTRIAL(I)'!$BO$80,'[17]INDUSTRIAL(I)'!$BH$80&lt;='[17]INDUSTRIAL(I)'!$BP$80),"C","")</definedName>
    <definedName name="INDUSTRIAL_I_ActualC81" hidden="1">IF(AND('[17]INDUSTRIAL(I)'!$BH$81&gt;'[17]INDUSTRIAL(I)'!$BO$81,'[17]INDUSTRIAL(I)'!$BH$81&lt;='[17]INDUSTRIAL(I)'!$BP$81),"C","")</definedName>
    <definedName name="INDUSTRIAL_I_ActualD65" hidden="1">IF(AND('[17]INDUSTRIAL(I)'!$BH$65&gt;'[17]INDUSTRIAL(I)'!$BM$65,'[17]INDUSTRIAL(I)'!$BH$65&lt;='[17]INDUSTRIAL(I)'!$BN$65),"D","")</definedName>
    <definedName name="INDUSTRIAL_I_ActualD66" hidden="1">IF(AND('[17]INDUSTRIAL(I)'!$BH$66&gt;'[17]INDUSTRIAL(I)'!$BM$66,'[17]INDUSTRIAL(I)'!$BH$66&lt;='[17]INDUSTRIAL(I)'!$BN$66),"D","")</definedName>
    <definedName name="INDUSTRIAL_I_ActualD67" hidden="1">IF(AND('[17]INDUSTRIAL(I)'!$BH$67&gt;'[17]INDUSTRIAL(I)'!$BM$67,'[17]INDUSTRIAL(I)'!$BH$67&lt;='[17]INDUSTRIAL(I)'!$BN$67),"D","")</definedName>
    <definedName name="INDUSTRIAL_I_ActualD74" hidden="1">IF(AND('[17]INDUSTRIAL(I)'!$BH$74&gt;'[17]INDUSTRIAL(I)'!$BM$74,'[17]INDUSTRIAL(I)'!$BH$74&lt;='[17]INDUSTRIAL(I)'!$BN$74),"D","")</definedName>
    <definedName name="INDUSTRIAL_I_ActualD75" hidden="1">IF(AND('[17]INDUSTRIAL(I)'!$BH$75&gt;'[17]INDUSTRIAL(I)'!$BM$75,'[17]INDUSTRIAL(I)'!$BH$75&lt;='[17]INDUSTRIAL(I)'!$BN$75),"D","")</definedName>
    <definedName name="INDUSTRIAL_I_ActualD76" hidden="1">IF(AND('[17]INDUSTRIAL(I)'!$BH$76&gt;'[17]INDUSTRIAL(I)'!$BM$76,'[17]INDUSTRIAL(I)'!$BH$76&lt;='[17]INDUSTRIAL(I)'!$BN$76),"D","")</definedName>
    <definedName name="INDUSTRIAL_I_ActualD77" hidden="1">IF(AND('[17]INDUSTRIAL(I)'!$BH$77&gt;'[17]INDUSTRIAL(I)'!$BM$77,'[17]INDUSTRIAL(I)'!$BH$77&lt;='[17]INDUSTRIAL(I)'!$BN$77),"D","")</definedName>
    <definedName name="INDUSTRIAL_I_ActualD78" hidden="1">IF(AND('[17]INDUSTRIAL(I)'!$BH$78&gt;'[17]INDUSTRIAL(I)'!$BM$78,'[17]INDUSTRIAL(I)'!$BH$78&lt;='[17]INDUSTRIAL(I)'!$BN$78),"D","")</definedName>
    <definedName name="INDUSTRIAL_I_ActualD79" hidden="1">IF(AND('[17]INDUSTRIAL(I)'!$BH$79&gt;'[17]INDUSTRIAL(I)'!$BM$79,'[17]INDUSTRIAL(I)'!$BH$79&lt;='[17]INDUSTRIAL(I)'!$BN$79),"D","")</definedName>
    <definedName name="INDUSTRIAL_I_ActualD80" hidden="1">IF(AND('[17]INDUSTRIAL(I)'!$BH$80&gt;'[17]INDUSTRIAL(I)'!$BM$80,'[17]INDUSTRIAL(I)'!$BH$80&lt;='[17]INDUSTRIAL(I)'!$BN$80),"D","")</definedName>
    <definedName name="INDUSTRIAL_I_ActualD81" hidden="1">IF(AND('[17]INDUSTRIAL(I)'!$BH$81&gt;'[17]INDUSTRIAL(I)'!$BM$81,'[17]INDUSTRIAL(I)'!$BH$81&lt;='[17]INDUSTRIAL(I)'!$BN$81),"D","")</definedName>
    <definedName name="INDUSTRIAL_I_ActualE65" hidden="1">IF(AND('[17]INDUSTRIAL(I)'!$BH$65&gt;='[17]INDUSTRIAL(I)'!$BK$65,'[17]INDUSTRIAL(I)'!$BH$65&lt;='[17]INDUSTRIAL(I)'!$BL$65),"E","")</definedName>
    <definedName name="INDUSTRIAL_I_ActualE66" hidden="1">IF(AND('[17]INDUSTRIAL(I)'!$BH$66&gt;='[17]INDUSTRIAL(I)'!$BK$66,'[17]INDUSTRIAL(I)'!$BH$66&lt;='[17]INDUSTRIAL(I)'!$BL$66),"E","")</definedName>
    <definedName name="INDUSTRIAL_I_ActualE67" hidden="1">IF(AND('[17]INDUSTRIAL(I)'!$BH$67&gt;='[17]INDUSTRIAL(I)'!$BK$67,'[17]INDUSTRIAL(I)'!$BH$67&lt;='[17]INDUSTRIAL(I)'!$BL$67),"E","")</definedName>
    <definedName name="INDUSTRIAL_I_ActualE74" hidden="1">IF(AND('[17]INDUSTRIAL(I)'!$BH$74&gt;='[17]INDUSTRIAL(I)'!$BK$74,'[17]INDUSTRIAL(I)'!$BH$74&lt;='[17]INDUSTRIAL(I)'!$BL$74),"E","")</definedName>
    <definedName name="INDUSTRIAL_I_ActualE75" hidden="1">IF(AND('[17]INDUSTRIAL(I)'!$BH$75&gt;'[17]INDUSTRIAL(I)'!$BK$75,'[17]INDUSTRIAL(I)'!$BH$75&lt;='[17]INDUSTRIAL(I)'!$BL$75),"E","")</definedName>
    <definedName name="INDUSTRIAL_I_ActualE76" hidden="1">IF(AND('[17]INDUSTRIAL(I)'!$BH$76&gt;'[17]INDUSTRIAL(I)'!$BK$76,'[17]INDUSTRIAL(I)'!$BH$76&lt;='[17]INDUSTRIAL(I)'!$BL$76),"E","")</definedName>
    <definedName name="INDUSTRIAL_I_ActualE77" hidden="1">IF(AND('[17]INDUSTRIAL(I)'!$BH$77&gt;'[17]INDUSTRIAL(I)'!$BK$77,'[17]INDUSTRIAL(I)'!$BH$77&lt;='[17]INDUSTRIAL(I)'!$BL$77),"E","")</definedName>
    <definedName name="INDUSTRIAL_I_ActualE78" hidden="1">IF(AND('[17]INDUSTRIAL(I)'!$BH$78&gt;='[17]INDUSTRIAL(I)'!$BK$78,'[17]INDUSTRIAL(I)'!$BH$78&lt;='[17]INDUSTRIAL(I)'!$BL$78),"E","")</definedName>
    <definedName name="INDUSTRIAL_I_ActualE79" hidden="1">IF(AND('[17]INDUSTRIAL(I)'!$BH$79&gt;='[17]INDUSTRIAL(I)'!$BK$79,'[17]INDUSTRIAL(I)'!$BH$79&lt;='[17]INDUSTRIAL(I)'!$BL$79),"E","")</definedName>
    <definedName name="INDUSTRIAL_I_ActualE80" hidden="1">IF(AND('[17]INDUSTRIAL(I)'!$BH$80&gt;='[17]INDUSTRIAL(I)'!$BK$80,'[17]INDUSTRIAL(I)'!$BH$80&lt;='[17]INDUSTRIAL(I)'!$BL$80),"E","")</definedName>
    <definedName name="INDUSTRIAL_I_ActualE81" hidden="1">IF(AND('[17]INDUSTRIAL(I)'!$BH$81&gt;'[17]INDUSTRIAL(I)'!$BK$81,'[17]INDUSTRIAL(I)'!$BH$81&lt;='[17]INDUSTRIAL(I)'!$BL$81),"E","")</definedName>
    <definedName name="INDUSTRIAL_I_Divisor61" hidden="1">(MAX('[17]INDUSTRIAL(I)'!$BW$61,'[17]INDUSTRIAL(I)'!$BH$61,'[17]INDUSTRIAL(I)'!$BG$61)-MIN('[17]INDUSTRIAL(I)'!$BU$61,'[17]INDUSTRIAL(I)'!$BH$61,'[17]INDUSTRIAL(I)'!$BG$61))</definedName>
    <definedName name="INDUSTRIAL_I_Divisor62" hidden="1">(MAX('[17]INDUSTRIAL(I)'!$BW$62,'[17]INDUSTRIAL(I)'!$BH$62,'[17]INDUSTRIAL(I)'!$BG$62)-MIN('[17]INDUSTRIAL(I)'!$BU$62,'[17]INDUSTRIAL(I)'!$BH$62,'[17]INDUSTRIAL(I)'!$BG$62))</definedName>
    <definedName name="INDUSTRIAL_I_Divisor63" hidden="1">(MAX('[17]INDUSTRIAL(I)'!$BW$63,'[17]INDUSTRIAL(I)'!$BH$63,'[17]INDUSTRIAL(I)'!$BG$63)-MIN('[17]INDUSTRIAL(I)'!$BU$63,'[17]INDUSTRIAL(I)'!$BH$63,'[17]INDUSTRIAL(I)'!$BG$63))</definedName>
    <definedName name="INDUSTRIAL_I_Divisor71" hidden="1">(MAX('[17]INDUSTRIAL(I)'!$BW$71,'[17]INDUSTRIAL(I)'!$BH$71,'[17]INDUSTRIAL(I)'!$BG$71)-MIN('[17]INDUSTRIAL(I)'!$BU$71,'[17]INDUSTRIAL(I)'!$BH$71,'[17]INDUSTRIAL(I)'!$BG$71))</definedName>
    <definedName name="INDUSTRIAL_I_Row61PeerGroupPve" hidden="1">"C/ K additive coefficient"</definedName>
    <definedName name="INDUSTRIAL_I_Row62PeerGroupPve" hidden="1">"Burning line utilization factor"</definedName>
    <definedName name="INDUSTRIAL_I_Row63PeerGroupNve" hidden="1">"Manufacturing population"</definedName>
    <definedName name="INDUSTRIAL_I_Row65ValueClassedPve" hidden="1">"Raw mills reliability Factor"</definedName>
    <definedName name="INDUSTRIAL_I_Row66ValueClassedPve" hidden="1">"Finish Mills Reliability Factor"</definedName>
    <definedName name="INDUSTRIAL_I_Row67ValueClassedPve" hidden="1">"Kilns Reliability Factor"</definedName>
    <definedName name="INDUSTRIAL_I_Row69LetterClassedNve" hidden="1">"Safety Practice Status"</definedName>
    <definedName name="INDUSTRIAL_I_Row71PeerGroupNve" hidden="1">"Frequency Rate"</definedName>
    <definedName name="INDUSTRIAL_I_Row73LetterClassedNve" hidden="1">"P &amp; P practice status"</definedName>
    <definedName name="INDUSTRIAL_I_Row74ValueClassedPve" hidden="1">"Kilns Performance factor"</definedName>
    <definedName name="INDUSTRIAL_I_Row75ValueClassedNve" hidden="1">"Kiln Feed Unif. Index (KFUI)"</definedName>
    <definedName name="INDUSTRIAL_I_Row76ValueClassedNve" hidden="1">"Clinker SO3 Unif. Index (KSUI)"</definedName>
    <definedName name="INDUSTRIAL_I_Row77ValueClassedNve" hidden="1">"Free Lime Uniformity Index (FLUI)"</definedName>
    <definedName name="INDUSTRIAL_I_Row78ValueClassedPve" hidden="1">"OTA (Kilns)"</definedName>
    <definedName name="INDUSTRIAL_I_Row79ValueClassedPve" hidden="1">"OTA (Raw Mills)"</definedName>
    <definedName name="INDUSTRIAL_I_Row80ValueClassedPve" hidden="1">"OTA (Finish Mills)"</definedName>
    <definedName name="INDUSTRIAL_I_Row81ValueClassedNve" hidden="1">"Process Failure Rate (Burning Line)"</definedName>
    <definedName name="INDUSTRIAL_I_Scenario58" hidden="1">(('[17]INDUSTRIAL(I)'!$BG$58="E")+('[17]INDUSTRIAL(I)'!$BG$58="D")*2+('[17]INDUSTRIAL(I)'!$BG$58="C")*3+('[17]INDUSTRIAL(I)'!$BG$58="B")*4+('[17]INDUSTRIAL(I)'!$BG$58="A")*5-0.5)</definedName>
    <definedName name="INDUSTRIAL_I_ScenarioA65" hidden="1">IF(AND('[17]INDUSTRIAL(I)'!$BG$65&gt;'[17]INDUSTRIAL(I)'!$BS$65,'[17]INDUSTRIAL(I)'!$BG$65&lt;='[17]INDUSTRIAL(I)'!$BT$65),"A","")</definedName>
    <definedName name="INDUSTRIAL_I_ScenarioA66" hidden="1">IF(AND('[17]INDUSTRIAL(I)'!$BG$66&gt;'[17]INDUSTRIAL(I)'!$BS$66,'[17]INDUSTRIAL(I)'!$BG$66&lt;='[17]INDUSTRIAL(I)'!$BT$66),"A","")</definedName>
    <definedName name="INDUSTRIAL_I_ScenarioA67" hidden="1">IF(AND('[17]INDUSTRIAL(I)'!$BG$67&gt;'[17]INDUSTRIAL(I)'!$BS$67,'[17]INDUSTRIAL(I)'!$BG$67&lt;='[17]INDUSTRIAL(I)'!$BT$67),"A","")</definedName>
    <definedName name="INDUSTRIAL_I_ScenarioA74" hidden="1">IF(AND('[17]INDUSTRIAL(I)'!$BG$74&gt;'[17]INDUSTRIAL(I)'!$BS$74,'[17]INDUSTRIAL(I)'!$BG$74&lt;='[17]INDUSTRIAL(I)'!$BT$74),"A","")</definedName>
    <definedName name="INDUSTRIAL_I_ScenarioA75" hidden="1">IF(AND('[17]INDUSTRIAL(I)'!$BG$75&gt;='[17]INDUSTRIAL(I)'!$BS$75,'[17]INDUSTRIAL(I)'!$BG$75&lt;='[17]INDUSTRIAL(I)'!$BT$75),"A","")</definedName>
    <definedName name="INDUSTRIAL_I_ScenarioA76" hidden="1">IF(AND('[17]INDUSTRIAL(I)'!$BG$76&gt;='[17]INDUSTRIAL(I)'!$BS$76,'[17]INDUSTRIAL(I)'!$BG$76&lt;='[17]INDUSTRIAL(I)'!$BT$76),"A","")</definedName>
    <definedName name="INDUSTRIAL_I_ScenarioA77" hidden="1">IF(AND('[17]INDUSTRIAL(I)'!$BG$77&gt;='[17]INDUSTRIAL(I)'!$BS$77,'[17]INDUSTRIAL(I)'!$BG$77&lt;='[17]INDUSTRIAL(I)'!$BT$77),"A","")</definedName>
    <definedName name="INDUSTRIAL_I_ScenarioA78" hidden="1">IF(AND('[17]INDUSTRIAL(I)'!$BG$78&gt;'[17]INDUSTRIAL(I)'!$BS$78,'[17]INDUSTRIAL(I)'!$BG$78&lt;='[17]INDUSTRIAL(I)'!$BT$78),"A","")</definedName>
    <definedName name="INDUSTRIAL_I_ScenarioA79" hidden="1">IF(AND('[17]INDUSTRIAL(I)'!$BG$79&gt;'[17]INDUSTRIAL(I)'!$BS$79,'[17]INDUSTRIAL(I)'!$BG$79&lt;='[17]INDUSTRIAL(I)'!$BT$79),"A","")</definedName>
    <definedName name="INDUSTRIAL_I_ScenarioA80" hidden="1">IF(AND('[17]INDUSTRIAL(I)'!$BG$80&gt;'[17]INDUSTRIAL(I)'!$BS$80,'[17]INDUSTRIAL(I)'!$BG$80&lt;='[17]INDUSTRIAL(I)'!$BT$80),"A","")</definedName>
    <definedName name="INDUSTRIAL_I_ScenarioA81" hidden="1">IF(AND('[17]INDUSTRIAL(I)'!$BG$81&gt;='[17]INDUSTRIAL(I)'!$BS$81,'[17]INDUSTRIAL(I)'!$BG$81&lt;='[17]INDUSTRIAL(I)'!$BT$81),"A","")</definedName>
    <definedName name="INDUSTRIAL_I_ScenarioB65" hidden="1">IF(AND('[17]INDUSTRIAL(I)'!$BG$65&gt;'[17]INDUSTRIAL(I)'!$BQ$65,'[17]INDUSTRIAL(I)'!$BG$65&lt;='[17]INDUSTRIAL(I)'!$BR$65),"B","")</definedName>
    <definedName name="INDUSTRIAL_I_ScenarioB66" hidden="1">IF(AND('[17]INDUSTRIAL(I)'!$BG$66&gt;'[17]INDUSTRIAL(I)'!$BQ$66,'[17]INDUSTRIAL(I)'!$BG$66&lt;='[17]INDUSTRIAL(I)'!$BR$66),"B","")</definedName>
    <definedName name="INDUSTRIAL_I_ScenarioB67" hidden="1">IF(AND('[17]INDUSTRIAL(I)'!$BG$67&gt;'[17]INDUSTRIAL(I)'!$BQ$67,'[17]INDUSTRIAL(I)'!$BG$67&lt;='[17]INDUSTRIAL(I)'!$BR$67),"B","")</definedName>
    <definedName name="INDUSTRIAL_I_ScenarioB74" hidden="1">IF(AND('[17]INDUSTRIAL(I)'!$BG$74&gt;'[17]INDUSTRIAL(I)'!$BQ$74,'[17]INDUSTRIAL(I)'!$BG$74&lt;='[17]INDUSTRIAL(I)'!$BR$74),"B","")</definedName>
    <definedName name="INDUSTRIAL_I_ScenarioB75" hidden="1">IF(AND('[17]INDUSTRIAL(I)'!$BG$75&gt;'[17]INDUSTRIAL(I)'!$BQ$75,'[17]INDUSTRIAL(I)'!$BG$75&lt;='[17]INDUSTRIAL(I)'!$BR$75),"B","")</definedName>
    <definedName name="INDUSTRIAL_I_ScenarioB76" hidden="1">IF(AND('[17]INDUSTRIAL(I)'!$BG$76&gt;'[17]INDUSTRIAL(I)'!$BQ$76,'[17]INDUSTRIAL(I)'!$BG$76&lt;='[17]INDUSTRIAL(I)'!$BR$76),"B","")</definedName>
    <definedName name="INDUSTRIAL_I_ScenarioB77" hidden="1">IF(AND('[17]INDUSTRIAL(I)'!$BG$77&gt;'[17]INDUSTRIAL(I)'!$BQ$77,'[17]INDUSTRIAL(I)'!$BG$77&lt;='[17]INDUSTRIAL(I)'!$BR$77),"B","")</definedName>
    <definedName name="INDUSTRIAL_I_ScenarioB78" hidden="1">IF(AND('[17]INDUSTRIAL(I)'!$BG$78&gt;'[17]INDUSTRIAL(I)'!$BQ$78,'[17]INDUSTRIAL(I)'!$BG$78&lt;='[17]INDUSTRIAL(I)'!$BR$78),"B","")</definedName>
    <definedName name="INDUSTRIAL_I_ScenarioB79" hidden="1">IF(AND('[17]INDUSTRIAL(I)'!$BG$79&gt;'[17]INDUSTRIAL(I)'!$BQ$79,'[17]INDUSTRIAL(I)'!$BG$79&lt;='[17]INDUSTRIAL(I)'!$BR$79),"B","")</definedName>
    <definedName name="INDUSTRIAL_I_ScenarioB80" hidden="1">IF(AND('[17]INDUSTRIAL(I)'!$BG$80&gt;'[17]INDUSTRIAL(I)'!$BQ$80,'[17]INDUSTRIAL(I)'!$BG$80&lt;='[17]INDUSTRIAL(I)'!$BR$80),"B","")</definedName>
    <definedName name="INDUSTRIAL_I_ScenarioB81" hidden="1">IF(AND('[17]INDUSTRIAL(I)'!$BG$81&gt;'[17]INDUSTRIAL(I)'!$BQ$81,'[17]INDUSTRIAL(I)'!$BG$81&lt;='[17]INDUSTRIAL(I)'!$BR$81),"B","")</definedName>
    <definedName name="INDUSTRIAL_I_ScenarioC65" hidden="1">IF(AND('[17]INDUSTRIAL(I)'!$BG$65&gt;'[17]INDUSTRIAL(I)'!$BO$65,'[17]INDUSTRIAL(I)'!$BG$65&lt;='[17]INDUSTRIAL(I)'!$BP$65),"C","")</definedName>
    <definedName name="INDUSTRIAL_I_ScenarioC66" hidden="1">IF(AND('[17]INDUSTRIAL(I)'!$BG$66&gt;'[17]INDUSTRIAL(I)'!$BO$66,'[17]INDUSTRIAL(I)'!$BG$66&lt;='[17]INDUSTRIAL(I)'!$BP$66),"C","")</definedName>
    <definedName name="INDUSTRIAL_I_ScenarioC67" hidden="1">IF(AND('[17]INDUSTRIAL(I)'!$BG$67&gt;'[17]INDUSTRIAL(I)'!$BO$67,'[17]INDUSTRIAL(I)'!$BG$67&lt;='[17]INDUSTRIAL(I)'!$BP$67),"C","")</definedName>
    <definedName name="INDUSTRIAL_I_ScenarioC74" hidden="1">IF(AND('[17]INDUSTRIAL(I)'!$BG$74&gt;'[17]INDUSTRIAL(I)'!$BO$74,'[17]INDUSTRIAL(I)'!$BG$74&lt;='[17]INDUSTRIAL(I)'!$BP$74),"C","")</definedName>
    <definedName name="INDUSTRIAL_I_ScenarioC75" hidden="1">IF(AND('[17]INDUSTRIAL(I)'!$BG$75&gt;'[17]INDUSTRIAL(I)'!$BO$75,'[17]INDUSTRIAL(I)'!$BG$75&lt;='[17]INDUSTRIAL(I)'!$BP$75),"C","")</definedName>
    <definedName name="INDUSTRIAL_I_ScenarioC76" hidden="1">IF(AND('[17]INDUSTRIAL(I)'!$BG$76&gt;'[17]INDUSTRIAL(I)'!$BO$76,'[17]INDUSTRIAL(I)'!$BG$76&lt;='[17]INDUSTRIAL(I)'!$BP$76),"C","")</definedName>
    <definedName name="INDUSTRIAL_I_ScenarioC77" hidden="1">IF(AND('[17]INDUSTRIAL(I)'!$BG$77&gt;'[17]INDUSTRIAL(I)'!$BO$77,'[17]INDUSTRIAL(I)'!$BG$77&lt;='[17]INDUSTRIAL(I)'!$BP$77),"C","")</definedName>
    <definedName name="INDUSTRIAL_I_ScenarioC78" hidden="1">IF(AND('[17]INDUSTRIAL(I)'!$BG$78&gt;'[17]INDUSTRIAL(I)'!$BO$78,'[17]INDUSTRIAL(I)'!$BG$78&lt;='[17]INDUSTRIAL(I)'!$BP$78),"C","")</definedName>
    <definedName name="INDUSTRIAL_I_ScenarioC79" hidden="1">IF(AND('[17]INDUSTRIAL(I)'!$BG$79&gt;'[17]INDUSTRIAL(I)'!$BO$79,'[17]INDUSTRIAL(I)'!$BG$79&lt;='[17]INDUSTRIAL(I)'!$BP$79),"C","")</definedName>
    <definedName name="INDUSTRIAL_I_ScenarioC80" hidden="1">IF(AND('[17]INDUSTRIAL(I)'!$BG$80&gt;'[17]INDUSTRIAL(I)'!$BO$80,'[17]INDUSTRIAL(I)'!$BG$80&lt;='[17]INDUSTRIAL(I)'!$BP$80),"C","")</definedName>
    <definedName name="INDUSTRIAL_I_ScenarioC81" hidden="1">IF(AND('[17]INDUSTRIAL(I)'!$BG$81&gt;'[17]INDUSTRIAL(I)'!$BO$81,'[17]INDUSTRIAL(I)'!$BG$81&lt;='[17]INDUSTRIAL(I)'!$BP$81),"C","")</definedName>
    <definedName name="INDUSTRIAL_I_ScenarioD65" hidden="1">IF(AND('[17]INDUSTRIAL(I)'!$BG$65&gt;'[17]INDUSTRIAL(I)'!$BM$65,'[17]INDUSTRIAL(I)'!$BG$65&lt;='[17]INDUSTRIAL(I)'!$BN$65),"D","")</definedName>
    <definedName name="INDUSTRIAL_I_ScenarioD66" hidden="1">IF(AND('[17]INDUSTRIAL(I)'!$BG$66&gt;'[17]INDUSTRIAL(I)'!$BM$66,'[17]INDUSTRIAL(I)'!$BG$66&lt;='[17]INDUSTRIAL(I)'!$BN$66),"D","")</definedName>
    <definedName name="INDUSTRIAL_I_ScenarioD67" hidden="1">IF(AND('[17]INDUSTRIAL(I)'!$BG$67&gt;'[17]INDUSTRIAL(I)'!$BM$67,'[17]INDUSTRIAL(I)'!$BG$67&lt;='[17]INDUSTRIAL(I)'!$BN$67),"D","")</definedName>
    <definedName name="INDUSTRIAL_I_ScenarioD74" hidden="1">IF(AND('[17]INDUSTRIAL(I)'!$BG$74&gt;'[17]INDUSTRIAL(I)'!$BM$74,'[17]INDUSTRIAL(I)'!$BG$74&lt;='[17]INDUSTRIAL(I)'!$BN$74),"D","")</definedName>
    <definedName name="INDUSTRIAL_I_ScenarioD75" hidden="1">IF(AND('[17]INDUSTRIAL(I)'!$BG$75&gt;'[17]INDUSTRIAL(I)'!$BM$75,'[17]INDUSTRIAL(I)'!$BG$75&lt;='[17]INDUSTRIAL(I)'!$BN$75),"D","")</definedName>
    <definedName name="INDUSTRIAL_I_ScenarioD76" hidden="1">IF(AND('[17]INDUSTRIAL(I)'!$BG$76&gt;'[17]INDUSTRIAL(I)'!$BM$76,'[17]INDUSTRIAL(I)'!$BG$76&lt;='[17]INDUSTRIAL(I)'!$BN$76),"D","")</definedName>
    <definedName name="INDUSTRIAL_I_ScenarioD77" hidden="1">IF(AND('[17]INDUSTRIAL(I)'!$BG$77&gt;'[17]INDUSTRIAL(I)'!$BM$77,'[17]INDUSTRIAL(I)'!$BG$77&lt;='[17]INDUSTRIAL(I)'!$BN$77),"D","")</definedName>
    <definedName name="INDUSTRIAL_I_ScenarioD78" hidden="1">IF(AND('[17]INDUSTRIAL(I)'!$BG$78&gt;'[17]INDUSTRIAL(I)'!$BM$78,'[17]INDUSTRIAL(I)'!$BG$78&lt;='[17]INDUSTRIAL(I)'!$BN$78),"D","")</definedName>
    <definedName name="INDUSTRIAL_I_ScenarioD79" hidden="1">IF(AND('[17]INDUSTRIAL(I)'!$BG$79&gt;'[17]INDUSTRIAL(I)'!$BM$79,'[17]INDUSTRIAL(I)'!$BG$79&lt;='[17]INDUSTRIAL(I)'!$BN$79),"D","")</definedName>
    <definedName name="INDUSTRIAL_I_ScenarioD80" hidden="1">IF(AND('[17]INDUSTRIAL(I)'!$BG$80&gt;'[17]INDUSTRIAL(I)'!$BM$80,'[17]INDUSTRIAL(I)'!$BG$80&lt;='[17]INDUSTRIAL(I)'!$BN$80),"D","")</definedName>
    <definedName name="INDUSTRIAL_I_ScenarioD81" hidden="1">IF(AND('[17]INDUSTRIAL(I)'!$BG$81&gt;'[17]INDUSTRIAL(I)'!$BM$81,'[17]INDUSTRIAL(I)'!$BG$81&lt;='[17]INDUSTRIAL(I)'!$BN$81),"D","")</definedName>
    <definedName name="INDUSTRIAL_I_ScenarioE65" hidden="1">IF(AND('[17]INDUSTRIAL(I)'!$BG$65&gt;='[17]INDUSTRIAL(I)'!$BK$65,'[17]INDUSTRIAL(I)'!$BG$65&lt;='[17]INDUSTRIAL(I)'!$BL$65),"E","")</definedName>
    <definedName name="INDUSTRIAL_I_ScenarioE66" hidden="1">IF(AND('[17]INDUSTRIAL(I)'!$BG$66&gt;='[17]INDUSTRIAL(I)'!$BK$66,'[17]INDUSTRIAL(I)'!$BG$66&lt;='[17]INDUSTRIAL(I)'!$BL$66),"E","")</definedName>
    <definedName name="INDUSTRIAL_I_ScenarioE67" hidden="1">IF(AND('[17]INDUSTRIAL(I)'!$BG$67&gt;='[17]INDUSTRIAL(I)'!$BK$67,'[17]INDUSTRIAL(I)'!$BG$67&lt;='[17]INDUSTRIAL(I)'!$BL$67),"E","")</definedName>
    <definedName name="INDUSTRIAL_I_ScenarioE74" hidden="1">IF(AND('[17]INDUSTRIAL(I)'!$BG$74&gt;='[17]INDUSTRIAL(I)'!$BK$74,'[17]INDUSTRIAL(I)'!$BG$74&lt;='[17]INDUSTRIAL(I)'!$BL$74),"E","")</definedName>
    <definedName name="INDUSTRIAL_I_ScenarioE75" hidden="1">IF(AND('[17]INDUSTRIAL(I)'!$BG$75&gt;'[17]INDUSTRIAL(I)'!$BK$75,'[17]INDUSTRIAL(I)'!$BG$75&lt;='[17]INDUSTRIAL(I)'!$BL$75),"E","")</definedName>
    <definedName name="INDUSTRIAL_I_ScenarioE76" hidden="1">IF(AND('[17]INDUSTRIAL(I)'!$BG$76&gt;'[17]INDUSTRIAL(I)'!$BK$76,'[17]INDUSTRIAL(I)'!$BG$76&lt;='[17]INDUSTRIAL(I)'!$BL$76),"E","")</definedName>
    <definedName name="INDUSTRIAL_I_ScenarioE77" hidden="1">IF(AND('[17]INDUSTRIAL(I)'!$BG$77&gt;'[17]INDUSTRIAL(I)'!$BK$77,'[17]INDUSTRIAL(I)'!$BG$77&lt;='[17]INDUSTRIAL(I)'!$BL$77),"E","")</definedName>
    <definedName name="INDUSTRIAL_I_ScenarioE78" hidden="1">IF(AND('[17]INDUSTRIAL(I)'!$BG$78&gt;='[17]INDUSTRIAL(I)'!$BK$78,'[17]INDUSTRIAL(I)'!$BG$78&lt;='[17]INDUSTRIAL(I)'!$BL$78),"E","")</definedName>
    <definedName name="INDUSTRIAL_I_ScenarioE79" hidden="1">IF(AND('[17]INDUSTRIAL(I)'!$BG$79&gt;='[17]INDUSTRIAL(I)'!$BK$79,'[17]INDUSTRIAL(I)'!$BG$79&lt;='[17]INDUSTRIAL(I)'!$BL$79),"E","")</definedName>
    <definedName name="INDUSTRIAL_I_ScenarioE80" hidden="1">IF(AND('[17]INDUSTRIAL(I)'!$BG$80&gt;='[17]INDUSTRIAL(I)'!$BK$80,'[17]INDUSTRIAL(I)'!$BG$80&lt;='[17]INDUSTRIAL(I)'!$BL$80),"E","")</definedName>
    <definedName name="INDUSTRIAL_I_ScenarioE81" hidden="1">IF(AND('[17]INDUSTRIAL(I)'!$BG$81&gt;'[17]INDUSTRIAL(I)'!$BK$81,'[17]INDUSTRIAL(I)'!$BG$81&lt;='[17]INDUSTRIAL(I)'!$BL$81),"E","")</definedName>
    <definedName name="INDUSTRIAL_II_Actual56" hidden="1">(('[17]INDUSTRIAL(II)'!$BH$56="E")+('[17]INDUSTRIAL(II)'!$BH$56="D")*2+('[17]INDUSTRIAL(II)'!$BH$56="C")*3+('[17]INDUSTRIAL(II)'!$BH$56="B")*4+('[17]INDUSTRIAL(II)'!$BH$56="A")*5-0.5)</definedName>
    <definedName name="INDUSTRIAL_II_ActualA57" hidden="1">IF(AND('[17]INDUSTRIAL(II)'!$BH$57&gt;='[17]INDUSTRIAL(II)'!$BS$57,'[17]INDUSTRIAL(II)'!$BH$57&lt;='[17]INDUSTRIAL(II)'!$BT$57),"A","")</definedName>
    <definedName name="INDUSTRIAL_II_ActualA68" hidden="1">IF(AND('[17]INDUSTRIAL(II)'!$BH$68&gt;='[17]INDUSTRIAL(II)'!$BS$68,'[17]INDUSTRIAL(II)'!$BH$68&lt;='[17]INDUSTRIAL(II)'!$BT$68),"A","")</definedName>
    <definedName name="INDUSTRIAL_II_ActualA69" hidden="1">IF(AND('[17]INDUSTRIAL(II)'!$BH$69&gt;='[17]INDUSTRIAL(II)'!$BS$69,'[17]INDUSTRIAL(II)'!$BH$69&lt;='[17]INDUSTRIAL(II)'!$BT$69),"A","")</definedName>
    <definedName name="INDUSTRIAL_II_ActualA70" hidden="1">IF(AND('[17]INDUSTRIAL(II)'!$BH$70&gt;='[17]INDUSTRIAL(II)'!$BS$70,'[17]INDUSTRIAL(II)'!$BH$70&lt;='[17]INDUSTRIAL(II)'!$BT$70),"A","")</definedName>
    <definedName name="INDUSTRIAL_II_ActualA80" hidden="1">IF(AND('[17]INDUSTRIAL(II)'!$BH$80&gt;='[17]INDUSTRIAL(II)'!$BS$80,'[17]INDUSTRIAL(II)'!$BH$80&lt;='[17]INDUSTRIAL(II)'!$BT$80),"A","")</definedName>
    <definedName name="INDUSTRIAL_II_ActualB57" hidden="1">IF(AND('[17]INDUSTRIAL(II)'!$BH$57&gt;'[17]INDUSTRIAL(II)'!$BQ$57,'[17]INDUSTRIAL(II)'!$BH$57&lt;='[17]INDUSTRIAL(II)'!$BR$57),"B","")</definedName>
    <definedName name="INDUSTRIAL_II_ActualB68" hidden="1">IF(AND('[17]INDUSTRIAL(II)'!$BH$68&gt;'[17]INDUSTRIAL(II)'!$BQ$68,'[17]INDUSTRIAL(II)'!$BH$68&lt;='[17]INDUSTRIAL(II)'!$BR$68),"B","")</definedName>
    <definedName name="INDUSTRIAL_II_ActualB69" hidden="1">IF(AND('[17]INDUSTRIAL(II)'!$BH$69&gt;'[17]INDUSTRIAL(II)'!$BQ$69,'[17]INDUSTRIAL(II)'!$BH$69&lt;='[17]INDUSTRIAL(II)'!$BR$69),"B","")</definedName>
    <definedName name="INDUSTRIAL_II_ActualB70" hidden="1">IF(AND('[17]INDUSTRIAL(II)'!$BH$70&gt;'[17]INDUSTRIAL(II)'!$BQ$70,'[17]INDUSTRIAL(II)'!$BH$70&lt;='[17]INDUSTRIAL(II)'!$BR$70),"B","")</definedName>
    <definedName name="INDUSTRIAL_II_ActualB80" hidden="1">IF(AND('[17]INDUSTRIAL(II)'!$BH$80&gt;'[17]INDUSTRIAL(II)'!$BQ$80,'[17]INDUSTRIAL(II)'!$BH$80&lt;='[17]INDUSTRIAL(II)'!$BR$80),"B","")</definedName>
    <definedName name="INDUSTRIAL_II_ActualC57" hidden="1">IF(AND('[17]INDUSTRIAL(II)'!$BH$57&gt;'[17]INDUSTRIAL(II)'!$BO$57,'[17]INDUSTRIAL(II)'!$BH$57&lt;='[17]INDUSTRIAL(II)'!$BP$57),"C","")</definedName>
    <definedName name="INDUSTRIAL_II_ActualC68" hidden="1">IF(AND('[17]INDUSTRIAL(II)'!$BH$68&gt;'[17]INDUSTRIAL(II)'!$BO$68,'[17]INDUSTRIAL(II)'!$BH$68&lt;='[17]INDUSTRIAL(II)'!$BP$68),"C","")</definedName>
    <definedName name="INDUSTRIAL_II_ActualC69" hidden="1">IF(AND('[17]INDUSTRIAL(II)'!$BH$69&gt;'[17]INDUSTRIAL(II)'!$BO$69,'[17]INDUSTRIAL(II)'!$BH$69&lt;='[17]INDUSTRIAL(II)'!$BP$69),"C","")</definedName>
    <definedName name="INDUSTRIAL_II_ActualC70" hidden="1">IF(AND('[17]INDUSTRIAL(II)'!$BH$70&gt;'[17]INDUSTRIAL(II)'!$BO$70,'[17]INDUSTRIAL(II)'!$BH$70&lt;='[17]INDUSTRIAL(II)'!$BP$70),"C","")</definedName>
    <definedName name="INDUSTRIAL_II_ActualC80" hidden="1">IF(AND('[17]INDUSTRIAL(II)'!$BH$80&gt;'[17]INDUSTRIAL(II)'!$BO$80,'[17]INDUSTRIAL(II)'!$BH$80&lt;='[17]INDUSTRIAL(II)'!$BP$80),"C","")</definedName>
    <definedName name="INDUSTRIAL_II_ActualD57" hidden="1">IF(AND('[17]INDUSTRIAL(II)'!$BH$57&gt;'[17]INDUSTRIAL(II)'!$BM$57,'[17]INDUSTRIAL(II)'!$BH$57&lt;='[17]INDUSTRIAL(II)'!$BN$57),"D","")</definedName>
    <definedName name="INDUSTRIAL_II_ActualD68" hidden="1">IF(AND('[17]INDUSTRIAL(II)'!$BH$68&gt;'[17]INDUSTRIAL(II)'!$BM$68,'[17]INDUSTRIAL(II)'!$BH$68&lt;='[17]INDUSTRIAL(II)'!$BN$68),"D","")</definedName>
    <definedName name="INDUSTRIAL_II_ActualD69" hidden="1">IF(AND('[17]INDUSTRIAL(II)'!$BH$69&gt;'[17]INDUSTRIAL(II)'!$BM$69,'[17]INDUSTRIAL(II)'!$BH$69&lt;='[17]INDUSTRIAL(II)'!$BN$69),"D","")</definedName>
    <definedName name="INDUSTRIAL_II_ActualD70" hidden="1">IF(AND('[17]INDUSTRIAL(II)'!$BH$70&gt;'[17]INDUSTRIAL(II)'!$BM$70,'[17]INDUSTRIAL(II)'!$BH$70&lt;='[17]INDUSTRIAL(II)'!$BN$70),"D","")</definedName>
    <definedName name="INDUSTRIAL_II_ActualD80" hidden="1">IF(AND('[17]INDUSTRIAL(II)'!$BH$80&gt;'[17]INDUSTRIAL(II)'!$BM$80,'[17]INDUSTRIAL(II)'!$BH$80&lt;='[17]INDUSTRIAL(II)'!$BN$80),"D","")</definedName>
    <definedName name="INDUSTRIAL_II_ActualE57" hidden="1">IF(AND('[17]INDUSTRIAL(II)'!$BH$57&gt;'[17]INDUSTRIAL(II)'!$BK$57,'[17]INDUSTRIAL(II)'!$BH$57&lt;='[17]INDUSTRIAL(II)'!$BL$57),"E","")</definedName>
    <definedName name="INDUSTRIAL_II_ActualE68" hidden="1">IF(AND('[17]INDUSTRIAL(II)'!$BH$68&gt;'[17]INDUSTRIAL(II)'!$BK$68,'[17]INDUSTRIAL(II)'!$BH$68&lt;='[17]INDUSTRIAL(II)'!$BL$68),"E","")</definedName>
    <definedName name="INDUSTRIAL_II_ActualE69" hidden="1">IF(AND('[17]INDUSTRIAL(II)'!$BH$69&gt;'[17]INDUSTRIAL(II)'!$BK$69,'[17]INDUSTRIAL(II)'!$BH$69&lt;='[17]INDUSTRIAL(II)'!$BL$69),"E","")</definedName>
    <definedName name="INDUSTRIAL_II_ActualE70" hidden="1">IF(AND('[17]INDUSTRIAL(II)'!$BH$70&gt;'[17]INDUSTRIAL(II)'!$BK$70,'[17]INDUSTRIAL(II)'!$BH$70&lt;='[17]INDUSTRIAL(II)'!$BL$70),"E","")</definedName>
    <definedName name="INDUSTRIAL_II_ActualE80" hidden="1">IF(AND('[17]INDUSTRIAL(II)'!$BH$80&gt;'[17]INDUSTRIAL(II)'!$BK$80,'[17]INDUSTRIAL(II)'!$BH$80&lt;='[17]INDUSTRIAL(II)'!$BL$80),"E","")</definedName>
    <definedName name="INDUSTRIAL_II_Divisor61" hidden="1">(MAX('[17]INDUSTRIAL(II)'!$BW$61,'[17]INDUSTRIAL(II)'!$BH$61,'[17]INDUSTRIAL(II)'!$BG$61)-MIN('[17]INDUSTRIAL(II)'!$BU$61,'[17]INDUSTRIAL(II)'!$BH$61,'[17]INDUSTRIAL(II)'!$BG$61))</definedName>
    <definedName name="INDUSTRIAL_II_Divisor62" hidden="1">(MAX('[17]INDUSTRIAL(II)'!$BW$62,'[17]INDUSTRIAL(II)'!$BH$62,'[17]INDUSTRIAL(II)'!$BG$62)-MIN('[17]INDUSTRIAL(II)'!$BU$62,'[17]INDUSTRIAL(II)'!$BH$62,'[17]INDUSTRIAL(II)'!$BG$62))</definedName>
    <definedName name="INDUSTRIAL_II_Divisor63" hidden="1">(MAX('[17]INDUSTRIAL(II)'!$BW$63,'[17]INDUSTRIAL(II)'!$BH$63,'[17]INDUSTRIAL(II)'!$BG$63)-MIN('[17]INDUSTRIAL(II)'!$BU$63,'[17]INDUSTRIAL(II)'!$BH$63,'[17]INDUSTRIAL(II)'!$BG$63))</definedName>
    <definedName name="INDUSTRIAL_II_Divisor72" hidden="1">(MAX('[17]INDUSTRIAL(II)'!$BW$72,'[17]INDUSTRIAL(II)'!$BH$72,'[17]INDUSTRIAL(II)'!$BG$72)-MIN('[17]INDUSTRIAL(II)'!$BU$72,'[17]INDUSTRIAL(II)'!$BH$72,'[17]INDUSTRIAL(II)'!$BG$72))</definedName>
    <definedName name="INDUSTRIAL_II_Divisor73" hidden="1">(MAX('[17]INDUSTRIAL(II)'!$BW$73,'[17]INDUSTRIAL(II)'!$BH$73,'[17]INDUSTRIAL(II)'!$BG$73)-MIN('[17]INDUSTRIAL(II)'!$BU$73,'[17]INDUSTRIAL(II)'!$BH$73,'[17]INDUSTRIAL(II)'!$BG$73))</definedName>
    <definedName name="INDUSTRIAL_II_Divisor74" hidden="1">(MAX('[17]INDUSTRIAL(II)'!$BW$74,'[17]INDUSTRIAL(II)'!$BH$74,'[17]INDUSTRIAL(II)'!$BG$74)-MIN('[17]INDUSTRIAL(II)'!$BU$74,'[17]INDUSTRIAL(II)'!$BH$74,'[17]INDUSTRIAL(II)'!$BG$74))</definedName>
    <definedName name="INDUSTRIAL_II_Divisor75" hidden="1">(MAX('[17]INDUSTRIAL(II)'!$BW$75,'[17]INDUSTRIAL(II)'!$BH$75,'[17]INDUSTRIAL(II)'!$BG$75)-MIN('[17]INDUSTRIAL(II)'!$BU$75,'[17]INDUSTRIAL(II)'!$BH$75,'[17]INDUSTRIAL(II)'!$BG$75))</definedName>
    <definedName name="INDUSTRIAL_II_Divisor76" hidden="1">(MAX('[17]INDUSTRIAL(II)'!$BW$76,'[17]INDUSTRIAL(II)'!$BH$76,'[17]INDUSTRIAL(II)'!$BG$76)-MIN('[17]INDUSTRIAL(II)'!$BU$76,'[17]INDUSTRIAL(II)'!$BH$76,'[17]INDUSTRIAL(II)'!$BG$76))</definedName>
    <definedName name="INDUSTRIAL_II_Divisor77" hidden="1">(MAX('[17]INDUSTRIAL(II)'!$BW$77,'[17]INDUSTRIAL(II)'!$BH$77,'[17]INDUSTRIAL(II)'!$BG$77)-MIN('[17]INDUSTRIAL(II)'!$BU$77,'[17]INDUSTRIAL(II)'!$BH$77,'[17]INDUSTRIAL(II)'!$BG$77))</definedName>
    <definedName name="INDUSTRIAL_II_Divisor78" hidden="1">(MAX('[17]INDUSTRIAL(II)'!$BW$78,'[17]INDUSTRIAL(II)'!$BH$78,'[17]INDUSTRIAL(II)'!$BG$78)-MIN('[17]INDUSTRIAL(II)'!$BU$78,'[17]INDUSTRIAL(II)'!$BH$78,'[17]INDUSTRIAL(II)'!$BG$78))</definedName>
    <definedName name="INDUSTRIAL_II_Row57ValueClassedNve" hidden="1">"Strength Uniformity 28d"</definedName>
    <definedName name="INDUSTRIAL_II_Row60LetterClassedNve" hidden="1">"Energy Pratice Status"</definedName>
    <definedName name="INDUSTRIAL_II_Row61PeerGroupNve" hidden="1">"Average Specific Heat Cost"</definedName>
    <definedName name="INDUSTRIAL_II_Row62PeerGroupNve" hidden="1">"Specific Heat consumption"</definedName>
    <definedName name="INDUSTRIAL_II_Row63PeerGroupNve" hidden="1">"Average Specific Power Cost"</definedName>
    <definedName name="INDUSTRIAL_II_Row67LetterClassedNve" hidden="1">"Maintenance Practice Status"</definedName>
    <definedName name="INDUSTRIAL_II_Row68ValueClassedNve" hidden="1">"NSFI - Incident stoppages"</definedName>
    <definedName name="INDUSTRIAL_II_Row69ValueClassedNve" hidden="1">"Equipment Failure Rate (Burning Line)"</definedName>
    <definedName name="INDUSTRIAL_II_Row70ValueClassedNve" hidden="1">"Maintenance Cost Index"</definedName>
    <definedName name="INDUSTRIAL_II_Row72PeerGroupNve" hidden="1">"Clinker cost"</definedName>
    <definedName name="INDUSTRIAL_II_Row73PeerGroupNve" hidden="1">"Cem. bin cost"</definedName>
    <definedName name="INDUSTRIAL_II_Row74PeerGroupNve" hidden="1">" - Purchased Materials Cost, cement"</definedName>
    <definedName name="INDUSTRIAL_II_Row75PeerGroupNve" hidden="1">" - Energy cost"</definedName>
    <definedName name="INDUSTRIAL_II_Row76PeerGroupNve" hidden="1">" - Maintenance cost"</definedName>
    <definedName name="INDUSTRIAL_II_Row77PeerGroupNve" hidden="1">" - Production and SG&amp;A Cost"</definedName>
    <definedName name="INDUSTRIAL_II_Row78PeerGroupNve" hidden="1">" - Other cost"</definedName>
    <definedName name="INDUSTRIAL_II_Row80ValueClassedNve" hidden="1">"Global Maintenance cost Index (GMCI)"</definedName>
    <definedName name="INDUSTRIAL_II_Row81LetterClassedNve" hidden="1">"Investment Practice Status"</definedName>
    <definedName name="INDUSTRIAL_II_Scenario56" hidden="1">(('[17]INDUSTRIAL(II)'!$BG$56="E")+('[17]INDUSTRIAL(II)'!$BG$56="D")*2+('[17]INDUSTRIAL(II)'!$BG$56="C")*3+('[17]INDUSTRIAL(II)'!$BG$56="B")*4+('[17]INDUSTRIAL(II)'!$BG$56="A")*5-0.5)</definedName>
    <definedName name="INDUSTRIAL_II_ScenarioA57" hidden="1">IF(AND('[17]INDUSTRIAL(II)'!$BG$57&gt;='[17]INDUSTRIAL(II)'!$BS$57,'[17]INDUSTRIAL(II)'!$BG$57&lt;='[17]INDUSTRIAL(II)'!$BT$57),"A","")</definedName>
    <definedName name="INDUSTRIAL_II_ScenarioA68" hidden="1">IF(AND('[17]INDUSTRIAL(II)'!$BG$68&gt;='[17]INDUSTRIAL(II)'!$BS$68,'[17]INDUSTRIAL(II)'!$BG$68&lt;='[17]INDUSTRIAL(II)'!$BT$68),"A","")</definedName>
    <definedName name="INDUSTRIAL_II_ScenarioA69" hidden="1">IF(AND('[17]INDUSTRIAL(II)'!$BG$69&gt;='[17]INDUSTRIAL(II)'!$BS$69,'[17]INDUSTRIAL(II)'!$BG$69&lt;='[17]INDUSTRIAL(II)'!$BT$69),"A","")</definedName>
    <definedName name="INDUSTRIAL_II_ScenarioA70" hidden="1">IF(AND('[17]INDUSTRIAL(II)'!$BG$70&gt;='[17]INDUSTRIAL(II)'!$BS$70,'[17]INDUSTRIAL(II)'!$BG$70&lt;='[17]INDUSTRIAL(II)'!$BT$70),"A","")</definedName>
    <definedName name="INDUSTRIAL_II_ScenarioA80" hidden="1">IF(AND('[17]INDUSTRIAL(II)'!$BG$80&gt;='[17]INDUSTRIAL(II)'!$BS$80,'[17]INDUSTRIAL(II)'!$BG$80&lt;='[17]INDUSTRIAL(II)'!$BT$80),"A","")</definedName>
    <definedName name="INDUSTRIAL_II_ScenarioB57" hidden="1">IF(AND('[17]INDUSTRIAL(II)'!$BG$57&gt;'[17]INDUSTRIAL(II)'!$BQ$57,'[17]INDUSTRIAL(II)'!$BG$57&lt;='[17]INDUSTRIAL(II)'!$BR$57),"B","")</definedName>
    <definedName name="INDUSTRIAL_II_ScenarioB68" hidden="1">IF(AND('[17]INDUSTRIAL(II)'!$BG$68&gt;'[17]INDUSTRIAL(II)'!$BQ$68,'[17]INDUSTRIAL(II)'!$BG$68&lt;='[17]INDUSTRIAL(II)'!$BR$68),"B","")</definedName>
    <definedName name="INDUSTRIAL_II_ScenarioB69" hidden="1">IF(AND('[17]INDUSTRIAL(II)'!$BG$69&gt;'[17]INDUSTRIAL(II)'!$BQ$69,'[17]INDUSTRIAL(II)'!$BG$69&lt;='[17]INDUSTRIAL(II)'!$BR$69),"B","")</definedName>
    <definedName name="INDUSTRIAL_II_ScenarioB70" hidden="1">IF(AND('[17]INDUSTRIAL(II)'!$BG$70&gt;'[17]INDUSTRIAL(II)'!$BQ$70,'[17]INDUSTRIAL(II)'!$BG$70&lt;='[17]INDUSTRIAL(II)'!$BR$70),"B","")</definedName>
    <definedName name="INDUSTRIAL_II_ScenarioB80" hidden="1">IF(AND('[17]INDUSTRIAL(II)'!$BG$80&gt;'[17]INDUSTRIAL(II)'!$BQ$80,'[17]INDUSTRIAL(II)'!$BG$80&lt;='[17]INDUSTRIAL(II)'!$BR$80),"B","")</definedName>
    <definedName name="INDUSTRIAL_II_ScenarioC57" hidden="1">IF(AND('[17]INDUSTRIAL(II)'!$BG$57&gt;'[17]INDUSTRIAL(II)'!$BO$57,'[17]INDUSTRIAL(II)'!$BG$57&lt;='[17]INDUSTRIAL(II)'!$BP$57),"C","")</definedName>
    <definedName name="INDUSTRIAL_II_ScenarioC68" hidden="1">IF(AND('[17]INDUSTRIAL(II)'!$BG$68&gt;'[17]INDUSTRIAL(II)'!$BO$68,'[17]INDUSTRIAL(II)'!$BG$68&lt;='[17]INDUSTRIAL(II)'!$BP$68),"C","")</definedName>
    <definedName name="INDUSTRIAL_II_ScenarioC69" hidden="1">IF(AND('[17]INDUSTRIAL(II)'!$BG$69&gt;'[17]INDUSTRIAL(II)'!$BO$69,'[17]INDUSTRIAL(II)'!$BG$69&lt;='[17]INDUSTRIAL(II)'!$BP$69),"C","")</definedName>
    <definedName name="INDUSTRIAL_II_ScenarioC70" hidden="1">IF(AND('[17]INDUSTRIAL(II)'!$BG$70&gt;'[17]INDUSTRIAL(II)'!$BO$70,'[17]INDUSTRIAL(II)'!$BG$70&lt;='[17]INDUSTRIAL(II)'!$BP$70),"C","")</definedName>
    <definedName name="INDUSTRIAL_II_ScenarioC80" hidden="1">IF(AND('[17]INDUSTRIAL(II)'!$BG$80&gt;'[17]INDUSTRIAL(II)'!$BO$80,'[17]INDUSTRIAL(II)'!$BG$80&lt;='[17]INDUSTRIAL(II)'!$BP$80),"C","")</definedName>
    <definedName name="INDUSTRIAL_II_ScenarioD57" hidden="1">IF(AND('[17]INDUSTRIAL(II)'!$BG$57&gt;'[17]INDUSTRIAL(II)'!$BM$57,'[17]INDUSTRIAL(II)'!$BG$57&lt;='[17]INDUSTRIAL(II)'!$BN$57),"D","")</definedName>
    <definedName name="INDUSTRIAL_II_ScenarioD68" hidden="1">IF(AND('[17]INDUSTRIAL(II)'!$BG$68&gt;'[17]INDUSTRIAL(II)'!$BM$68,'[17]INDUSTRIAL(II)'!$BG$68&lt;='[17]INDUSTRIAL(II)'!$BN$68),"D","")</definedName>
    <definedName name="INDUSTRIAL_II_ScenarioD69" hidden="1">IF(AND('[17]INDUSTRIAL(II)'!$BG$69&gt;'[17]INDUSTRIAL(II)'!$BM$69,'[17]INDUSTRIAL(II)'!$BG$69&lt;='[17]INDUSTRIAL(II)'!$BN$69),"D","")</definedName>
    <definedName name="INDUSTRIAL_II_ScenarioD70" hidden="1">IF(AND('[17]INDUSTRIAL(II)'!$BG$70&gt;'[17]INDUSTRIAL(II)'!$BM$70,'[17]INDUSTRIAL(II)'!$BG$70&lt;='[17]INDUSTRIAL(II)'!$BN$70),"D","")</definedName>
    <definedName name="INDUSTRIAL_II_ScenarioD80" hidden="1">IF(AND('[17]INDUSTRIAL(II)'!$BG$80&gt;'[17]INDUSTRIAL(II)'!$BM$80,'[17]INDUSTRIAL(II)'!$BG$80&lt;='[17]INDUSTRIAL(II)'!$BN$80),"D","")</definedName>
    <definedName name="INDUSTRIAL_II_ScenarioE57" hidden="1">IF(AND('[17]INDUSTRIAL(II)'!$BG$57&gt;'[17]INDUSTRIAL(II)'!$BK$57,'[17]INDUSTRIAL(II)'!$BG$57&lt;='[17]INDUSTRIAL(II)'!$BL$57),"E","")</definedName>
    <definedName name="INDUSTRIAL_II_ScenarioE68" hidden="1">IF(AND('[17]INDUSTRIAL(II)'!$BG$68&gt;'[17]INDUSTRIAL(II)'!$BK$68,'[17]INDUSTRIAL(II)'!$BG$68&lt;='[17]INDUSTRIAL(II)'!$BL$68),"E","")</definedName>
    <definedName name="INDUSTRIAL_II_ScenarioE69" hidden="1">IF(AND('[17]INDUSTRIAL(II)'!$BG$69&gt;'[17]INDUSTRIAL(II)'!$BK$69,'[17]INDUSTRIAL(II)'!$BG$69&lt;='[17]INDUSTRIAL(II)'!$BL$69),"E","")</definedName>
    <definedName name="INDUSTRIAL_II_ScenarioE70" hidden="1">IF(AND('[17]INDUSTRIAL(II)'!$BG$70&gt;'[17]INDUSTRIAL(II)'!$BK$70,'[17]INDUSTRIAL(II)'!$BG$70&lt;='[17]INDUSTRIAL(II)'!$BL$70),"E","")</definedName>
    <definedName name="INDUSTRIAL_II_ScenarioE80" hidden="1">IF(AND('[17]INDUSTRIAL(II)'!$BG$80&gt;'[17]INDUSTRIAL(II)'!$BK$80,'[17]INDUSTRIAL(II)'!$BG$80&lt;='[17]INDUSTRIAL(II)'!$BL$80),"E","")</definedName>
    <definedName name="int_ext_sel" hidden="1">1</definedName>
    <definedName name="INV_ECON_MENSAL" hidden="1">{#N/A,#N/A,FALSE,"DEF1";#N/A,#N/A,FALSE,"DEF2";#N/A,#N/A,FALSE,"DEF3"}</definedName>
    <definedName name="INV_ECON_MENSAL_1" hidden="1">{#N/A,#N/A,FALSE,"DEF1";#N/A,#N/A,FALSE,"DEF2";#N/A,#N/A,FALSE,"DEF3"}</definedName>
    <definedName name="INV_ECON_MENSAL_2" hidden="1">{#N/A,#N/A,FALSE,"DEF1";#N/A,#N/A,FALSE,"DEF2";#N/A,#N/A,FALSE,"DEF3"}</definedName>
    <definedName name="INV_ECON_MENSAL_3" hidden="1">{#N/A,#N/A,FALSE,"DEF1";#N/A,#N/A,FALSE,"DEF2";#N/A,#N/A,FALSE,"DEF3"}</definedName>
    <definedName name="INV_ECON_MENSAL_4" hidden="1">{#N/A,#N/A,FALSE,"DEF1";#N/A,#N/A,FALSE,"DEF2";#N/A,#N/A,FALSE,"DEF3"}</definedName>
    <definedName name="INV_ECON_MENSAL_5" hidden="1">{#N/A,#N/A,FALSE,"DEF1";#N/A,#N/A,FALSE,"DEF2";#N/A,#N/A,FALSE,"DEF3"}</definedName>
    <definedName name="inv_financ_Mensal_desemb" hidden="1">{#N/A,#N/A,FALSE,"DEF1";#N/A,#N/A,FALSE,"DEF2";#N/A,#N/A,FALSE,"DEF3"}</definedName>
    <definedName name="inv_financ_Mensal_desemb_1" hidden="1">{#N/A,#N/A,FALSE,"DEF1";#N/A,#N/A,FALSE,"DEF2";#N/A,#N/A,FALSE,"DEF3"}</definedName>
    <definedName name="inv_financ_Mensal_desemb_2" hidden="1">{#N/A,#N/A,FALSE,"DEF1";#N/A,#N/A,FALSE,"DEF2";#N/A,#N/A,FALSE,"DEF3"}</definedName>
    <definedName name="inv_financ_Mensal_desemb_3" hidden="1">{#N/A,#N/A,FALSE,"DEF1";#N/A,#N/A,FALSE,"DEF2";#N/A,#N/A,FALSE,"DEF3"}</definedName>
    <definedName name="inv_financ_Mensal_desemb_4" hidden="1">{#N/A,#N/A,FALSE,"DEF1";#N/A,#N/A,FALSE,"DEF2";#N/A,#N/A,FALSE,"DEF3"}</definedName>
    <definedName name="inv_financ_Mensal_desemb_5" hidden="1">{#N/A,#N/A,FALSE,"DEF1";#N/A,#N/A,FALSE,"DEF2";#N/A,#N/A,FALSE,"DEF3"}</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ING_STANDARD" hidden="1">"c4539"</definedName>
    <definedName name="IQ_ACCOUNTING_STANDARD_CIQ" hidden="1">"c5092"</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108"</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MT_OUT" hidden="1">"c2145"</definedName>
    <definedName name="IQ_ANNU_DISTRIBUTION_UNIT" hidden="1">"c3004"</definedName>
    <definedName name="IQ_ANNUAL_DIVIDEND" hidden="1">"c229"</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BROKER_REC_NO_REUT" hidden="1">"c5315"</definedName>
    <definedName name="IQ_AVG_BROKER_REC_REUT" hidden="1">"c3630"</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 hidden="1">"c4455"</definedName>
    <definedName name="IQ_AVG_INDUSTRY_REC_CIQ" hidden="1">"c4984"</definedName>
    <definedName name="IQ_AVG_INDUSTRY_REC_NO" hidden="1">"c4454"</definedName>
    <definedName name="IQ_AVG_INDUSTRY_REC_NO_CIQ" hidden="1">"c4983"</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ICE_TARGET" hidden="1">"c82"</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OUTSTANDING_CURRENT_EST" hidden="1">"c4128"</definedName>
    <definedName name="IQ_BASIC_OUTSTANDING_CURRENT_EST_CIQ" hidden="1">"c4541"</definedName>
    <definedName name="IQ_BASIC_OUTSTANDING_CURRENT_HIGH_EST" hidden="1">"c4129"</definedName>
    <definedName name="IQ_BASIC_OUTSTANDING_CURRENT_HIGH_EST_CIQ" hidden="1">"c4542"</definedName>
    <definedName name="IQ_BASIC_OUTSTANDING_CURRENT_LOW_EST" hidden="1">"c4130"</definedName>
    <definedName name="IQ_BASIC_OUTSTANDING_CURRENT_LOW_EST_CIQ" hidden="1">"c4543"</definedName>
    <definedName name="IQ_BASIC_OUTSTANDING_CURRENT_MEDIAN_EST" hidden="1">"c4131"</definedName>
    <definedName name="IQ_BASIC_OUTSTANDING_CURRENT_MEDIAN_EST_CIQ" hidden="1">"c4544"</definedName>
    <definedName name="IQ_BASIC_OUTSTANDING_CURRENT_NUM_EST" hidden="1">"c4132"</definedName>
    <definedName name="IQ_BASIC_OUTSTANDING_CURRENT_NUM_EST_CIQ" hidden="1">"c4545"</definedName>
    <definedName name="IQ_BASIC_OUTSTANDING_CURRENT_STDDEV_EST" hidden="1">"c4133"</definedName>
    <definedName name="IQ_BASIC_OUTSTANDING_CURRENT_STDDEV_EST_CIQ" hidden="1">"c4546"</definedName>
    <definedName name="IQ_BASIC_OUTSTANDING_EST" hidden="1">"c4134"</definedName>
    <definedName name="IQ_BASIC_OUTSTANDING_EST_CIQ" hidden="1">"c4547"</definedName>
    <definedName name="IQ_BASIC_OUTSTANDING_HIGH_EST" hidden="1">"c4135"</definedName>
    <definedName name="IQ_BASIC_OUTSTANDING_HIGH_EST_CIQ" hidden="1">"c4548"</definedName>
    <definedName name="IQ_BASIC_OUTSTANDING_LOW_EST" hidden="1">"c4136"</definedName>
    <definedName name="IQ_BASIC_OUTSTANDING_LOW_EST_CIQ" hidden="1">"c4549"</definedName>
    <definedName name="IQ_BASIC_OUTSTANDING_MEDIAN_EST" hidden="1">"c4137"</definedName>
    <definedName name="IQ_BASIC_OUTSTANDING_MEDIAN_EST_CIQ" hidden="1">"c4550"</definedName>
    <definedName name="IQ_BASIC_OUTSTANDING_NUM_EST" hidden="1">"c4138"</definedName>
    <definedName name="IQ_BASIC_OUTSTANDING_NUM_EST_CIQ" hidden="1">"c4551"</definedName>
    <definedName name="IQ_BASIC_OUTSTANDING_STDDEV_EST" hidden="1">"c4139"</definedName>
    <definedName name="IQ_BASIC_OUTSTANDING_STDDEV_EST_CIQ" hidden="1">"c4552"</definedName>
    <definedName name="IQ_BASIC_WEIGHT" hidden="1">"c87"</definedName>
    <definedName name="IQ_BASIC_WEIGHT_EST" hidden="1">"c4140"</definedName>
    <definedName name="IQ_BASIC_WEIGHT_EST_CIQ" hidden="1">"c4553"</definedName>
    <definedName name="IQ_BASIC_WEIGHT_GUIDANCE" hidden="1">"c4141"</definedName>
    <definedName name="IQ_BASIC_WEIGHT_HIGH_EST" hidden="1">"c4142"</definedName>
    <definedName name="IQ_BASIC_WEIGHT_HIGH_EST_CIQ" hidden="1">"c4554"</definedName>
    <definedName name="IQ_BASIC_WEIGHT_LOW_EST" hidden="1">"c4143"</definedName>
    <definedName name="IQ_BASIC_WEIGHT_LOW_EST_CIQ" hidden="1">"c4555"</definedName>
    <definedName name="IQ_BASIC_WEIGHT_MEDIAN_EST" hidden="1">"c4144"</definedName>
    <definedName name="IQ_BASIC_WEIGHT_MEDIAN_EST_CIQ" hidden="1">"c4556"</definedName>
    <definedName name="IQ_BASIC_WEIGHT_NUM_EST" hidden="1">"c4145"</definedName>
    <definedName name="IQ_BASIC_WEIGHT_NUM_EST_CIQ" hidden="1">"c4557"</definedName>
    <definedName name="IQ_BASIC_WEIGHT_STDDEV_EST" hidden="1">"c4146"</definedName>
    <definedName name="IQ_BASIC_WEIGHT_STDDEV_EST_CIQ" hidden="1">"c4558"</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ONDRATING_FITCH" hidden="1">"c223"</definedName>
    <definedName name="IQ_BONDRATING_FITCH_DATE" hidden="1">"c241"</definedName>
    <definedName name="IQ_BONDRATING_SP" hidden="1">"c224"</definedName>
    <definedName name="IQ_BONDRATING_SP_DATE" hidden="1">"c242"</definedName>
    <definedName name="IQ_BOOK_VALUE" hidden="1">"c68"</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ACT_OR_EST_REUT" hidden="1">"c5471"</definedName>
    <definedName name="IQ_BV_EST" hidden="1">"c5624"</definedName>
    <definedName name="IQ_BV_EST_CIQ" hidden="1">"c4737"</definedName>
    <definedName name="IQ_BV_EST_REUT" hidden="1">"c5403"</definedName>
    <definedName name="IQ_BV_HIGH_EST" hidden="1">"c5626"</definedName>
    <definedName name="IQ_BV_HIGH_EST_CIQ" hidden="1">"c4739"</definedName>
    <definedName name="IQ_BV_HIGH_EST_REUT" hidden="1">"c5405"</definedName>
    <definedName name="IQ_BV_LOW_EST" hidden="1">"c5627"</definedName>
    <definedName name="IQ_BV_LOW_EST_CIQ" hidden="1">"c4740"</definedName>
    <definedName name="IQ_BV_LOW_EST_REUT" hidden="1">"c5406"</definedName>
    <definedName name="IQ_BV_MEDIAN_EST" hidden="1">"c5625"</definedName>
    <definedName name="IQ_BV_MEDIAN_EST_CIQ" hidden="1">"c4738"</definedName>
    <definedName name="IQ_BV_MEDIAN_EST_REUT" hidden="1">"c5404"</definedName>
    <definedName name="IQ_BV_NUM_EST" hidden="1">"c5628"</definedName>
    <definedName name="IQ_BV_NUM_EST_CIQ" hidden="1">"c4741"</definedName>
    <definedName name="IQ_BV_NUM_EST_REUT" hidden="1">"c5407"</definedName>
    <definedName name="IQ_BV_OVER_SHARES" hidden="1">"c1349"</definedName>
    <definedName name="IQ_BV_SHARE" hidden="1">"c100"</definedName>
    <definedName name="IQ_BV_SHARE_ACT_OR_EST" hidden="1">"c3587"</definedName>
    <definedName name="IQ_BV_SHARE_ACT_OR_EST_CIQ" hidden="1">"c5072"</definedName>
    <definedName name="IQ_BV_SHARE_ACT_OR_EST_REUT" hidden="1">"c5477"</definedName>
    <definedName name="IQ_BV_SHARE_EST" hidden="1">"c3541"</definedName>
    <definedName name="IQ_BV_SHARE_EST_CIQ" hidden="1">"c3800"</definedName>
    <definedName name="IQ_BV_SHARE_EST_REUT" hidden="1">"c5439"</definedName>
    <definedName name="IQ_BV_SHARE_HIGH_EST" hidden="1">"c3542"</definedName>
    <definedName name="IQ_BV_SHARE_HIGH_EST_CIQ" hidden="1">"c3802"</definedName>
    <definedName name="IQ_BV_SHARE_HIGH_EST_REUT" hidden="1">"c5441"</definedName>
    <definedName name="IQ_BV_SHARE_LOW_EST" hidden="1">"c3543"</definedName>
    <definedName name="IQ_BV_SHARE_LOW_EST_CIQ" hidden="1">"c3803"</definedName>
    <definedName name="IQ_BV_SHARE_LOW_EST_REUT" hidden="1">"c5442"</definedName>
    <definedName name="IQ_BV_SHARE_MEDIAN_EST" hidden="1">"c3544"</definedName>
    <definedName name="IQ_BV_SHARE_MEDIAN_EST_CIQ" hidden="1">"c3801"</definedName>
    <definedName name="IQ_BV_SHARE_MEDIAN_EST_REUT" hidden="1">"c5440"</definedName>
    <definedName name="IQ_BV_SHARE_NUM_EST" hidden="1">"c3539"</definedName>
    <definedName name="IQ_BV_SHARE_NUM_EST_CIQ" hidden="1">"c3804"</definedName>
    <definedName name="IQ_BV_SHARE_NUM_EST_REUT" hidden="1">"c5443"</definedName>
    <definedName name="IQ_BV_SHARE_STDDEV_EST" hidden="1">"c3540"</definedName>
    <definedName name="IQ_BV_SHARE_STDDEV_EST_CIQ" hidden="1">"c3805"</definedName>
    <definedName name="IQ_BV_SHARE_STDDEV_EST_REUT" hidden="1">"c5444"</definedName>
    <definedName name="IQ_BV_STDDEV_EST" hidden="1">"c5629"</definedName>
    <definedName name="IQ_BV_STDDEV_EST_CIQ" hidden="1">"c4742"</definedName>
    <definedName name="IQ_BV_STDDEV_EST_REUT" hidden="1">"c5408"</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Q_EST_REUT" hidden="1">"c6800"</definedName>
    <definedName name="IQ_CAL_Y" hidden="1">"c102"</definedName>
    <definedName name="IQ_CAL_Y_EST" hidden="1">"c6797"</definedName>
    <definedName name="IQ_CAL_Y_EST_CIQ" hidden="1">"c6809"</definedName>
    <definedName name="IQ_CAL_Y_EST_REUT" hidden="1">"c6801"</definedName>
    <definedName name="IQ_CALC_TYPE_BS" hidden="1">"c3086"</definedName>
    <definedName name="IQ_CALC_TYPE_CF" hidden="1">"c3085"</definedName>
    <definedName name="IQ_CALC_TYPE_IS" hidden="1">"c3084"</definedName>
    <definedName name="IQ_CALL_DATE_SCHEDULE" hidden="1">"c2481"</definedName>
    <definedName name="IQ_CALL_FEATURE" hidden="1">"c2197"</definedName>
    <definedName name="IQ_CALL_PRICE_SCHEDULE" hidden="1">"c2482"</definedName>
    <definedName name="IQ_CALLABLE" hidden="1">"c2196"</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ACT_OR_EST" hidden="1">"c3584"</definedName>
    <definedName name="IQ_CAPEX_ACT_OR_EST_CIQ" hidden="1">"c5071"</definedName>
    <definedName name="IQ_CAPEX_ACT_OR_EST_REUT" hidden="1">"c5474"</definedName>
    <definedName name="IQ_CAPEX_BNK" hidden="1">"c110"</definedName>
    <definedName name="IQ_CAPEX_BR" hidden="1">"c111"</definedName>
    <definedName name="IQ_CAPEX_EST" hidden="1">"c3523"</definedName>
    <definedName name="IQ_CAPEX_EST_CIQ" hidden="1">"c3807"</definedName>
    <definedName name="IQ_CAPEX_EST_REUT" hidden="1">"c3969"</definedName>
    <definedName name="IQ_CAPEX_FIN" hidden="1">"c112"</definedName>
    <definedName name="IQ_CAPEX_GUIDANCE" hidden="1">"c4150"</definedName>
    <definedName name="IQ_CAPEX_GUIDANCE_CIQ" hidden="1">"c4562"</definedName>
    <definedName name="IQ_CAPEX_HIGH_EST" hidden="1">"c3524"</definedName>
    <definedName name="IQ_CAPEX_HIGH_EST_CIQ" hidden="1">"c3809"</definedName>
    <definedName name="IQ_CAPEX_HIGH_EST_REUT" hidden="1">"c3971"</definedName>
    <definedName name="IQ_CAPEX_HIGH_GUIDANCE" hidden="1">"c4180"</definedName>
    <definedName name="IQ_CAPEX_HIGH_GUIDANCE_CIQ" hidden="1">"c4592"</definedName>
    <definedName name="IQ_CAPEX_INS" hidden="1">"c113"</definedName>
    <definedName name="IQ_CAPEX_LOW_EST" hidden="1">"c3525"</definedName>
    <definedName name="IQ_CAPEX_LOW_EST_CIQ" hidden="1">"c3810"</definedName>
    <definedName name="IQ_CAPEX_LOW_EST_REUT" hidden="1">"c3972"</definedName>
    <definedName name="IQ_CAPEX_LOW_GUIDANCE" hidden="1">"c4220"</definedName>
    <definedName name="IQ_CAPEX_LOW_GUIDANCE_CIQ" hidden="1">"c4632"</definedName>
    <definedName name="IQ_CAPEX_MEDIAN_EST" hidden="1">"c3526"</definedName>
    <definedName name="IQ_CAPEX_MEDIAN_EST_CIQ" hidden="1">"c3808"</definedName>
    <definedName name="IQ_CAPEX_MEDIAN_EST_REUT" hidden="1">"c3970"</definedName>
    <definedName name="IQ_CAPEX_NUM_EST" hidden="1">"c3521"</definedName>
    <definedName name="IQ_CAPEX_NUM_EST_CIQ" hidden="1">"c3811"</definedName>
    <definedName name="IQ_CAPEX_NUM_EST_REUT" hidden="1">"c3973"</definedName>
    <definedName name="IQ_CAPEX_STDDEV_EST" hidden="1">"c3522"</definedName>
    <definedName name="IQ_CAPEX_STDDEV_EST_CIQ" hidden="1">"c3812"</definedName>
    <definedName name="IQ_CAPEX_STDDEV_EST_REUT" hidden="1">"c3974"</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630"</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PS_ACT_OR_EST" hidden="1">"c5638"</definedName>
    <definedName name="IQ_CASH_EPS_EST" hidden="1">"c5631"</definedName>
    <definedName name="IQ_CASH_EPS_HIGH_EST" hidden="1">"c5633"</definedName>
    <definedName name="IQ_CASH_EPS_LOW_EST" hidden="1">"c5634"</definedName>
    <definedName name="IQ_CASH_EPS_MEDIAN_EST" hidden="1">"c5632"</definedName>
    <definedName name="IQ_CASH_EPS_NUM_EST" hidden="1">"c5635"</definedName>
    <definedName name="IQ_CASH_EPS_STDDEV_EST" hidden="1">"c5636"</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 hidden="1">"c4154"</definedName>
    <definedName name="IQ_CASH_FLOW_ACT_OR_EST_CIQ" hidden="1">"c4566"</definedName>
    <definedName name="IQ_CASH_FLOW_EST" hidden="1">"c4153"</definedName>
    <definedName name="IQ_CASH_FLOW_EST_CIQ" hidden="1">"c4565"</definedName>
    <definedName name="IQ_CASH_FLOW_GUIDANCE" hidden="1">"c4155"</definedName>
    <definedName name="IQ_CASH_FLOW_GUIDANCE_CIQ" hidden="1">"c4567"</definedName>
    <definedName name="IQ_CASH_FLOW_HIGH_EST" hidden="1">"c4156"</definedName>
    <definedName name="IQ_CASH_FLOW_HIGH_EST_CIQ" hidden="1">"c4568"</definedName>
    <definedName name="IQ_CASH_FLOW_HIGH_GUIDANCE" hidden="1">"c4201"</definedName>
    <definedName name="IQ_CASH_FLOW_HIGH_GUIDANCE_CIQ" hidden="1">"c4613"</definedName>
    <definedName name="IQ_CASH_FLOW_LOW_EST" hidden="1">"c4157"</definedName>
    <definedName name="IQ_CASH_FLOW_LOW_EST_CIQ" hidden="1">"c4569"</definedName>
    <definedName name="IQ_CASH_FLOW_LOW_GUIDANCE" hidden="1">"c4241"</definedName>
    <definedName name="IQ_CASH_FLOW_LOW_GUIDANCE_CIQ" hidden="1">"c4653"</definedName>
    <definedName name="IQ_CASH_FLOW_MEDIAN_EST" hidden="1">"c4158"</definedName>
    <definedName name="IQ_CASH_FLOW_MEDIAN_EST_CIQ" hidden="1">"c4570"</definedName>
    <definedName name="IQ_CASH_FLOW_NUM_EST" hidden="1">"c4159"</definedName>
    <definedName name="IQ_CASH_FLOW_NUM_EST_CIQ" hidden="1">"c4571"</definedName>
    <definedName name="IQ_CASH_FLOW_STDDEV_EST" hidden="1">"c4160"</definedName>
    <definedName name="IQ_CASH_FLOW_STDDEV_EST_CIQ" hidden="1">"c4572"</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 hidden="1">"c4164"</definedName>
    <definedName name="IQ_CASH_OPER_ACT_OR_EST_CIQ" hidden="1">"c4576"</definedName>
    <definedName name="IQ_CASH_OPER_AP" hidden="1">"c8888"</definedName>
    <definedName name="IQ_CASH_OPER_AP_ABS" hidden="1">"c8907"</definedName>
    <definedName name="IQ_CASH_OPER_EST" hidden="1">"c4163"</definedName>
    <definedName name="IQ_CASH_OPER_EST_CIQ" hidden="1">"c4575"</definedName>
    <definedName name="IQ_CASH_OPER_GUIDANCE" hidden="1">"c4165"</definedName>
    <definedName name="IQ_CASH_OPER_GUIDANCE_CIQ" hidden="1">"c4577"</definedName>
    <definedName name="IQ_CASH_OPER_HIGH_EST" hidden="1">"c4166"</definedName>
    <definedName name="IQ_CASH_OPER_HIGH_EST_CIQ" hidden="1">"c4578"</definedName>
    <definedName name="IQ_CASH_OPER_HIGH_GUIDANCE" hidden="1">"c4185"</definedName>
    <definedName name="IQ_CASH_OPER_HIGH_GUIDANCE_CIQ" hidden="1">"c4597"</definedName>
    <definedName name="IQ_CASH_OPER_LOW_EST" hidden="1">"c4244"</definedName>
    <definedName name="IQ_CASH_OPER_LOW_EST_CIQ" hidden="1">"c4768"</definedName>
    <definedName name="IQ_CASH_OPER_LOW_GUIDANCE" hidden="1">"c4225"</definedName>
    <definedName name="IQ_CASH_OPER_LOW_GUIDANCE_CIQ" hidden="1">"c4637"</definedName>
    <definedName name="IQ_CASH_OPER_MEDIAN_EST" hidden="1">"c4245"</definedName>
    <definedName name="IQ_CASH_OPER_MEDIAN_EST_CIQ" hidden="1">"c4771"</definedName>
    <definedName name="IQ_CASH_OPER_NAME_AP" hidden="1">"c8926"</definedName>
    <definedName name="IQ_CASH_OPER_NAME_AP_ABS" hidden="1">"c8945"</definedName>
    <definedName name="IQ_CASH_OPER_NUM_EST" hidden="1">"c4246"</definedName>
    <definedName name="IQ_CASH_OPER_NUM_EST_CIQ" hidden="1">"c4772"</definedName>
    <definedName name="IQ_CASH_OPER_STDDEV_EST" hidden="1">"c4247"</definedName>
    <definedName name="IQ_CASH_OPER_STDDEV_EST_CIQ" hidden="1">"c4773"</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ST_INVEST_EST" hidden="1">"c4249"</definedName>
    <definedName name="IQ_CASH_ST_INVEST_EST_CIQ" hidden="1">"c4775"</definedName>
    <definedName name="IQ_CASH_ST_INVEST_GUIDANCE" hidden="1">"c4250"</definedName>
    <definedName name="IQ_CASH_ST_INVEST_GUIDANCE_CIQ" hidden="1">"c4776"</definedName>
    <definedName name="IQ_CASH_ST_INVEST_HIGH_EST" hidden="1">"c4251"</definedName>
    <definedName name="IQ_CASH_ST_INVEST_HIGH_EST_CIQ" hidden="1">"c4777"</definedName>
    <definedName name="IQ_CASH_ST_INVEST_HIGH_GUIDANCE" hidden="1">"c4195"</definedName>
    <definedName name="IQ_CASH_ST_INVEST_HIGH_GUIDANCE_CIQ" hidden="1">"c4607"</definedName>
    <definedName name="IQ_CASH_ST_INVEST_LOW_EST" hidden="1">"c4252"</definedName>
    <definedName name="IQ_CASH_ST_INVEST_LOW_EST_CIQ" hidden="1">"c4778"</definedName>
    <definedName name="IQ_CASH_ST_INVEST_LOW_GUIDANCE" hidden="1">"c4235"</definedName>
    <definedName name="IQ_CASH_ST_INVEST_LOW_GUIDANCE_CIQ" hidden="1">"c4647"</definedName>
    <definedName name="IQ_CASH_ST_INVEST_MEDIAN_EST" hidden="1">"c4253"</definedName>
    <definedName name="IQ_CASH_ST_INVEST_MEDIAN_EST_CIQ" hidden="1">"c4779"</definedName>
    <definedName name="IQ_CASH_ST_INVEST_NUM_EST" hidden="1">"c4254"</definedName>
    <definedName name="IQ_CASH_ST_INVEST_NUM_EST_CIQ" hidden="1">"c4780"</definedName>
    <definedName name="IQ_CASH_ST_INVEST_STDDEV_EST" hidden="1">"c4255"</definedName>
    <definedName name="IQ_CASH_ST_INVEST_STDDEV_EST_CIQ" hidden="1">"c4781"</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DS_5YR_CIQID" hidden="1">"c11751"</definedName>
    <definedName name="IQ_CDS_ASK" hidden="1">"c6027"</definedName>
    <definedName name="IQ_CDS_BID" hidden="1">"c6026"</definedName>
    <definedName name="IQ_CDS_CURRENCY" hidden="1">"c6031"</definedName>
    <definedName name="IQ_CDS_EVAL_DATE" hidden="1">"c6029"</definedName>
    <definedName name="IQ_CDS_MID" hidden="1">"c6028"</definedName>
    <definedName name="IQ_CDS_NAME" hidden="1">"c6034"</definedName>
    <definedName name="IQ_CDS_TERM" hidden="1">"c6030"</definedName>
    <definedName name="IQ_CDS_TYPE" hidden="1">"c6025"</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FPS_ACT_OR_EST" hidden="1">"c2217"</definedName>
    <definedName name="IQ_CFPS_ACT_OR_EST_CIQ" hidden="1">"c5061"</definedName>
    <definedName name="IQ_CFPS_ACT_OR_EST_REUT" hidden="1">"c5463"</definedName>
    <definedName name="IQ_CFPS_EST" hidden="1">"c1667"</definedName>
    <definedName name="IQ_CFPS_EST_CIQ" hidden="1">"c3675"</definedName>
    <definedName name="IQ_CFPS_EST_REUT" hidden="1">"c3844"</definedName>
    <definedName name="IQ_CFPS_GUIDANCE" hidden="1">"c4256"</definedName>
    <definedName name="IQ_CFPS_GUIDANCE_CIQ" hidden="1">"c4782"</definedName>
    <definedName name="IQ_CFPS_HIGH_EST" hidden="1">"c1669"</definedName>
    <definedName name="IQ_CFPS_HIGH_EST_CIQ" hidden="1">"c3677"</definedName>
    <definedName name="IQ_CFPS_HIGH_EST_REUT" hidden="1">"c3846"</definedName>
    <definedName name="IQ_CFPS_HIGH_GUIDANCE" hidden="1">"c4167"</definedName>
    <definedName name="IQ_CFPS_HIGH_GUIDANCE_CIQ" hidden="1">"c4579"</definedName>
    <definedName name="IQ_CFPS_LOW_EST" hidden="1">"c1670"</definedName>
    <definedName name="IQ_CFPS_LOW_EST_CIQ" hidden="1">"c3678"</definedName>
    <definedName name="IQ_CFPS_LOW_EST_REUT" hidden="1">"c3847"</definedName>
    <definedName name="IQ_CFPS_LOW_GUIDANCE" hidden="1">"c4207"</definedName>
    <definedName name="IQ_CFPS_LOW_GUIDANCE_CIQ" hidden="1">"c4619"</definedName>
    <definedName name="IQ_CFPS_MEDIAN_EST" hidden="1">"c1668"</definedName>
    <definedName name="IQ_CFPS_MEDIAN_EST_CIQ" hidden="1">"c3676"</definedName>
    <definedName name="IQ_CFPS_MEDIAN_EST_REUT" hidden="1">"c3845"</definedName>
    <definedName name="IQ_CFPS_NUM_EST" hidden="1">"c1671"</definedName>
    <definedName name="IQ_CFPS_NUM_EST_CIQ" hidden="1">"c3679"</definedName>
    <definedName name="IQ_CFPS_NUM_EST_REUT" hidden="1">"c3848"</definedName>
    <definedName name="IQ_CFPS_STDDEV_EST" hidden="1">"c1672"</definedName>
    <definedName name="IQ_CFPS_STDDEV_EST_CIQ" hidden="1">"c3680"</definedName>
    <definedName name="IQ_CFPS_STDDEV_EST_REUT" hidden="1">"c3849"</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ASSB_OUTSTANDING_BS_DATE" hidden="1">"c1972"</definedName>
    <definedName name="IQ_CLASSB_OUTSTANDING_FILING_DATE" hidden="1">"c1974"</definedName>
    <definedName name="IQ_CLOSEPRICE" hidden="1">"c174"</definedName>
    <definedName name="IQ_CLOSEPRICE_ADJ" hidden="1">"c2115"</definedName>
    <definedName name="IQ_CMO_FDIC" hidden="1">"c6406"</definedName>
    <definedName name="IQ_COGS" hidden="1">"c175"</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TRACTS_OTHER_COMMODITIES_EQUITIES_FDIC" hidden="1">"c6522"</definedName>
    <definedName name="IQ_CONV_DATE" hidden="1">"c2191"</definedName>
    <definedName name="IQ_CONV_EXP_DATE" hidden="1">"c3043"</definedName>
    <definedName name="IQ_CONV_PREMIUM" hidden="1">"c2195"</definedName>
    <definedName name="IQ_CONV_PRICE" hidden="1">"c2193"</definedName>
    <definedName name="IQ_CONV_RATE" hidden="1">"c2192"</definedName>
    <definedName name="IQ_CONV_RATIO" hidden="1">"c2192"</definedName>
    <definedName name="IQ_CONV_SECURITY" hidden="1">"c2189"</definedName>
    <definedName name="IQ_CONV_SECURITY_ISSUER" hidden="1">"c2190"</definedName>
    <definedName name="IQ_CONV_SECURITY_PRICE" hidden="1">"c2194"</definedName>
    <definedName name="IQ_CONVERT" hidden="1">"c2536"</definedName>
    <definedName name="IQ_CONVERT_PCT" hidden="1">"c2537"</definedName>
    <definedName name="IQ_CONVEXITY" hidden="1">"c2182"</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BENCHMARK" hidden="1">"c6780"</definedName>
    <definedName name="IQ_CURRENT_BENCHMARK_CIQID" hidden="1">"c6781"</definedName>
    <definedName name="IQ_CURRENT_BENCHMARK_MATURITY" hidden="1">"c6782"</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TY_EST" hidden="1">"c4257"</definedName>
    <definedName name="IQ_DEBT_EQUITY_EST_CIQ" hidden="1">"c4783"</definedName>
    <definedName name="IQ_DEBT_EQUITY_HIGH_EST" hidden="1">"c4258"</definedName>
    <definedName name="IQ_DEBT_EQUITY_HIGH_EST_CIQ" hidden="1">"c4784"</definedName>
    <definedName name="IQ_DEBT_EQUITY_LOW_EST" hidden="1">"c4259"</definedName>
    <definedName name="IQ_DEBT_EQUITY_LOW_EST_CIQ" hidden="1">"c4785"</definedName>
    <definedName name="IQ_DEBT_EQUITY_MEDIAN_EST" hidden="1">"c4260"</definedName>
    <definedName name="IQ_DEBT_EQUITY_MEDIAN_EST_CIQ" hidden="1">"c4786"</definedName>
    <definedName name="IQ_DEBT_EQUITY_NUM_EST" hidden="1">"c4261"</definedName>
    <definedName name="IQ_DEBT_EQUITY_NUM_EST_CIQ" hidden="1">"c4787"</definedName>
    <definedName name="IQ_DEBT_EQUITY_STDDEV_EST" hidden="1">"c4262"</definedName>
    <definedName name="IQ_DEBT_EQUITY_STDDEV_EST_CIQ" hidden="1">"c4788"</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FF_LASTCLOSE_TARGET_PRICE" hidden="1">"c1854"</definedName>
    <definedName name="IQ_DIFF_LASTCLOSE_TARGET_PRICE_CIQ" hidden="1">"c4767"</definedName>
    <definedName name="IQ_DIFF_LASTCLOSE_TARGET_PRICE_REUT" hidden="1">"c5436"</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OUTSTANDING_CURRENT_EST" hidden="1">"c4263"</definedName>
    <definedName name="IQ_DILUT_OUTSTANDING_CURRENT_EST_CIQ" hidden="1">"c4789"</definedName>
    <definedName name="IQ_DILUT_OUTSTANDING_CURRENT_HIGH_EST" hidden="1">"c4264"</definedName>
    <definedName name="IQ_DILUT_OUTSTANDING_CURRENT_HIGH_EST_CIQ" hidden="1">"c4790"</definedName>
    <definedName name="IQ_DILUT_OUTSTANDING_CURRENT_LOW_EST" hidden="1">"c4265"</definedName>
    <definedName name="IQ_DILUT_OUTSTANDING_CURRENT_LOW_EST_CIQ" hidden="1">"c4791"</definedName>
    <definedName name="IQ_DILUT_OUTSTANDING_CURRENT_MEDIAN_EST" hidden="1">"c4266"</definedName>
    <definedName name="IQ_DILUT_OUTSTANDING_CURRENT_MEDIAN_EST_CIQ" hidden="1">"c4792"</definedName>
    <definedName name="IQ_DILUT_OUTSTANDING_CURRENT_NUM_EST" hidden="1">"c4267"</definedName>
    <definedName name="IQ_DILUT_OUTSTANDING_CURRENT_NUM_EST_CIQ" hidden="1">"c4793"</definedName>
    <definedName name="IQ_DILUT_OUTSTANDING_CURRENT_STDDEV_EST" hidden="1">"c4268"</definedName>
    <definedName name="IQ_DILUT_OUTSTANDING_CURRENT_STDDEV_EST_CIQ" hidden="1">"c4794"</definedName>
    <definedName name="IQ_DILUT_WEIGHT" hidden="1">"c326"</definedName>
    <definedName name="IQ_DILUT_WEIGHT_EST" hidden="1">"c4269"</definedName>
    <definedName name="IQ_DILUT_WEIGHT_EST_CIQ" hidden="1">"c4795"</definedName>
    <definedName name="IQ_DILUT_WEIGHT_GUIDANCE" hidden="1">"c4270"</definedName>
    <definedName name="IQ_DILUT_WEIGHT_HIGH_EST" hidden="1">"c4271"</definedName>
    <definedName name="IQ_DILUT_WEIGHT_HIGH_EST_CIQ" hidden="1">"c4796"</definedName>
    <definedName name="IQ_DILUT_WEIGHT_LOW_EST" hidden="1">"c4272"</definedName>
    <definedName name="IQ_DILUT_WEIGHT_LOW_EST_CIQ" hidden="1">"c4797"</definedName>
    <definedName name="IQ_DILUT_WEIGHT_MEDIAN_EST" hidden="1">"c4273"</definedName>
    <definedName name="IQ_DILUT_WEIGHT_MEDIAN_EST_CIQ" hidden="1">"c4798"</definedName>
    <definedName name="IQ_DILUT_WEIGHT_NUM_EST" hidden="1">"c4274"</definedName>
    <definedName name="IQ_DILUT_WEIGHT_NUM_EST_CIQ" hidden="1">"c4799"</definedName>
    <definedName name="IQ_DILUT_WEIGHT_STDDEV_EST" hidden="1">"c4275"</definedName>
    <definedName name="IQ_DILUT_WEIGHT_STDDEV_EST_CIQ" hidden="1">"c4800"</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 hidden="1">"c4278"</definedName>
    <definedName name="IQ_DISTRIBUTABLE_CASH_ACT_OR_EST_CIQ" hidden="1">"c4803"</definedName>
    <definedName name="IQ_DISTRIBUTABLE_CASH_EST" hidden="1">"c4277"</definedName>
    <definedName name="IQ_DISTRIBUTABLE_CASH_EST_CIQ" hidden="1">"c4802"</definedName>
    <definedName name="IQ_DISTRIBUTABLE_CASH_GUIDANCE" hidden="1">"c4279"</definedName>
    <definedName name="IQ_DISTRIBUTABLE_CASH_GUIDANCE_CIQ" hidden="1">"c4804"</definedName>
    <definedName name="IQ_DISTRIBUTABLE_CASH_HIGH_EST" hidden="1">"c4280"</definedName>
    <definedName name="IQ_DISTRIBUTABLE_CASH_HIGH_EST_CIQ" hidden="1">"c4805"</definedName>
    <definedName name="IQ_DISTRIBUTABLE_CASH_HIGH_GUIDANCE" hidden="1">"c4198"</definedName>
    <definedName name="IQ_DISTRIBUTABLE_CASH_HIGH_GUIDANCE_CIQ" hidden="1">"c4610"</definedName>
    <definedName name="IQ_DISTRIBUTABLE_CASH_LOW_EST" hidden="1">"c4281"</definedName>
    <definedName name="IQ_DISTRIBUTABLE_CASH_LOW_EST_CIQ" hidden="1">"c4806"</definedName>
    <definedName name="IQ_DISTRIBUTABLE_CASH_LOW_GUIDANCE" hidden="1">"c4238"</definedName>
    <definedName name="IQ_DISTRIBUTABLE_CASH_LOW_GUIDANCE_CIQ" hidden="1">"c4650"</definedName>
    <definedName name="IQ_DISTRIBUTABLE_CASH_MEDIAN_EST" hidden="1">"c4282"</definedName>
    <definedName name="IQ_DISTRIBUTABLE_CASH_MEDIAN_EST_CIQ" hidden="1">"c4807"</definedName>
    <definedName name="IQ_DISTRIBUTABLE_CASH_NUM_EST" hidden="1">"c4283"</definedName>
    <definedName name="IQ_DISTRIBUTABLE_CASH_NUM_EST_CIQ" hidden="1">"c4808"</definedName>
    <definedName name="IQ_DISTRIBUTABLE_CASH_PAYOUT" hidden="1">"c3005"</definedName>
    <definedName name="IQ_DISTRIBUTABLE_CASH_SHARE" hidden="1">"c3003"</definedName>
    <definedName name="IQ_DISTRIBUTABLE_CASH_SHARE_ACT_OR_EST" hidden="1">"c4286"</definedName>
    <definedName name="IQ_DISTRIBUTABLE_CASH_SHARE_ACT_OR_EST_CIQ" hidden="1">"c4811"</definedName>
    <definedName name="IQ_DISTRIBUTABLE_CASH_SHARE_EST" hidden="1">"c4285"</definedName>
    <definedName name="IQ_DISTRIBUTABLE_CASH_SHARE_EST_CIQ" hidden="1">"c4810"</definedName>
    <definedName name="IQ_DISTRIBUTABLE_CASH_SHARE_GUIDANCE" hidden="1">"c4287"</definedName>
    <definedName name="IQ_DISTRIBUTABLE_CASH_SHARE_GUIDANCE_CIQ" hidden="1">"c4812"</definedName>
    <definedName name="IQ_DISTRIBUTABLE_CASH_SHARE_HIGH_EST" hidden="1">"c4288"</definedName>
    <definedName name="IQ_DISTRIBUTABLE_CASH_SHARE_HIGH_EST_CIQ" hidden="1">"c4813"</definedName>
    <definedName name="IQ_DISTRIBUTABLE_CASH_SHARE_HIGH_GUIDANCE" hidden="1">"c4199"</definedName>
    <definedName name="IQ_DISTRIBUTABLE_CASH_SHARE_HIGH_GUIDANCE_CIQ" hidden="1">"c4611"</definedName>
    <definedName name="IQ_DISTRIBUTABLE_CASH_SHARE_LOW_EST" hidden="1">"c4289"</definedName>
    <definedName name="IQ_DISTRIBUTABLE_CASH_SHARE_LOW_EST_CIQ" hidden="1">"c4814"</definedName>
    <definedName name="IQ_DISTRIBUTABLE_CASH_SHARE_LOW_GUIDANCE" hidden="1">"c4239"</definedName>
    <definedName name="IQ_DISTRIBUTABLE_CASH_SHARE_LOW_GUIDANCE_CIQ" hidden="1">"c4651"</definedName>
    <definedName name="IQ_DISTRIBUTABLE_CASH_SHARE_MEDIAN_EST" hidden="1">"c4290"</definedName>
    <definedName name="IQ_DISTRIBUTABLE_CASH_SHARE_MEDIAN_EST_CIQ" hidden="1">"c4815"</definedName>
    <definedName name="IQ_DISTRIBUTABLE_CASH_SHARE_NUM_EST" hidden="1">"c4291"</definedName>
    <definedName name="IQ_DISTRIBUTABLE_CASH_SHARE_NUM_EST_CIQ" hidden="1">"c4816"</definedName>
    <definedName name="IQ_DISTRIBUTABLE_CASH_SHARE_STDDEV_EST" hidden="1">"c4292"</definedName>
    <definedName name="IQ_DISTRIBUTABLE_CASH_SHARE_STDDEV_EST_CIQ" hidden="1">"c4817"</definedName>
    <definedName name="IQ_DISTRIBUTABLE_CASH_STDDEV_EST" hidden="1">"c4294"</definedName>
    <definedName name="IQ_DISTRIBUTABLE_CASH_STDDEV_EST_CIQ" hidden="1">"c4819"</definedName>
    <definedName name="IQ_DIV_AMOUNT" hidden="1">"c3041"</definedName>
    <definedName name="IQ_DIV_PAYMENT_DATE" hidden="1">"c2106"</definedName>
    <definedName name="IQ_DIV_RECORD_DATE" hidden="1">"c2105"</definedName>
    <definedName name="IQ_DIV_SHARE" hidden="1">"c330"</definedName>
    <definedName name="IQ_DIVEST_CF" hidden="1">"c331"</definedName>
    <definedName name="IQ_DIVID_SHARE" hidden="1">"c1366"</definedName>
    <definedName name="IQ_DIVIDEND_EST" hidden="1">"c4296"</definedName>
    <definedName name="IQ_DIVIDEND_EST_CIQ" hidden="1">"c4821"</definedName>
    <definedName name="IQ_DIVIDEND_HIGH_EST" hidden="1">"c4297"</definedName>
    <definedName name="IQ_DIVIDEND_HIGH_EST_CIQ" hidden="1">"c4822"</definedName>
    <definedName name="IQ_DIVIDEND_LOW_EST" hidden="1">"c4298"</definedName>
    <definedName name="IQ_DIVIDEND_LOW_EST_CIQ" hidden="1">"c4823"</definedName>
    <definedName name="IQ_DIVIDEND_MEDIAN_EST" hidden="1">"c4299"</definedName>
    <definedName name="IQ_DIVIDEND_MEDIAN_EST_CIQ" hidden="1">"c4824"</definedName>
    <definedName name="IQ_DIVIDEND_NUM_EST" hidden="1">"c4300"</definedName>
    <definedName name="IQ_DIVIDEND_NUM_EST_CIQ" hidden="1">"c4825"</definedName>
    <definedName name="IQ_DIVIDEND_STDDEV_EST" hidden="1">"c4301"</definedName>
    <definedName name="IQ_DIVIDEND_STDDEV_EST_CIQ" hidden="1">"c482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B_OTHER_EXP_INC_TAX_US" hidden="1">"c6787"</definedName>
    <definedName name="IQ_DNTM" hidden="1">700000</definedName>
    <definedName name="IQ_DO" hidden="1">"c333"</definedName>
    <definedName name="IQ_DO_ASSETS_CURRENT" hidden="1">"c334"</definedName>
    <definedName name="IQ_DO_ASSETS_LT" hidden="1">"c335"</definedName>
    <definedName name="IQ_DO_CF" hidden="1">"c336"</definedName>
    <definedName name="IQ_DOC_CLAUSE" hidden="1">"c6032"</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PS_ACT_OR_EST" hidden="1">"c2218"</definedName>
    <definedName name="IQ_DPS_ACT_OR_EST_CIQ" hidden="1">"c5062"</definedName>
    <definedName name="IQ_DPS_ACT_OR_EST_REUT" hidden="1">"c5464"</definedName>
    <definedName name="IQ_DPS_EST" hidden="1">"c1674"</definedName>
    <definedName name="IQ_DPS_EST_BOTTOM_UP" hidden="1">"c5493"</definedName>
    <definedName name="IQ_DPS_EST_BOTTOM_UP_CIQ" hidden="1">"c12030"</definedName>
    <definedName name="IQ_DPS_EST_BOTTOM_UP_REUT" hidden="1">"c5501"</definedName>
    <definedName name="IQ_DPS_EST_CIQ" hidden="1">"c3682"</definedName>
    <definedName name="IQ_DPS_EST_REUT" hidden="1">"c3851"</definedName>
    <definedName name="IQ_DPS_GUIDANCE" hidden="1">"c4302"</definedName>
    <definedName name="IQ_DPS_GUIDANCE_CIQ" hidden="1">"c4827"</definedName>
    <definedName name="IQ_DPS_HIGH_EST" hidden="1">"c1676"</definedName>
    <definedName name="IQ_DPS_HIGH_EST_CIQ" hidden="1">"c3684"</definedName>
    <definedName name="IQ_DPS_HIGH_EST_REUT" hidden="1">"c3853"</definedName>
    <definedName name="IQ_DPS_HIGH_GUIDANCE" hidden="1">"c4168"</definedName>
    <definedName name="IQ_DPS_HIGH_GUIDANCE_CIQ" hidden="1">"c4580"</definedName>
    <definedName name="IQ_DPS_LOW_EST" hidden="1">"c1677"</definedName>
    <definedName name="IQ_DPS_LOW_EST_CIQ" hidden="1">"c3685"</definedName>
    <definedName name="IQ_DPS_LOW_EST_REUT" hidden="1">"c3854"</definedName>
    <definedName name="IQ_DPS_LOW_GUIDANCE" hidden="1">"c4208"</definedName>
    <definedName name="IQ_DPS_LOW_GUIDANCE_CIQ" hidden="1">"c4620"</definedName>
    <definedName name="IQ_DPS_MEDIAN_EST" hidden="1">"c1675"</definedName>
    <definedName name="IQ_DPS_MEDIAN_EST_CIQ" hidden="1">"c3683"</definedName>
    <definedName name="IQ_DPS_MEDIAN_EST_REUT" hidden="1">"c3852"</definedName>
    <definedName name="IQ_DPS_NUM_EST" hidden="1">"c1678"</definedName>
    <definedName name="IQ_DPS_NUM_EST_CIQ" hidden="1">"c3686"</definedName>
    <definedName name="IQ_DPS_NUM_EST_REUT" hidden="1">"c3855"</definedName>
    <definedName name="IQ_DPS_STDDEV_EST" hidden="1">"c1679"</definedName>
    <definedName name="IQ_DPS_STDDEV_EST_CIQ" hidden="1">"c3687"</definedName>
    <definedName name="IQ_DPS_STDDEV_EST_REUT" hidden="1">"c3856"</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DURATION" hidden="1">"c2181"</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ANNOUNCE_DATE_REUT" hidden="1">"c5314"</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K" hidden="1">"IQ_EBIT_10K"</definedName>
    <definedName name="IQ_EBIT_10Q" hidden="1">"IQ_EBIT_10Q"</definedName>
    <definedName name="IQ_EBIT_10Q1" hidden="1">"IQ_EBIT_10Q1"</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ACT_OR_EST" hidden="1">"c2219"</definedName>
    <definedName name="IQ_EBIT_ACT_OR_EST_CIQ" hidden="1">"c5063"</definedName>
    <definedName name="IQ_EBIT_ACT_OR_EST_REUT" hidden="1">"c5465"</definedName>
    <definedName name="IQ_EBIT_EQ_INC" hidden="1">"c3498"</definedName>
    <definedName name="IQ_EBIT_EQ_INC_EXCL_SBC" hidden="1">"c3502"</definedName>
    <definedName name="IQ_EBIT_EST" hidden="1">"c1681"</definedName>
    <definedName name="IQ_EBIT_EST_CIQ" hidden="1">"c4674"</definedName>
    <definedName name="IQ_EBIT_EST_REUT" hidden="1">"c5333"</definedName>
    <definedName name="IQ_EBIT_EXCL_SBC" hidden="1">"c3082"</definedName>
    <definedName name="IQ_EBIT_GROWTH_1" hidden="1">"c157"</definedName>
    <definedName name="IQ_EBIT_GROWTH_2" hidden="1">"c161"</definedName>
    <definedName name="IQ_EBIT_GUIDANCE" hidden="1">"c4303"</definedName>
    <definedName name="IQ_EBIT_GUIDANCE_CIQ" hidden="1">"c4828"</definedName>
    <definedName name="IQ_EBIT_GW_ACT_OR_EST" hidden="1">"c4306"</definedName>
    <definedName name="IQ_EBIT_GW_ACT_OR_EST_CIQ" hidden="1">"c4831"</definedName>
    <definedName name="IQ_EBIT_GW_EST" hidden="1">"c4305"</definedName>
    <definedName name="IQ_EBIT_GW_EST_CIQ" hidden="1">"c4830"</definedName>
    <definedName name="IQ_EBIT_GW_GUIDANCE" hidden="1">"c4307"</definedName>
    <definedName name="IQ_EBIT_GW_GUIDANCE_CIQ" hidden="1">"c4832"</definedName>
    <definedName name="IQ_EBIT_GW_HIGH_EST" hidden="1">"c4308"</definedName>
    <definedName name="IQ_EBIT_GW_HIGH_EST_CIQ" hidden="1">"c4833"</definedName>
    <definedName name="IQ_EBIT_GW_HIGH_GUIDANCE" hidden="1">"c4171"</definedName>
    <definedName name="IQ_EBIT_GW_HIGH_GUIDANCE_CIQ" hidden="1">"c4583"</definedName>
    <definedName name="IQ_EBIT_GW_LOW_EST" hidden="1">"c4309"</definedName>
    <definedName name="IQ_EBIT_GW_LOW_EST_CIQ" hidden="1">"c4834"</definedName>
    <definedName name="IQ_EBIT_GW_LOW_GUIDANCE" hidden="1">"c4211"</definedName>
    <definedName name="IQ_EBIT_GW_LOW_GUIDANCE_CIQ" hidden="1">"c4623"</definedName>
    <definedName name="IQ_EBIT_GW_MEDIAN_EST" hidden="1">"c4310"</definedName>
    <definedName name="IQ_EBIT_GW_MEDIAN_EST_CIQ" hidden="1">"c4835"</definedName>
    <definedName name="IQ_EBIT_GW_NUM_EST" hidden="1">"c4311"</definedName>
    <definedName name="IQ_EBIT_GW_NUM_EST_CIQ" hidden="1">"c4836"</definedName>
    <definedName name="IQ_EBIT_GW_STDDEV_EST" hidden="1">"c4312"</definedName>
    <definedName name="IQ_EBIT_GW_STDDEV_EST_CIQ" hidden="1">"c4837"</definedName>
    <definedName name="IQ_EBIT_HIGH_EST" hidden="1">"c1683"</definedName>
    <definedName name="IQ_EBIT_HIGH_EST_CIQ" hidden="1">"c4676"</definedName>
    <definedName name="IQ_EBIT_HIGH_EST_REUT" hidden="1">"c5335"</definedName>
    <definedName name="IQ_EBIT_HIGH_GUIDANCE" hidden="1">"c4172"</definedName>
    <definedName name="IQ_EBIT_HIGH_GUIDANCE_CIQ" hidden="1">"c4584"</definedName>
    <definedName name="IQ_EBIT_INT" hidden="1">"c360"</definedName>
    <definedName name="IQ_EBIT_LOW_EST" hidden="1">"c1684"</definedName>
    <definedName name="IQ_EBIT_LOW_EST_CIQ" hidden="1">"c4677"</definedName>
    <definedName name="IQ_EBIT_LOW_EST_REUT" hidden="1">"c5336"</definedName>
    <definedName name="IQ_EBIT_LOW_GUIDANCE" hidden="1">"c4212"</definedName>
    <definedName name="IQ_EBIT_LOW_GUIDANCE_CIQ" hidden="1">"c4624"</definedName>
    <definedName name="IQ_EBIT_MARGIN" hidden="1">"c359"</definedName>
    <definedName name="IQ_EBIT_MEDIAN_EST" hidden="1">"c1682"</definedName>
    <definedName name="IQ_EBIT_MEDIAN_EST_CIQ" hidden="1">"c4675"</definedName>
    <definedName name="IQ_EBIT_MEDIAN_EST_REUT" hidden="1">"c5334"</definedName>
    <definedName name="IQ_EBIT_NUM_EST" hidden="1">"c1685"</definedName>
    <definedName name="IQ_EBIT_NUM_EST_CIQ" hidden="1">"c4678"</definedName>
    <definedName name="IQ_EBIT_NUM_EST_REUT" hidden="1">"c5337"</definedName>
    <definedName name="IQ_EBIT_OVER_IE" hidden="1">"c1369"</definedName>
    <definedName name="IQ_EBIT_SBC_ACT_OR_EST" hidden="1">"c4316"</definedName>
    <definedName name="IQ_EBIT_SBC_ACT_OR_EST_CIQ" hidden="1">"c4841"</definedName>
    <definedName name="IQ_EBIT_SBC_EST" hidden="1">"c4315"</definedName>
    <definedName name="IQ_EBIT_SBC_EST_CIQ" hidden="1">"c4840"</definedName>
    <definedName name="IQ_EBIT_SBC_GUIDANCE" hidden="1">"c4317"</definedName>
    <definedName name="IQ_EBIT_SBC_GUIDANCE_CIQ" hidden="1">"c4842"</definedName>
    <definedName name="IQ_EBIT_SBC_GW_ACT_OR_EST" hidden="1">"c4320"</definedName>
    <definedName name="IQ_EBIT_SBC_GW_ACT_OR_EST_CIQ" hidden="1">"c4845"</definedName>
    <definedName name="IQ_EBIT_SBC_GW_EST" hidden="1">"c4319"</definedName>
    <definedName name="IQ_EBIT_SBC_GW_EST_CIQ" hidden="1">"c4844"</definedName>
    <definedName name="IQ_EBIT_SBC_GW_GUIDANCE" hidden="1">"c4321"</definedName>
    <definedName name="IQ_EBIT_SBC_GW_GUIDANCE_CIQ" hidden="1">"c4846"</definedName>
    <definedName name="IQ_EBIT_SBC_GW_HIGH_EST" hidden="1">"c4322"</definedName>
    <definedName name="IQ_EBIT_SBC_GW_HIGH_EST_CIQ" hidden="1">"c4847"</definedName>
    <definedName name="IQ_EBIT_SBC_GW_HIGH_GUIDANCE" hidden="1">"c4193"</definedName>
    <definedName name="IQ_EBIT_SBC_GW_HIGH_GUIDANCE_CIQ" hidden="1">"c4605"</definedName>
    <definedName name="IQ_EBIT_SBC_GW_LOW_EST" hidden="1">"c4323"</definedName>
    <definedName name="IQ_EBIT_SBC_GW_LOW_EST_CIQ" hidden="1">"c4848"</definedName>
    <definedName name="IQ_EBIT_SBC_GW_LOW_GUIDANCE" hidden="1">"c4233"</definedName>
    <definedName name="IQ_EBIT_SBC_GW_LOW_GUIDANCE_CIQ" hidden="1">"c4645"</definedName>
    <definedName name="IQ_EBIT_SBC_GW_MEDIAN_EST" hidden="1">"c4324"</definedName>
    <definedName name="IQ_EBIT_SBC_GW_MEDIAN_EST_CIQ" hidden="1">"c4849"</definedName>
    <definedName name="IQ_EBIT_SBC_GW_NUM_EST" hidden="1">"c4325"</definedName>
    <definedName name="IQ_EBIT_SBC_GW_NUM_EST_CIQ" hidden="1">"c4850"</definedName>
    <definedName name="IQ_EBIT_SBC_GW_STDDEV_EST" hidden="1">"c4326"</definedName>
    <definedName name="IQ_EBIT_SBC_GW_STDDEV_EST_CIQ" hidden="1">"c4851"</definedName>
    <definedName name="IQ_EBIT_SBC_HIGH_EST" hidden="1">"c4328"</definedName>
    <definedName name="IQ_EBIT_SBC_HIGH_EST_CIQ" hidden="1">"c4853"</definedName>
    <definedName name="IQ_EBIT_SBC_HIGH_GUIDANCE" hidden="1">"c4192"</definedName>
    <definedName name="IQ_EBIT_SBC_HIGH_GUIDANCE_CIQ" hidden="1">"c4604"</definedName>
    <definedName name="IQ_EBIT_SBC_LOW_EST" hidden="1">"c4329"</definedName>
    <definedName name="IQ_EBIT_SBC_LOW_EST_CIQ" hidden="1">"c4854"</definedName>
    <definedName name="IQ_EBIT_SBC_LOW_GUIDANCE" hidden="1">"c4232"</definedName>
    <definedName name="IQ_EBIT_SBC_LOW_GUIDANCE_CIQ" hidden="1">"c4644"</definedName>
    <definedName name="IQ_EBIT_SBC_MEDIAN_EST" hidden="1">"c4330"</definedName>
    <definedName name="IQ_EBIT_SBC_MEDIAN_EST_CIQ" hidden="1">"c4855"</definedName>
    <definedName name="IQ_EBIT_SBC_NUM_EST" hidden="1">"c4331"</definedName>
    <definedName name="IQ_EBIT_SBC_NUM_EST_CIQ" hidden="1">"c4856"</definedName>
    <definedName name="IQ_EBIT_SBC_STDDEV_EST" hidden="1">"c4332"</definedName>
    <definedName name="IQ_EBIT_SBC_STDDEV_EST_CIQ" hidden="1">"c4857"</definedName>
    <definedName name="IQ_EBIT_STDDEV_EST" hidden="1">"c1686"</definedName>
    <definedName name="IQ_EBIT_STDDEV_EST_CIQ" hidden="1">"c4679"</definedName>
    <definedName name="IQ_EBIT_STDDEV_EST_REUT" hidden="1">"c5338"</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K" hidden="1">"IQ_EBITDA_10K"</definedName>
    <definedName name="IQ_EBITDA_10Q" hidden="1">"IQ_EBITDA_10Q"</definedName>
    <definedName name="IQ_EBITDA_10Q1" hidden="1">"IQ_EBITDA_10Q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 hidden="1">"c2215"</definedName>
    <definedName name="IQ_EBITDA_ACT_OR_EST_CIQ" hidden="1">"c5060"</definedName>
    <definedName name="IQ_EBITDA_ACT_OR_EST_REUT" hidden="1">"c5462"</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ST_REUT" hidden="1">"c3640"</definedName>
    <definedName name="IQ_EBITDA_EXCL_SBC" hidden="1">"c3081"</definedName>
    <definedName name="IQ_EBITDA_GROWTH_1" hidden="1">"c156"</definedName>
    <definedName name="IQ_EBITDA_GROWTH_2" hidden="1">"c160"</definedName>
    <definedName name="IQ_EBITDA_GUIDANCE" hidden="1">"c4334"</definedName>
    <definedName name="IQ_EBITDA_GUIDANCE_CIQ" hidden="1">"c4859"</definedName>
    <definedName name="IQ_EBITDA_HIGH_EST" hidden="1">"c370"</definedName>
    <definedName name="IQ_EBITDA_HIGH_EST_CIQ" hidden="1">"c3624"</definedName>
    <definedName name="IQ_EBITDA_HIGH_EST_REUT" hidden="1">"c3642"</definedName>
    <definedName name="IQ_EBITDA_HIGH_GUIDANCE" hidden="1">"c4170"</definedName>
    <definedName name="IQ_EBITDA_HIGH_GUIDANCE_CIQ" hidden="1">"c4582"</definedName>
    <definedName name="IQ_EBITDA_INT" hidden="1">"c373"</definedName>
    <definedName name="IQ_EBITDA_LOW_EST" hidden="1">"c371"</definedName>
    <definedName name="IQ_EBITDA_LOW_EST_CIQ" hidden="1">"c3625"</definedName>
    <definedName name="IQ_EBITDA_LOW_EST_REUT" hidden="1">"c3643"</definedName>
    <definedName name="IQ_EBITDA_LOW_GUIDANCE" hidden="1">"c4210"</definedName>
    <definedName name="IQ_EBITDA_LOW_GUIDANCE_CIQ" hidden="1">"c4622"</definedName>
    <definedName name="IQ_EBITDA_MARGIN" hidden="1">"c372"</definedName>
    <definedName name="IQ_EBITDA_MEDIAN_EST" hidden="1">"c1663"</definedName>
    <definedName name="IQ_EBITDA_MEDIAN_EST_CIQ" hidden="1">"c3623"</definedName>
    <definedName name="IQ_EBITDA_MEDIAN_EST_REUT" hidden="1">"c3641"</definedName>
    <definedName name="IQ_EBITDA_NUM_EST" hidden="1">"c374"</definedName>
    <definedName name="IQ_EBITDA_NUM_EST_CIQ" hidden="1">"c3626"</definedName>
    <definedName name="IQ_EBITDA_NUM_EST_REUT" hidden="1">"c3644"</definedName>
    <definedName name="IQ_EBITDA_OVER_TOTAL_IE" hidden="1">"c1371"</definedName>
    <definedName name="IQ_EBITDA_SBC_ACT_OR_EST" hidden="1">"c4337"</definedName>
    <definedName name="IQ_EBITDA_SBC_ACT_OR_EST_CIQ" hidden="1">"c4862"</definedName>
    <definedName name="IQ_EBITDA_SBC_EST" hidden="1">"c4336"</definedName>
    <definedName name="IQ_EBITDA_SBC_EST_CIQ" hidden="1">"c4861"</definedName>
    <definedName name="IQ_EBITDA_SBC_GUIDANCE" hidden="1">"c4338"</definedName>
    <definedName name="IQ_EBITDA_SBC_GUIDANCE_CIQ" hidden="1">"c4863"</definedName>
    <definedName name="IQ_EBITDA_SBC_HIGH_EST" hidden="1">"c4339"</definedName>
    <definedName name="IQ_EBITDA_SBC_HIGH_EST_CIQ" hidden="1">"c4864"</definedName>
    <definedName name="IQ_EBITDA_SBC_HIGH_GUIDANCE" hidden="1">"c4194"</definedName>
    <definedName name="IQ_EBITDA_SBC_HIGH_GUIDANCE_CIQ" hidden="1">"c4606"</definedName>
    <definedName name="IQ_EBITDA_SBC_LOW_EST" hidden="1">"c4340"</definedName>
    <definedName name="IQ_EBITDA_SBC_LOW_EST_CIQ" hidden="1">"c4865"</definedName>
    <definedName name="IQ_EBITDA_SBC_LOW_GUIDANCE" hidden="1">"c4234"</definedName>
    <definedName name="IQ_EBITDA_SBC_LOW_GUIDANCE_CIQ" hidden="1">"c4646"</definedName>
    <definedName name="IQ_EBITDA_SBC_MEDIAN_EST" hidden="1">"c4341"</definedName>
    <definedName name="IQ_EBITDA_SBC_MEDIAN_EST_CIQ" hidden="1">"c4866"</definedName>
    <definedName name="IQ_EBITDA_SBC_NUM_EST" hidden="1">"c4342"</definedName>
    <definedName name="IQ_EBITDA_SBC_NUM_EST_CIQ" hidden="1">"c4867"</definedName>
    <definedName name="IQ_EBITDA_SBC_STDDEV_EST" hidden="1">"c4343"</definedName>
    <definedName name="IQ_EBITDA_SBC_STDDEV_EST_CIQ" hidden="1">"c4868"</definedName>
    <definedName name="IQ_EBITDA_STDDEV_EST" hidden="1">"c375"</definedName>
    <definedName name="IQ_EBITDA_STDDEV_EST_CIQ" hidden="1">"c3627"</definedName>
    <definedName name="IQ_EBITDA_STDDEV_EST_REUT" hidden="1">"c3645"</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GAAP_GUIDANCE" hidden="1">"c4345"</definedName>
    <definedName name="IQ_EBT_GAAP_GUIDANCE_CIQ" hidden="1">"c4870"</definedName>
    <definedName name="IQ_EBT_GAAP_HIGH_GUIDANCE" hidden="1">"c4174"</definedName>
    <definedName name="IQ_EBT_GAAP_HIGH_GUIDANCE_CIQ" hidden="1">"c4586"</definedName>
    <definedName name="IQ_EBT_GAAP_LOW_GUIDANCE" hidden="1">"c4214"</definedName>
    <definedName name="IQ_EBT_GAAP_LOW_GUIDANCE_CIQ" hidden="1">"c4626"</definedName>
    <definedName name="IQ_EBT_GUIDANCE" hidden="1">"c4346"</definedName>
    <definedName name="IQ_EBT_GUIDANCE_CIQ" hidden="1">"c4871"</definedName>
    <definedName name="IQ_EBT_GW_GUIDANCE" hidden="1">"c4347"</definedName>
    <definedName name="IQ_EBT_GW_GUIDANCE_CIQ" hidden="1">"c4872"</definedName>
    <definedName name="IQ_EBT_GW_HIGH_GUIDANCE" hidden="1">"c4175"</definedName>
    <definedName name="IQ_EBT_GW_HIGH_GUIDANCE_CIQ" hidden="1">"c4587"</definedName>
    <definedName name="IQ_EBT_GW_LOW_GUIDANCE" hidden="1">"c4215"</definedName>
    <definedName name="IQ_EBT_GW_LOW_GUIDANCE_CIQ" hidden="1">"c4627"</definedName>
    <definedName name="IQ_EBT_HIGH_GUIDANCE" hidden="1">"c4173"</definedName>
    <definedName name="IQ_EBT_HIGH_GUIDANCE_CIQ" hidden="1">"c4585"</definedName>
    <definedName name="IQ_EBT_INCL_MARGIN" hidden="1">"c387"</definedName>
    <definedName name="IQ_EBT_INS" hidden="1">"c388"</definedName>
    <definedName name="IQ_EBT_LOW_GUIDANCE" hidden="1">"c4213"</definedName>
    <definedName name="IQ_EBT_LOW_GUIDANCE_CIQ" hidden="1">"c4625"</definedName>
    <definedName name="IQ_EBT_RE" hidden="1">"c6215"</definedName>
    <definedName name="IQ_EBT_REIT" hidden="1">"c389"</definedName>
    <definedName name="IQ_EBT_SBC_ACT_OR_EST" hidden="1">"c4350"</definedName>
    <definedName name="IQ_EBT_SBC_ACT_OR_EST_CIQ" hidden="1">"c4875"</definedName>
    <definedName name="IQ_EBT_SBC_EST" hidden="1">"c4349"</definedName>
    <definedName name="IQ_EBT_SBC_EST_CIQ" hidden="1">"c4874"</definedName>
    <definedName name="IQ_EBT_SBC_GUIDANCE" hidden="1">"c4351"</definedName>
    <definedName name="IQ_EBT_SBC_GUIDANCE_CIQ" hidden="1">"c4876"</definedName>
    <definedName name="IQ_EBT_SBC_GW_ACT_OR_EST" hidden="1">"c4354"</definedName>
    <definedName name="IQ_EBT_SBC_GW_ACT_OR_EST_CIQ" hidden="1">"c4879"</definedName>
    <definedName name="IQ_EBT_SBC_GW_EST" hidden="1">"c4353"</definedName>
    <definedName name="IQ_EBT_SBC_GW_EST_CIQ" hidden="1">"c4878"</definedName>
    <definedName name="IQ_EBT_SBC_GW_GUIDANCE" hidden="1">"c4355"</definedName>
    <definedName name="IQ_EBT_SBC_GW_GUIDANCE_CIQ" hidden="1">"c4880"</definedName>
    <definedName name="IQ_EBT_SBC_GW_HIGH_EST" hidden="1">"c4356"</definedName>
    <definedName name="IQ_EBT_SBC_GW_HIGH_EST_CIQ" hidden="1">"c4881"</definedName>
    <definedName name="IQ_EBT_SBC_GW_HIGH_GUIDANCE" hidden="1">"c4191"</definedName>
    <definedName name="IQ_EBT_SBC_GW_HIGH_GUIDANCE_CIQ" hidden="1">"c4603"</definedName>
    <definedName name="IQ_EBT_SBC_GW_LOW_EST" hidden="1">"c4357"</definedName>
    <definedName name="IQ_EBT_SBC_GW_LOW_EST_CIQ" hidden="1">"c4882"</definedName>
    <definedName name="IQ_EBT_SBC_GW_LOW_GUIDANCE" hidden="1">"c4231"</definedName>
    <definedName name="IQ_EBT_SBC_GW_LOW_GUIDANCE_CIQ" hidden="1">"c4643"</definedName>
    <definedName name="IQ_EBT_SBC_GW_MEDIAN_EST" hidden="1">"c4358"</definedName>
    <definedName name="IQ_EBT_SBC_GW_MEDIAN_EST_CIQ" hidden="1">"c4883"</definedName>
    <definedName name="IQ_EBT_SBC_GW_NUM_EST" hidden="1">"c4359"</definedName>
    <definedName name="IQ_EBT_SBC_GW_NUM_EST_CIQ" hidden="1">"c4884"</definedName>
    <definedName name="IQ_EBT_SBC_GW_STDDEV_EST" hidden="1">"c4360"</definedName>
    <definedName name="IQ_EBT_SBC_GW_STDDEV_EST_CIQ" hidden="1">"c4885"</definedName>
    <definedName name="IQ_EBT_SBC_HIGH_EST" hidden="1">"c4362"</definedName>
    <definedName name="IQ_EBT_SBC_HIGH_EST_CIQ" hidden="1">"c4887"</definedName>
    <definedName name="IQ_EBT_SBC_HIGH_GUIDANCE" hidden="1">"c4190"</definedName>
    <definedName name="IQ_EBT_SBC_HIGH_GUIDANCE_CIQ" hidden="1">"c4602"</definedName>
    <definedName name="IQ_EBT_SBC_LOW_EST" hidden="1">"c4363"</definedName>
    <definedName name="IQ_EBT_SBC_LOW_EST_CIQ" hidden="1">"c4888"</definedName>
    <definedName name="IQ_EBT_SBC_LOW_GUIDANCE" hidden="1">"c4230"</definedName>
    <definedName name="IQ_EBT_SBC_LOW_GUIDANCE_CIQ" hidden="1">"c4642"</definedName>
    <definedName name="IQ_EBT_SBC_MEDIAN_EST" hidden="1">"c4364"</definedName>
    <definedName name="IQ_EBT_SBC_MEDIAN_EST_CIQ" hidden="1">"c4889"</definedName>
    <definedName name="IQ_EBT_SBC_NUM_EST" hidden="1">"c4365"</definedName>
    <definedName name="IQ_EBT_SBC_NUM_EST_CIQ" hidden="1">"c4890"</definedName>
    <definedName name="IQ_EBT_SBC_STDDEV_EST" hidden="1">"c4366"</definedName>
    <definedName name="IQ_EBT_SBC_STDDEV_EST_CIQ" hidden="1">"c4891"</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 hidden="1">"IQ_EPS"</definedName>
    <definedName name="IQ_EPS_10K" hidden="1">"IQ_EPS_10K"</definedName>
    <definedName name="IQ_EPS_10Q" hidden="1">"IQ_EPS_10Q"</definedName>
    <definedName name="IQ_EPS_10Q1" hidden="1">"IQ_EPS_10Q1"</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 hidden="1">"c2213"</definedName>
    <definedName name="IQ_EPS_ACT_OR_EST_CIQ" hidden="1">"c5058"</definedName>
    <definedName name="IQ_EPS_ACT_OR_EST_REUT" hidden="1">"c5460"</definedName>
    <definedName name="IQ_EPS_AP" hidden="1">"c8880"</definedName>
    <definedName name="IQ_EPS_AP_ABS" hidden="1">"c8899"</definedName>
    <definedName name="IQ_EPS_EST" hidden="1">"c399"</definedName>
    <definedName name="IQ_EPS_EST_1" hidden="1">"c189"</definedName>
    <definedName name="IQ_EPS_EST_BOTTOM_UP" hidden="1">"c5489"</definedName>
    <definedName name="IQ_EPS_EST_BOTTOM_UP_CIQ" hidden="1">"c12026"</definedName>
    <definedName name="IQ_EPS_EST_BOTTOM_UP_REUT" hidden="1">"c5497"</definedName>
    <definedName name="IQ_EPS_EST_CIQ" hidden="1">"c4994"</definedName>
    <definedName name="IQ_EPS_EST_REUT" hidden="1">"c5453"</definedName>
    <definedName name="IQ_EPS_EXCL_GUIDANCE" hidden="1">"c4368"</definedName>
    <definedName name="IQ_EPS_EXCL_GUIDANCE_CIQ" hidden="1">"c4893"</definedName>
    <definedName name="IQ_EPS_EXCL_HIGH_GUIDANCE" hidden="1">"c4369"</definedName>
    <definedName name="IQ_EPS_EXCL_HIGH_GUIDANCE_CIQ" hidden="1">"c4894"</definedName>
    <definedName name="IQ_EPS_EXCL_LOW_GUIDANCE" hidden="1">"c4204"</definedName>
    <definedName name="IQ_EPS_EXCL_LOW_GUIDANCE_CIQ" hidden="1">"c4616"</definedName>
    <definedName name="IQ_EPS_GAAP_GUIDANCE" hidden="1">"c4370"</definedName>
    <definedName name="IQ_EPS_GAAP_GUIDANCE_CIQ" hidden="1">"c4895"</definedName>
    <definedName name="IQ_EPS_GAAP_HIGH_GUIDANCE" hidden="1">"c4371"</definedName>
    <definedName name="IQ_EPS_GAAP_HIGH_GUIDANCE_CIQ" hidden="1">"c4896"</definedName>
    <definedName name="IQ_EPS_GAAP_LOW_GUIDANCE" hidden="1">"c4205"</definedName>
    <definedName name="IQ_EPS_GAAP_LOW_GUIDANCE_CIQ" hidden="1">"c4617"</definedName>
    <definedName name="IQ_EPS_GW_ACT_OR_EST" hidden="1">"c2223"</definedName>
    <definedName name="IQ_EPS_GW_ACT_OR_EST_CIQ" hidden="1">"c5066"</definedName>
    <definedName name="IQ_EPS_GW_ACT_OR_EST_REUT" hidden="1">"c5469"</definedName>
    <definedName name="IQ_EPS_GW_EST" hidden="1">"c1737"</definedName>
    <definedName name="IQ_EPS_GW_EST_BOTTOM_UP" hidden="1">"c5491"</definedName>
    <definedName name="IQ_EPS_GW_EST_BOTTOM_UP_CIQ" hidden="1">"c12028"</definedName>
    <definedName name="IQ_EPS_GW_EST_BOTTOM_UP_REUT" hidden="1">"c5499"</definedName>
    <definedName name="IQ_EPS_GW_EST_CIQ" hidden="1">"c4723"</definedName>
    <definedName name="IQ_EPS_GW_EST_REUT" hidden="1">"c5389"</definedName>
    <definedName name="IQ_EPS_GW_GUIDANCE" hidden="1">"c4372"</definedName>
    <definedName name="IQ_EPS_GW_GUIDANCE_CIQ" hidden="1">"c4897"</definedName>
    <definedName name="IQ_EPS_GW_HIGH_EST" hidden="1">"c1739"</definedName>
    <definedName name="IQ_EPS_GW_HIGH_EST_CIQ" hidden="1">"c4725"</definedName>
    <definedName name="IQ_EPS_GW_HIGH_EST_REUT" hidden="1">"c5391"</definedName>
    <definedName name="IQ_EPS_GW_HIGH_GUIDANCE" hidden="1">"c4373"</definedName>
    <definedName name="IQ_EPS_GW_HIGH_GUIDANCE_CIQ" hidden="1">"c4898"</definedName>
    <definedName name="IQ_EPS_GW_LOW_EST" hidden="1">"c1740"</definedName>
    <definedName name="IQ_EPS_GW_LOW_EST_CIQ" hidden="1">"c4726"</definedName>
    <definedName name="IQ_EPS_GW_LOW_EST_REUT" hidden="1">"c5392"</definedName>
    <definedName name="IQ_EPS_GW_LOW_GUIDANCE" hidden="1">"c4206"</definedName>
    <definedName name="IQ_EPS_GW_LOW_GUIDANCE_CIQ" hidden="1">"c4618"</definedName>
    <definedName name="IQ_EPS_GW_MEDIAN_EST" hidden="1">"c1738"</definedName>
    <definedName name="IQ_EPS_GW_MEDIAN_EST_CIQ" hidden="1">"c4724"</definedName>
    <definedName name="IQ_EPS_GW_MEDIAN_EST_REUT" hidden="1">"c5390"</definedName>
    <definedName name="IQ_EPS_GW_NUM_EST" hidden="1">"c1741"</definedName>
    <definedName name="IQ_EPS_GW_NUM_EST_CIQ" hidden="1">"c4727"</definedName>
    <definedName name="IQ_EPS_GW_NUM_EST_REUT" hidden="1">"c5393"</definedName>
    <definedName name="IQ_EPS_GW_STDDEV_EST" hidden="1">"c1742"</definedName>
    <definedName name="IQ_EPS_GW_STDDEV_EST_CIQ" hidden="1">"c4728"</definedName>
    <definedName name="IQ_EPS_GW_STDDEV_EST_REUT" hidden="1">"c5394"</definedName>
    <definedName name="IQ_EPS_HIGH_EST" hidden="1">"c400"</definedName>
    <definedName name="IQ_EPS_HIGH_EST_CIQ" hidden="1">"c4995"</definedName>
    <definedName name="IQ_EPS_HIGH_EST_REUT" hidden="1">"c5454"</definedName>
    <definedName name="IQ_EPS_LOW_EST" hidden="1">"c401"</definedName>
    <definedName name="IQ_EPS_LOW_EST_CIQ" hidden="1">"c4996"</definedName>
    <definedName name="IQ_EPS_LOW_EST_REUT" hidden="1">"c5455"</definedName>
    <definedName name="IQ_EPS_MEDIAN_EST" hidden="1">"c1661"</definedName>
    <definedName name="IQ_EPS_MEDIAN_EST_CIQ" hidden="1">"c4997"</definedName>
    <definedName name="IQ_EPS_MEDIAN_EST_REUT" hidden="1">"c5456"</definedName>
    <definedName name="IQ_EPS_NAME_AP" hidden="1">"c8918"</definedName>
    <definedName name="IQ_EPS_NAME_AP_ABS" hidden="1">"c8937"</definedName>
    <definedName name="IQ_EPS_NORM" hidden="1">"c1902"</definedName>
    <definedName name="IQ_EPS_NORM_EST" hidden="1">"c2226"</definedName>
    <definedName name="IQ_EPS_NORM_EST_BOTTOM_UP" hidden="1">"c5490"</definedName>
    <definedName name="IQ_EPS_NORM_EST_BOTTOM_UP_CIQ" hidden="1">"c12027"</definedName>
    <definedName name="IQ_EPS_NORM_EST_BOTTOM_UP_REUT" hidden="1">"c5498"</definedName>
    <definedName name="IQ_EPS_NORM_EST_CIQ" hidden="1">"c4667"</definedName>
    <definedName name="IQ_EPS_NORM_EST_REUT" hidden="1">"c5326"</definedName>
    <definedName name="IQ_EPS_NORM_HIGH_EST" hidden="1">"c2228"</definedName>
    <definedName name="IQ_EPS_NORM_HIGH_EST_CIQ" hidden="1">"c4669"</definedName>
    <definedName name="IQ_EPS_NORM_HIGH_EST_REUT" hidden="1">"c5328"</definedName>
    <definedName name="IQ_EPS_NORM_LOW_EST" hidden="1">"c2229"</definedName>
    <definedName name="IQ_EPS_NORM_LOW_EST_CIQ" hidden="1">"c4670"</definedName>
    <definedName name="IQ_EPS_NORM_LOW_EST_REUT" hidden="1">"c5329"</definedName>
    <definedName name="IQ_EPS_NORM_MEDIAN_EST" hidden="1">"c2227"</definedName>
    <definedName name="IQ_EPS_NORM_MEDIAN_EST_CIQ" hidden="1">"c4668"</definedName>
    <definedName name="IQ_EPS_NORM_MEDIAN_EST_REUT" hidden="1">"c5327"</definedName>
    <definedName name="IQ_EPS_NORM_NUM_EST" hidden="1">"c2230"</definedName>
    <definedName name="IQ_EPS_NORM_NUM_EST_CIQ" hidden="1">"c4671"</definedName>
    <definedName name="IQ_EPS_NORM_NUM_EST_REUT" hidden="1">"c5330"</definedName>
    <definedName name="IQ_EPS_NORM_STDDEV_EST" hidden="1">"c2231"</definedName>
    <definedName name="IQ_EPS_NORM_STDDEV_EST_CIQ" hidden="1">"c4672"</definedName>
    <definedName name="IQ_EPS_NORM_STDDEV_EST_REUT" hidden="1">"c5331"</definedName>
    <definedName name="IQ_EPS_NUM_EST" hidden="1">"c402"</definedName>
    <definedName name="IQ_EPS_NUM_EST_CIQ" hidden="1">"c4992"</definedName>
    <definedName name="IQ_EPS_NUM_EST_REUT" hidden="1">"c5451"</definedName>
    <definedName name="IQ_EPS_PRIMARY_EST" hidden="1">"c2226"</definedName>
    <definedName name="IQ_EPS_PRIMARY_HIGH_EST" hidden="1">"c2228"</definedName>
    <definedName name="IQ_EPS_PRIMARY_LOW_EST" hidden="1">"c2229"</definedName>
    <definedName name="IQ_EPS_PRIMARY_MEDIAN_EST" hidden="1">"c2227"</definedName>
    <definedName name="IQ_EPS_PRIMARY_NUM_EST" hidden="1">"c2230"</definedName>
    <definedName name="IQ_EPS_PRIMARY_STDDEV_EST" hidden="1">"c2231"</definedName>
    <definedName name="IQ_EPS_REPORT_ACT_OR_EST" hidden="1">"c2224"</definedName>
    <definedName name="IQ_EPS_REPORT_ACT_OR_EST_CIQ" hidden="1">"c5067"</definedName>
    <definedName name="IQ_EPS_REPORT_ACT_OR_EST_REUT" hidden="1">"c5470"</definedName>
    <definedName name="IQ_EPS_REPORTED_EST" hidden="1">"c1744"</definedName>
    <definedName name="IQ_EPS_REPORTED_EST_BOTTOM_UP" hidden="1">"c5492"</definedName>
    <definedName name="IQ_EPS_REPORTED_EST_BOTTOM_UP_CIQ" hidden="1">"c12029"</definedName>
    <definedName name="IQ_EPS_REPORTED_EST_BOTTOM_UP_REUT" hidden="1">"c5500"</definedName>
    <definedName name="IQ_EPS_REPORTED_EST_CIQ" hidden="1">"c4730"</definedName>
    <definedName name="IQ_EPS_REPORTED_EST_REUT" hidden="1">"c5396"</definedName>
    <definedName name="IQ_EPS_REPORTED_HIGH_EST" hidden="1">"c1746"</definedName>
    <definedName name="IQ_EPS_REPORTED_HIGH_EST_CIQ" hidden="1">"c4732"</definedName>
    <definedName name="IQ_EPS_REPORTED_HIGH_EST_REUT" hidden="1">"c5398"</definedName>
    <definedName name="IQ_EPS_REPORTED_LOW_EST" hidden="1">"c1747"</definedName>
    <definedName name="IQ_EPS_REPORTED_LOW_EST_CIQ" hidden="1">"c4733"</definedName>
    <definedName name="IQ_EPS_REPORTED_LOW_EST_REUT" hidden="1">"c5399"</definedName>
    <definedName name="IQ_EPS_REPORTED_MEDIAN_EST" hidden="1">"c1745"</definedName>
    <definedName name="IQ_EPS_REPORTED_MEDIAN_EST_CIQ" hidden="1">"c4731"</definedName>
    <definedName name="IQ_EPS_REPORTED_MEDIAN_EST_REUT" hidden="1">"c5397"</definedName>
    <definedName name="IQ_EPS_REPORTED_NUM_EST" hidden="1">"c1748"</definedName>
    <definedName name="IQ_EPS_REPORTED_NUM_EST_CIQ" hidden="1">"c4734"</definedName>
    <definedName name="IQ_EPS_REPORTED_NUM_EST_REUT" hidden="1">"c5400"</definedName>
    <definedName name="IQ_EPS_REPORTED_STDDEV_EST" hidden="1">"c1749"</definedName>
    <definedName name="IQ_EPS_REPORTED_STDDEV_EST_CIQ" hidden="1">"c4735"</definedName>
    <definedName name="IQ_EPS_REPORTED_STDDEV_EST_REUT" hidden="1">"c5401"</definedName>
    <definedName name="IQ_EPS_SBC_ACT_OR_EST" hidden="1">"c4376"</definedName>
    <definedName name="IQ_EPS_SBC_ACT_OR_EST_CIQ" hidden="1">"c4901"</definedName>
    <definedName name="IQ_EPS_SBC_EST" hidden="1">"c4375"</definedName>
    <definedName name="IQ_EPS_SBC_EST_CIQ" hidden="1">"c4900"</definedName>
    <definedName name="IQ_EPS_SBC_GUIDANCE" hidden="1">"c4377"</definedName>
    <definedName name="IQ_EPS_SBC_GUIDANCE_CIQ" hidden="1">"c4902"</definedName>
    <definedName name="IQ_EPS_SBC_GW_ACT_OR_EST" hidden="1">"c4380"</definedName>
    <definedName name="IQ_EPS_SBC_GW_ACT_OR_EST_CIQ" hidden="1">"c4905"</definedName>
    <definedName name="IQ_EPS_SBC_GW_EST" hidden="1">"c4379"</definedName>
    <definedName name="IQ_EPS_SBC_GW_EST_CIQ" hidden="1">"c4904"</definedName>
    <definedName name="IQ_EPS_SBC_GW_GUIDANCE" hidden="1">"c4381"</definedName>
    <definedName name="IQ_EPS_SBC_GW_GUIDANCE_CIQ" hidden="1">"c4906"</definedName>
    <definedName name="IQ_EPS_SBC_GW_HIGH_EST" hidden="1">"c4382"</definedName>
    <definedName name="IQ_EPS_SBC_GW_HIGH_EST_CIQ" hidden="1">"c4907"</definedName>
    <definedName name="IQ_EPS_SBC_GW_HIGH_GUIDANCE" hidden="1">"c4189"</definedName>
    <definedName name="IQ_EPS_SBC_GW_HIGH_GUIDANCE_CIQ" hidden="1">"c4601"</definedName>
    <definedName name="IQ_EPS_SBC_GW_LOW_EST" hidden="1">"c4383"</definedName>
    <definedName name="IQ_EPS_SBC_GW_LOW_EST_CIQ" hidden="1">"c4908"</definedName>
    <definedName name="IQ_EPS_SBC_GW_LOW_GUIDANCE" hidden="1">"c4229"</definedName>
    <definedName name="IQ_EPS_SBC_GW_LOW_GUIDANCE_CIQ" hidden="1">"c4641"</definedName>
    <definedName name="IQ_EPS_SBC_GW_MEDIAN_EST" hidden="1">"c4384"</definedName>
    <definedName name="IQ_EPS_SBC_GW_MEDIAN_EST_CIQ" hidden="1">"c4909"</definedName>
    <definedName name="IQ_EPS_SBC_GW_NUM_EST" hidden="1">"c4385"</definedName>
    <definedName name="IQ_EPS_SBC_GW_NUM_EST_CIQ" hidden="1">"c4910"</definedName>
    <definedName name="IQ_EPS_SBC_GW_STDDEV_EST" hidden="1">"c4386"</definedName>
    <definedName name="IQ_EPS_SBC_GW_STDDEV_EST_CIQ" hidden="1">"c4911"</definedName>
    <definedName name="IQ_EPS_SBC_HIGH_EST" hidden="1">"c4388"</definedName>
    <definedName name="IQ_EPS_SBC_HIGH_EST_CIQ" hidden="1">"c4913"</definedName>
    <definedName name="IQ_EPS_SBC_HIGH_GUIDANCE" hidden="1">"c4188"</definedName>
    <definedName name="IQ_EPS_SBC_HIGH_GUIDANCE_CIQ" hidden="1">"c4600"</definedName>
    <definedName name="IQ_EPS_SBC_LOW_EST" hidden="1">"c4389"</definedName>
    <definedName name="IQ_EPS_SBC_LOW_EST_CIQ" hidden="1">"c4914"</definedName>
    <definedName name="IQ_EPS_SBC_LOW_GUIDANCE" hidden="1">"c4228"</definedName>
    <definedName name="IQ_EPS_SBC_LOW_GUIDANCE_CIQ" hidden="1">"c4640"</definedName>
    <definedName name="IQ_EPS_SBC_MEDIAN_EST" hidden="1">"c4390"</definedName>
    <definedName name="IQ_EPS_SBC_MEDIAN_EST_CIQ" hidden="1">"c4915"</definedName>
    <definedName name="IQ_EPS_SBC_NUM_EST" hidden="1">"c4391"</definedName>
    <definedName name="IQ_EPS_SBC_NUM_EST_CIQ" hidden="1">"c4916"</definedName>
    <definedName name="IQ_EPS_SBC_STDDEV_EST" hidden="1">"c4392"</definedName>
    <definedName name="IQ_EPS_SBC_STDDEV_EST_CIQ" hidden="1">"c4917"</definedName>
    <definedName name="IQ_EPS_STDDEV_EST" hidden="1">"c403"</definedName>
    <definedName name="IQ_EPS_STDDEV_EST_CIQ" hidden="1">"c4993"</definedName>
    <definedName name="IQ_EPS_STDDEV_EST_REUT" hidden="1">"c5452"</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BV" hidden="1">"c5630"</definedName>
    <definedName name="IQ_EST_ACT_BV_CIQ" hidden="1">"c4743"</definedName>
    <definedName name="IQ_EST_ACT_BV_REUT" hidden="1">"c5409"</definedName>
    <definedName name="IQ_EST_ACT_BV_SHARE" hidden="1">"c3549"</definedName>
    <definedName name="IQ_EST_ACT_BV_SHARE_CIQ" hidden="1">"c3806"</definedName>
    <definedName name="IQ_EST_ACT_BV_SHARE_REUT" hidden="1">"c5445"</definedName>
    <definedName name="IQ_EST_ACT_CAPEX" hidden="1">"c3546"</definedName>
    <definedName name="IQ_EST_ACT_CAPEX_CIQ" hidden="1">"c3813"</definedName>
    <definedName name="IQ_EST_ACT_CAPEX_REUT" hidden="1">"c3975"</definedName>
    <definedName name="IQ_EST_ACT_CASH_EPS" hidden="1">"c5637"</definedName>
    <definedName name="IQ_EST_ACT_CASH_FLOW" hidden="1">"c4394"</definedName>
    <definedName name="IQ_EST_ACT_CASH_FLOW_CIQ" hidden="1">"c4919"</definedName>
    <definedName name="IQ_EST_ACT_CASH_OPER" hidden="1">"c4395"</definedName>
    <definedName name="IQ_EST_ACT_CASH_OPER_CIQ" hidden="1">"c4920"</definedName>
    <definedName name="IQ_EST_ACT_CFPS" hidden="1">"c1673"</definedName>
    <definedName name="IQ_EST_ACT_CFPS_CIQ" hidden="1">"c3681"</definedName>
    <definedName name="IQ_EST_ACT_CFPS_REUT" hidden="1">"c3850"</definedName>
    <definedName name="IQ_EST_ACT_DISTRIBUTABLE_CASH" hidden="1">"c4396"</definedName>
    <definedName name="IQ_EST_ACT_DISTRIBUTABLE_CASH_CIQ" hidden="1">"c4921"</definedName>
    <definedName name="IQ_EST_ACT_DISTRIBUTABLE_CASH_SHARE" hidden="1">"c4397"</definedName>
    <definedName name="IQ_EST_ACT_DISTRIBUTABLE_CASH_SHARE_CIQ" hidden="1">"c4922"</definedName>
    <definedName name="IQ_EST_ACT_DPS" hidden="1">"c1680"</definedName>
    <definedName name="IQ_EST_ACT_DPS_CIQ" hidden="1">"c3688"</definedName>
    <definedName name="IQ_EST_ACT_DPS_REUT" hidden="1">"c3857"</definedName>
    <definedName name="IQ_EST_ACT_EBIT" hidden="1">"c1687"</definedName>
    <definedName name="IQ_EST_ACT_EBIT_CIQ" hidden="1">"c4680"</definedName>
    <definedName name="IQ_EST_ACT_EBIT_GW" hidden="1">"c4398"</definedName>
    <definedName name="IQ_EST_ACT_EBIT_GW_CIQ" hidden="1">"c4923"</definedName>
    <definedName name="IQ_EST_ACT_EBIT_REUT" hidden="1">"c5339"</definedName>
    <definedName name="IQ_EST_ACT_EBIT_SBC" hidden="1">"c4399"</definedName>
    <definedName name="IQ_EST_ACT_EBIT_SBC_CIQ" hidden="1">"c4924"</definedName>
    <definedName name="IQ_EST_ACT_EBIT_SBC_GW" hidden="1">"c4400"</definedName>
    <definedName name="IQ_EST_ACT_EBIT_SBC_GW_CIQ" hidden="1">"c4925"</definedName>
    <definedName name="IQ_EST_ACT_EBITDA" hidden="1">"c1664"</definedName>
    <definedName name="IQ_EST_ACT_EBITDA_CIQ" hidden="1">"c3667"</definedName>
    <definedName name="IQ_EST_ACT_EBITDA_REUT" hidden="1">"c3836"</definedName>
    <definedName name="IQ_EST_ACT_EBITDA_SBC" hidden="1">"c4401"</definedName>
    <definedName name="IQ_EST_ACT_EBITDA_SBC_CIQ" hidden="1">"c4926"</definedName>
    <definedName name="IQ_EST_ACT_EBT_SBC" hidden="1">"c4402"</definedName>
    <definedName name="IQ_EST_ACT_EBT_SBC_CIQ" hidden="1">"c4927"</definedName>
    <definedName name="IQ_EST_ACT_EBT_SBC_GW" hidden="1">"c4403"</definedName>
    <definedName name="IQ_EST_ACT_EBT_SBC_GW_CIQ" hidden="1">"c4928"</definedName>
    <definedName name="IQ_EST_ACT_EPS" hidden="1">"c1648"</definedName>
    <definedName name="IQ_EST_ACT_EPS_CIQ" hidden="1">"c4998"</definedName>
    <definedName name="IQ_EST_ACT_EPS_GW" hidden="1">"c1743"</definedName>
    <definedName name="IQ_EST_ACT_EPS_GW_CIQ" hidden="1">"c4729"</definedName>
    <definedName name="IQ_EST_ACT_EPS_GW_REUT" hidden="1">"c5395"</definedName>
    <definedName name="IQ_EST_ACT_EPS_NORM" hidden="1">"c2232"</definedName>
    <definedName name="IQ_EST_ACT_EPS_NORM_CIQ" hidden="1">"c4673"</definedName>
    <definedName name="IQ_EST_ACT_EPS_NORM_REUT" hidden="1">"c5332"</definedName>
    <definedName name="IQ_EST_ACT_EPS_PRIMARY" hidden="1">"c2232"</definedName>
    <definedName name="IQ_EST_ACT_EPS_REPORTED" hidden="1">"c1750"</definedName>
    <definedName name="IQ_EST_ACT_EPS_REPORTED_CIQ" hidden="1">"c4736"</definedName>
    <definedName name="IQ_EST_ACT_EPS_REPORTED_REUT" hidden="1">"c5402"</definedName>
    <definedName name="IQ_EST_ACT_EPS_REUT" hidden="1">"c5457"</definedName>
    <definedName name="IQ_EST_ACT_EPS_SBC" hidden="1">"c4404"</definedName>
    <definedName name="IQ_EST_ACT_EPS_SBC_CIQ" hidden="1">"c4929"</definedName>
    <definedName name="IQ_EST_ACT_EPS_SBC_GW" hidden="1">"c4405"</definedName>
    <definedName name="IQ_EST_ACT_EPS_SBC_GW_CIQ" hidden="1">"c4930"</definedName>
    <definedName name="IQ_EST_ACT_FFO" hidden="1">"c1666"</definedName>
    <definedName name="IQ_EST_ACT_FFO_ADJ" hidden="1">"c4406"</definedName>
    <definedName name="IQ_EST_ACT_FFO_ADJ_CIQ" hidden="1">"c4931"</definedName>
    <definedName name="IQ_EST_ACT_FFO_CIQ" hidden="1">"c3674"</definedName>
    <definedName name="IQ_EST_ACT_FFO_REUT" hidden="1">"c3843"</definedName>
    <definedName name="IQ_EST_ACT_FFO_SHARE" hidden="1">"c4407"</definedName>
    <definedName name="IQ_EST_ACT_FFO_SHARE_CIQ" hidden="1">"c4932"</definedName>
    <definedName name="IQ_EST_ACT_GROSS_MARGIN" hidden="1">"c5553"</definedName>
    <definedName name="IQ_EST_ACT_MAINT_CAPEX" hidden="1">"c4408"</definedName>
    <definedName name="IQ_EST_ACT_MAINT_CAPEX_CIQ" hidden="1">"c4933"</definedName>
    <definedName name="IQ_EST_ACT_NAV" hidden="1">"c1757"</definedName>
    <definedName name="IQ_EST_ACT_NAV_SHARE" hidden="1">"c5608"</definedName>
    <definedName name="IQ_EST_ACT_NAV_SHARE_CIQ" hidden="1">"c12031"</definedName>
    <definedName name="IQ_EST_ACT_NAV_SHARE_REUT" hidden="1">"c5616"</definedName>
    <definedName name="IQ_EST_ACT_NET_DEBT" hidden="1">"c3545"</definedName>
    <definedName name="IQ_EST_ACT_NET_DEBT_CIQ" hidden="1">"c3820"</definedName>
    <definedName name="IQ_EST_ACT_NET_DEBT_REUT" hidden="1">"c5446"</definedName>
    <definedName name="IQ_EST_ACT_NI" hidden="1">"c1722"</definedName>
    <definedName name="IQ_EST_ACT_NI_CIQ" hidden="1">"c4708"</definedName>
    <definedName name="IQ_EST_ACT_NI_GW" hidden="1">"c1729"</definedName>
    <definedName name="IQ_EST_ACT_NI_GW_CIQ" hidden="1">"c4715"</definedName>
    <definedName name="IQ_EST_ACT_NI_GW_REUT" hidden="1">"c5381"</definedName>
    <definedName name="IQ_EST_ACT_NI_REPORTED" hidden="1">"c1736"</definedName>
    <definedName name="IQ_EST_ACT_NI_REPORTED_CIQ" hidden="1">"c4722"</definedName>
    <definedName name="IQ_EST_ACT_NI_REPORTED_REUT" hidden="1">"c5388"</definedName>
    <definedName name="IQ_EST_ACT_NI_REUT" hidden="1">"c5374"</definedName>
    <definedName name="IQ_EST_ACT_NI_SBC" hidden="1">"c4409"</definedName>
    <definedName name="IQ_EST_ACT_NI_SBC_CIQ" hidden="1">"c4934"</definedName>
    <definedName name="IQ_EST_ACT_NI_SBC_GW" hidden="1">"c4410"</definedName>
    <definedName name="IQ_EST_ACT_NI_SBC_GW_CIQ" hidden="1">"c4935"</definedName>
    <definedName name="IQ_EST_ACT_OPER_INC" hidden="1">"c1694"</definedName>
    <definedName name="IQ_EST_ACT_OPER_INC_CIQ" hidden="1">"c12016"</definedName>
    <definedName name="IQ_EST_ACT_OPER_INC_REUT" hidden="1">"c5346"</definedName>
    <definedName name="IQ_EST_ACT_PRETAX_GW_INC" hidden="1">"c1708"</definedName>
    <definedName name="IQ_EST_ACT_PRETAX_GW_INC_CIQ" hidden="1">"c4694"</definedName>
    <definedName name="IQ_EST_ACT_PRETAX_GW_INC_REUT" hidden="1">"c5360"</definedName>
    <definedName name="IQ_EST_ACT_PRETAX_INC" hidden="1">"c1701"</definedName>
    <definedName name="IQ_EST_ACT_PRETAX_INC_CIQ" hidden="1">"c4687"</definedName>
    <definedName name="IQ_EST_ACT_PRETAX_INC_REUT" hidden="1">"c5353"</definedName>
    <definedName name="IQ_EST_ACT_PRETAX_REPORT_INC" hidden="1">"c1715"</definedName>
    <definedName name="IQ_EST_ACT_PRETAX_REPORT_INC_CIQ" hidden="1">"c4701"</definedName>
    <definedName name="IQ_EST_ACT_PRETAX_REPORT_INC_REUT" hidden="1">"c5367"</definedName>
    <definedName name="IQ_EST_ACT_RECURRING_PROFIT" hidden="1">"c4411"</definedName>
    <definedName name="IQ_EST_ACT_RECURRING_PROFIT_CIQ" hidden="1">"c4936"</definedName>
    <definedName name="IQ_EST_ACT_RECURRING_PROFIT_SHARE" hidden="1">"c4412"</definedName>
    <definedName name="IQ_EST_ACT_RECURRING_PROFIT_SHARE_CIQ" hidden="1">"c4937"</definedName>
    <definedName name="IQ_EST_ACT_RETURN_ASSETS" hidden="1">"c3547"</definedName>
    <definedName name="IQ_EST_ACT_RETURN_ASSETS_REUT" hidden="1">"c3996"</definedName>
    <definedName name="IQ_EST_ACT_RETURN_EQUITY" hidden="1">"c3548"</definedName>
    <definedName name="IQ_EST_ACT_RETURN_EQUITY_REUT" hidden="1">"c3989"</definedName>
    <definedName name="IQ_EST_ACT_REV" hidden="1">"c2113"</definedName>
    <definedName name="IQ_EST_ACT_REV_CIQ" hidden="1">"c3666"</definedName>
    <definedName name="IQ_EST_ACT_REV_REUT" hidden="1">"c3835"</definedName>
    <definedName name="IQ_EST_BV_DIFF_REUT" hidden="1">"c5433"</definedName>
    <definedName name="IQ_EST_BV_SHARE_DIFF" hidden="1">"c4147"</definedName>
    <definedName name="IQ_EST_BV_SHARE_DIFF_CIQ" hidden="1">"c4559"</definedName>
    <definedName name="IQ_EST_BV_SHARE_SURPRISE_PERCENT" hidden="1">"c4148"</definedName>
    <definedName name="IQ_EST_BV_SHARE_SURPRISE_PERCENT_CIQ" hidden="1">"c4560"</definedName>
    <definedName name="IQ_EST_BV_SURPRISE_PERCENT_REUT" hidden="1">"c5434"</definedName>
    <definedName name="IQ_EST_CAPEX_DIFF" hidden="1">"c4149"</definedName>
    <definedName name="IQ_EST_CAPEX_DIFF_CIQ" hidden="1">"c4561"</definedName>
    <definedName name="IQ_EST_CAPEX_GROWTH_1YR" hidden="1">"c3588"</definedName>
    <definedName name="IQ_EST_CAPEX_GROWTH_1YR_CIQ" hidden="1">"c4972"</definedName>
    <definedName name="IQ_EST_CAPEX_GROWTH_1YR_REUT" hidden="1">"c5447"</definedName>
    <definedName name="IQ_EST_CAPEX_GROWTH_2YR" hidden="1">"c3589"</definedName>
    <definedName name="IQ_EST_CAPEX_GROWTH_2YR_CIQ" hidden="1">"c4973"</definedName>
    <definedName name="IQ_EST_CAPEX_GROWTH_2YR_REUT" hidden="1">"c5448"</definedName>
    <definedName name="IQ_EST_CAPEX_GROWTH_Q_1YR" hidden="1">"c3590"</definedName>
    <definedName name="IQ_EST_CAPEX_GROWTH_Q_1YR_CIQ" hidden="1">"c4974"</definedName>
    <definedName name="IQ_EST_CAPEX_GROWTH_Q_1YR_REUT" hidden="1">"c5449"</definedName>
    <definedName name="IQ_EST_CAPEX_SEQ_GROWTH_Q" hidden="1">"c3591"</definedName>
    <definedName name="IQ_EST_CAPEX_SEQ_GROWTH_Q_CIQ" hidden="1">"c4975"</definedName>
    <definedName name="IQ_EST_CAPEX_SEQ_GROWTH_Q_REUT" hidden="1">"c5450"</definedName>
    <definedName name="IQ_EST_CAPEX_SURPRISE_PERCENT" hidden="1">"c4151"</definedName>
    <definedName name="IQ_EST_CAPEX_SURPRISE_PERCENT_CIQ" hidden="1">"c4563"</definedName>
    <definedName name="IQ_EST_CASH_FLOW_DIFF" hidden="1">"c4152"</definedName>
    <definedName name="IQ_EST_CASH_FLOW_DIFF_CIQ" hidden="1">"c4564"</definedName>
    <definedName name="IQ_EST_CASH_FLOW_SURPRISE_PERCENT" hidden="1">"c4161"</definedName>
    <definedName name="IQ_EST_CASH_FLOW_SURPRISE_PERCENT_CIQ" hidden="1">"c4573"</definedName>
    <definedName name="IQ_EST_CASH_OPER_DIFF" hidden="1">"c4162"</definedName>
    <definedName name="IQ_EST_CASH_OPER_DIFF_CIQ" hidden="1">"c4574"</definedName>
    <definedName name="IQ_EST_CASH_OPER_SURPRISE_PERCENT" hidden="1">"c4248"</definedName>
    <definedName name="IQ_EST_CASH_OPER_SURPRISE_PERCENT_CIQ" hidden="1">"c4774"</definedName>
    <definedName name="IQ_EST_CFPS_DIFF" hidden="1">"c1871"</definedName>
    <definedName name="IQ_EST_CFPS_DIFF_CIQ" hidden="1">"c3723"</definedName>
    <definedName name="IQ_EST_CFPS_DIFF_REUT" hidden="1">"c3892"</definedName>
    <definedName name="IQ_EST_CFPS_GROWTH_1YR" hidden="1">"c1774"</definedName>
    <definedName name="IQ_EST_CFPS_GROWTH_1YR_CIQ" hidden="1">"c3709"</definedName>
    <definedName name="IQ_EST_CFPS_GROWTH_1YR_REUT" hidden="1">"c3878"</definedName>
    <definedName name="IQ_EST_CFPS_GROWTH_2YR" hidden="1">"c1775"</definedName>
    <definedName name="IQ_EST_CFPS_GROWTH_2YR_CIQ" hidden="1">"c3710"</definedName>
    <definedName name="IQ_EST_CFPS_GROWTH_2YR_REUT" hidden="1">"c3879"</definedName>
    <definedName name="IQ_EST_CFPS_GROWTH_Q_1YR" hidden="1">"c1776"</definedName>
    <definedName name="IQ_EST_CFPS_GROWTH_Q_1YR_CIQ" hidden="1">"c3711"</definedName>
    <definedName name="IQ_EST_CFPS_GROWTH_Q_1YR_REUT" hidden="1">"c3880"</definedName>
    <definedName name="IQ_EST_CFPS_SEQ_GROWTH_Q" hidden="1">"c1777"</definedName>
    <definedName name="IQ_EST_CFPS_SEQ_GROWTH_Q_CIQ" hidden="1">"c3712"</definedName>
    <definedName name="IQ_EST_CFPS_SEQ_GROWTH_Q_REUT" hidden="1">"c3881"</definedName>
    <definedName name="IQ_EST_CFPS_SURPRISE_PERCENT" hidden="1">"c1872"</definedName>
    <definedName name="IQ_EST_CFPS_SURPRISE_PERCENT_CIQ" hidden="1">"c3724"</definedName>
    <definedName name="IQ_EST_CFPS_SURPRISE_PERCENT_REUT" hidden="1">"c3893"</definedName>
    <definedName name="IQ_EST_CURRENCY" hidden="1">"c2140"</definedName>
    <definedName name="IQ_EST_CURRENCY_CIQ" hidden="1">"c4769"</definedName>
    <definedName name="IQ_EST_CURRENCY_REUT" hidden="1">"c5437"</definedName>
    <definedName name="IQ_EST_DATE" hidden="1">"c1634"</definedName>
    <definedName name="IQ_EST_DATE_CIQ" hidden="1">"c4770"</definedName>
    <definedName name="IQ_EST_DATE_REUT" hidden="1">"c5438"</definedName>
    <definedName name="IQ_EST_DISTRIBUTABLE_CASH_DIFF" hidden="1">"c4276"</definedName>
    <definedName name="IQ_EST_DISTRIBUTABLE_CASH_DIFF_CIQ" hidden="1">"c4801"</definedName>
    <definedName name="IQ_EST_DISTRIBUTABLE_CASH_GROWTH_1YR" hidden="1">"c4413"</definedName>
    <definedName name="IQ_EST_DISTRIBUTABLE_CASH_GROWTH_1YR_CIQ" hidden="1">"c4938"</definedName>
    <definedName name="IQ_EST_DISTRIBUTABLE_CASH_GROWTH_2YR" hidden="1">"c4414"</definedName>
    <definedName name="IQ_EST_DISTRIBUTABLE_CASH_GROWTH_2YR_CIQ" hidden="1">"c4939"</definedName>
    <definedName name="IQ_EST_DISTRIBUTABLE_CASH_GROWTH_Q_1YR" hidden="1">"c4415"</definedName>
    <definedName name="IQ_EST_DISTRIBUTABLE_CASH_GROWTH_Q_1YR_CIQ" hidden="1">"c4940"</definedName>
    <definedName name="IQ_EST_DISTRIBUTABLE_CASH_SEQ_GROWTH_Q" hidden="1">"c4416"</definedName>
    <definedName name="IQ_EST_DISTRIBUTABLE_CASH_SEQ_GROWTH_Q_CIQ" hidden="1">"c4941"</definedName>
    <definedName name="IQ_EST_DISTRIBUTABLE_CASH_SHARE_DIFF" hidden="1">"c4284"</definedName>
    <definedName name="IQ_EST_DISTRIBUTABLE_CASH_SHARE_DIFF_CIQ" hidden="1">"c4809"</definedName>
    <definedName name="IQ_EST_DISTRIBUTABLE_CASH_SHARE_GROWTH_1YR" hidden="1">"c4417"</definedName>
    <definedName name="IQ_EST_DISTRIBUTABLE_CASH_SHARE_GROWTH_1YR_CIQ" hidden="1">"c4942"</definedName>
    <definedName name="IQ_EST_DISTRIBUTABLE_CASH_SHARE_GROWTH_2YR" hidden="1">"c4418"</definedName>
    <definedName name="IQ_EST_DISTRIBUTABLE_CASH_SHARE_GROWTH_2YR_CIQ" hidden="1">"c4943"</definedName>
    <definedName name="IQ_EST_DISTRIBUTABLE_CASH_SHARE_GROWTH_Q_1YR" hidden="1">"c4419"</definedName>
    <definedName name="IQ_EST_DISTRIBUTABLE_CASH_SHARE_GROWTH_Q_1YR_CIQ" hidden="1">"c4944"</definedName>
    <definedName name="IQ_EST_DISTRIBUTABLE_CASH_SHARE_SEQ_GROWTH_Q" hidden="1">"c4420"</definedName>
    <definedName name="IQ_EST_DISTRIBUTABLE_CASH_SHARE_SEQ_GROWTH_Q_CIQ" hidden="1">"c4945"</definedName>
    <definedName name="IQ_EST_DISTRIBUTABLE_CASH_SHARE_SURPRISE_PERCENT" hidden="1">"c4293"</definedName>
    <definedName name="IQ_EST_DISTRIBUTABLE_CASH_SHARE_SURPRISE_PERCENT_CIQ" hidden="1">"c4818"</definedName>
    <definedName name="IQ_EST_DISTRIBUTABLE_CASH_SURPRISE_PERCENT" hidden="1">"c4295"</definedName>
    <definedName name="IQ_EST_DISTRIBUTABLE_CASH_SURPRISE_PERCENT_CIQ" hidden="1">"c4820"</definedName>
    <definedName name="IQ_EST_DPS_DIFF" hidden="1">"c1873"</definedName>
    <definedName name="IQ_EST_DPS_DIFF_CIQ" hidden="1">"c3725"</definedName>
    <definedName name="IQ_EST_DPS_DIFF_REUT" hidden="1">"c3894"</definedName>
    <definedName name="IQ_EST_DPS_GROWTH_1YR" hidden="1">"c1778"</definedName>
    <definedName name="IQ_EST_DPS_GROWTH_1YR_CIQ" hidden="1">"c3713"</definedName>
    <definedName name="IQ_EST_DPS_GROWTH_1YR_REUT" hidden="1">"c3882"</definedName>
    <definedName name="IQ_EST_DPS_GROWTH_2YR" hidden="1">"c1779"</definedName>
    <definedName name="IQ_EST_DPS_GROWTH_2YR_CIQ" hidden="1">"c3714"</definedName>
    <definedName name="IQ_EST_DPS_GROWTH_2YR_REUT" hidden="1">"c3883"</definedName>
    <definedName name="IQ_EST_DPS_GROWTH_Q_1YR" hidden="1">"c1780"</definedName>
    <definedName name="IQ_EST_DPS_GROWTH_Q_1YR_CIQ" hidden="1">"c3715"</definedName>
    <definedName name="IQ_EST_DPS_GROWTH_Q_1YR_REUT" hidden="1">"c3884"</definedName>
    <definedName name="IQ_EST_DPS_SEQ_GROWTH_Q" hidden="1">"c1781"</definedName>
    <definedName name="IQ_EST_DPS_SEQ_GROWTH_Q_CIQ" hidden="1">"c3716"</definedName>
    <definedName name="IQ_EST_DPS_SEQ_GROWTH_Q_REUT" hidden="1">"c3885"</definedName>
    <definedName name="IQ_EST_DPS_SURPRISE_PERCENT" hidden="1">"c1874"</definedName>
    <definedName name="IQ_EST_DPS_SURPRISE_PERCENT_CIQ" hidden="1">"c3726"</definedName>
    <definedName name="IQ_EST_DPS_SURPRISE_PERCENT_REUT" hidden="1">"c3895"</definedName>
    <definedName name="IQ_EST_EBIT_DIFF" hidden="1">"c1875"</definedName>
    <definedName name="IQ_EST_EBIT_DIFF_CIQ" hidden="1">"c4747"</definedName>
    <definedName name="IQ_EST_EBIT_DIFF_REUT" hidden="1">"c5413"</definedName>
    <definedName name="IQ_EST_EBIT_GW_DIFF" hidden="1">"c4304"</definedName>
    <definedName name="IQ_EST_EBIT_GW_DIFF_CIQ" hidden="1">"c4829"</definedName>
    <definedName name="IQ_EST_EBIT_GW_SURPRISE_PERCENT" hidden="1">"c4313"</definedName>
    <definedName name="IQ_EST_EBIT_GW_SURPRISE_PERCENT_CIQ" hidden="1">"c4838"</definedName>
    <definedName name="IQ_EST_EBIT_SBC_DIFF" hidden="1">"c4314"</definedName>
    <definedName name="IQ_EST_EBIT_SBC_DIFF_CIQ" hidden="1">"c4839"</definedName>
    <definedName name="IQ_EST_EBIT_SBC_GW_DIFF" hidden="1">"c4318"</definedName>
    <definedName name="IQ_EST_EBIT_SBC_GW_DIFF_CIQ" hidden="1">"c4843"</definedName>
    <definedName name="IQ_EST_EBIT_SBC_GW_SURPRISE_PERCENT" hidden="1">"c4327"</definedName>
    <definedName name="IQ_EST_EBIT_SBC_GW_SURPRISE_PERCENT_CIQ" hidden="1">"c4852"</definedName>
    <definedName name="IQ_EST_EBIT_SBC_SURPRISE_PERCENT" hidden="1">"c4333"</definedName>
    <definedName name="IQ_EST_EBIT_SBC_SURPRISE_PERCENT_CIQ" hidden="1">"c4858"</definedName>
    <definedName name="IQ_EST_EBIT_SURPRISE_PERCENT" hidden="1">"c1876"</definedName>
    <definedName name="IQ_EST_EBIT_SURPRISE_PERCENT_CIQ" hidden="1">"c4748"</definedName>
    <definedName name="IQ_EST_EBIT_SURPRISE_PERCENT_REUT" hidden="1">"c5414"</definedName>
    <definedName name="IQ_EST_EBITDA_DIFF" hidden="1">"c1867"</definedName>
    <definedName name="IQ_EST_EBITDA_DIFF_CIQ" hidden="1">"c3719"</definedName>
    <definedName name="IQ_EST_EBITDA_DIFF_REUT" hidden="1">"c3888"</definedName>
    <definedName name="IQ_EST_EBITDA_GROWTH_1YR" hidden="1">"c1766"</definedName>
    <definedName name="IQ_EST_EBITDA_GROWTH_1YR_CIQ" hidden="1">"c3695"</definedName>
    <definedName name="IQ_EST_EBITDA_GROWTH_1YR_REUT" hidden="1">"c3864"</definedName>
    <definedName name="IQ_EST_EBITDA_GROWTH_2YR" hidden="1">"c1767"</definedName>
    <definedName name="IQ_EST_EBITDA_GROWTH_2YR_CIQ" hidden="1">"c3696"</definedName>
    <definedName name="IQ_EST_EBITDA_GROWTH_2YR_REUT" hidden="1">"c3865"</definedName>
    <definedName name="IQ_EST_EBITDA_GROWTH_Q_1YR" hidden="1">"c1768"</definedName>
    <definedName name="IQ_EST_EBITDA_GROWTH_Q_1YR_CIQ" hidden="1">"c3697"</definedName>
    <definedName name="IQ_EST_EBITDA_GROWTH_Q_1YR_REUT" hidden="1">"c3866"</definedName>
    <definedName name="IQ_EST_EBITDA_SBC_DIFF" hidden="1">"c4335"</definedName>
    <definedName name="IQ_EST_EBITDA_SBC_DIFF_CIQ" hidden="1">"c4860"</definedName>
    <definedName name="IQ_EST_EBITDA_SBC_SURPRISE_PERCENT" hidden="1">"c4344"</definedName>
    <definedName name="IQ_EST_EBITDA_SBC_SURPRISE_PERCENT_CIQ" hidden="1">"c4869"</definedName>
    <definedName name="IQ_EST_EBITDA_SEQ_GROWTH_Q" hidden="1">"c1769"</definedName>
    <definedName name="IQ_EST_EBITDA_SEQ_GROWTH_Q_CIQ" hidden="1">"c3698"</definedName>
    <definedName name="IQ_EST_EBITDA_SEQ_GROWTH_Q_REUT" hidden="1">"c3867"</definedName>
    <definedName name="IQ_EST_EBITDA_SURPRISE_PERCENT" hidden="1">"c1868"</definedName>
    <definedName name="IQ_EST_EBITDA_SURPRISE_PERCENT_CIQ" hidden="1">"c3720"</definedName>
    <definedName name="IQ_EST_EBITDA_SURPRISE_PERCENT_REUT" hidden="1">"c3889"</definedName>
    <definedName name="IQ_EST_EBT_SBC_DIFF" hidden="1">"c4348"</definedName>
    <definedName name="IQ_EST_EBT_SBC_DIFF_CIQ" hidden="1">"c4873"</definedName>
    <definedName name="IQ_EST_EBT_SBC_GW_DIFF" hidden="1">"c4352"</definedName>
    <definedName name="IQ_EST_EBT_SBC_GW_DIFF_CIQ" hidden="1">"c4877"</definedName>
    <definedName name="IQ_EST_EBT_SBC_GW_SURPRISE_PERCENT" hidden="1">"c4361"</definedName>
    <definedName name="IQ_EST_EBT_SBC_GW_SURPRISE_PERCENT_CIQ" hidden="1">"c4886"</definedName>
    <definedName name="IQ_EST_EBT_SBC_SURPRISE_PERCENT" hidden="1">"c4367"</definedName>
    <definedName name="IQ_EST_EBT_SBC_SURPRISE_PERCENT_CIQ" hidden="1">"c4892"</definedName>
    <definedName name="IQ_EST_EPS_DIFF" hidden="1">"c1864"</definedName>
    <definedName name="IQ_EST_EPS_DIFF_CIQ" hidden="1">"c4999"</definedName>
    <definedName name="IQ_EST_EPS_DIFF_REUT" hidden="1">"c5458"</definedName>
    <definedName name="IQ_EST_EPS_GROWTH_1YR" hidden="1">"c1636"</definedName>
    <definedName name="IQ_EST_EPS_GROWTH_1YR_CIQ" hidden="1">"c3628"</definedName>
    <definedName name="IQ_EST_EPS_GROWTH_1YR_REUT" hidden="1">"c3646"</definedName>
    <definedName name="IQ_EST_EPS_GROWTH_2YR" hidden="1">"c1637"</definedName>
    <definedName name="IQ_EST_EPS_GROWTH_2YR_CIQ" hidden="1">"c3689"</definedName>
    <definedName name="IQ_EST_EPS_GROWTH_2YR_REUT" hidden="1">"c3858"</definedName>
    <definedName name="IQ_EST_EPS_GROWTH_5YR" hidden="1">"c1655"</definedName>
    <definedName name="IQ_EST_EPS_GROWTH_5YR_BOTTOM_UP" hidden="1">"c5487"</definedName>
    <definedName name="IQ_EST_EPS_GROWTH_5YR_BOTTOM_UP_CIQ" hidden="1">"c12024"</definedName>
    <definedName name="IQ_EST_EPS_GROWTH_5YR_BOTTOM_UP_REUT" hidden="1">"c5495"</definedName>
    <definedName name="IQ_EST_EPS_GROWTH_5YR_CIQ" hidden="1">"c3615"</definedName>
    <definedName name="IQ_EST_EPS_GROWTH_5YR_HIGH" hidden="1">"c1657"</definedName>
    <definedName name="IQ_EST_EPS_GROWTH_5YR_HIGH_CIQ" hidden="1">"c4663"</definedName>
    <definedName name="IQ_EST_EPS_GROWTH_5YR_HIGH_REUT" hidden="1">"c5322"</definedName>
    <definedName name="IQ_EST_EPS_GROWTH_5YR_LOW" hidden="1">"c1658"</definedName>
    <definedName name="IQ_EST_EPS_GROWTH_5YR_LOW_CIQ" hidden="1">"c4664"</definedName>
    <definedName name="IQ_EST_EPS_GROWTH_5YR_LOW_REUT" hidden="1">"c5323"</definedName>
    <definedName name="IQ_EST_EPS_GROWTH_5YR_MEDIAN" hidden="1">"c1656"</definedName>
    <definedName name="IQ_EST_EPS_GROWTH_5YR_MEDIAN_CIQ" hidden="1">"c5480"</definedName>
    <definedName name="IQ_EST_EPS_GROWTH_5YR_MEDIAN_REUT" hidden="1">"c5321"</definedName>
    <definedName name="IQ_EST_EPS_GROWTH_5YR_NUM" hidden="1">"c1659"</definedName>
    <definedName name="IQ_EST_EPS_GROWTH_5YR_NUM_CIQ" hidden="1">"c4665"</definedName>
    <definedName name="IQ_EST_EPS_GROWTH_5YR_NUM_REUT" hidden="1">"c5324"</definedName>
    <definedName name="IQ_EST_EPS_GROWTH_5YR_REUT" hidden="1">"c3633"</definedName>
    <definedName name="IQ_EST_EPS_GROWTH_5YR_STDDEV" hidden="1">"c1660"</definedName>
    <definedName name="IQ_EST_EPS_GROWTH_5YR_STDDEV_CIQ" hidden="1">"c4666"</definedName>
    <definedName name="IQ_EST_EPS_GROWTH_5YR_STDDEV_REUT" hidden="1">"c5325"</definedName>
    <definedName name="IQ_EST_EPS_GROWTH_Q_1YR" hidden="1">"c1641"</definedName>
    <definedName name="IQ_EST_EPS_GROWTH_Q_1YR_CIQ" hidden="1">"c4744"</definedName>
    <definedName name="IQ_EST_EPS_GROWTH_Q_1YR_REUT" hidden="1">"c5410"</definedName>
    <definedName name="IQ_EST_EPS_GW_DIFF" hidden="1">"c1891"</definedName>
    <definedName name="IQ_EST_EPS_GW_DIFF_CIQ" hidden="1">"c4761"</definedName>
    <definedName name="IQ_EST_EPS_GW_DIFF_REUT" hidden="1">"c5429"</definedName>
    <definedName name="IQ_EST_EPS_GW_SURPRISE_PERCENT" hidden="1">"c1892"</definedName>
    <definedName name="IQ_EST_EPS_GW_SURPRISE_PERCENT_CIQ" hidden="1">"c4762"</definedName>
    <definedName name="IQ_EST_EPS_GW_SURPRISE_PERCENT_REUT" hidden="1">"c5430"</definedName>
    <definedName name="IQ_EST_EPS_NORM_DIFF" hidden="1">"c2247"</definedName>
    <definedName name="IQ_EST_EPS_NORM_DIFF_CIQ" hidden="1">"c4745"</definedName>
    <definedName name="IQ_EST_EPS_NORM_DIFF_REUT" hidden="1">"c5411"</definedName>
    <definedName name="IQ_EST_EPS_NORM_SURPRISE_PERCENT" hidden="1">"c2248"</definedName>
    <definedName name="IQ_EST_EPS_NORM_SURPRISE_PERCENT_CIQ" hidden="1">"c4746"</definedName>
    <definedName name="IQ_EST_EPS_NORM_SURPRISE_PERCENT_REUT" hidden="1">"c5412"</definedName>
    <definedName name="IQ_EST_EPS_REPORT_DIFF" hidden="1">"c1893"</definedName>
    <definedName name="IQ_EST_EPS_REPORT_DIFF_CIQ" hidden="1">"c4763"</definedName>
    <definedName name="IQ_EST_EPS_REPORT_DIFF_REUT" hidden="1">"c5431"</definedName>
    <definedName name="IQ_EST_EPS_REPORT_SURPRISE_PERCENT" hidden="1">"c1894"</definedName>
    <definedName name="IQ_EST_EPS_REPORT_SURPRISE_PERCENT_CIQ" hidden="1">"c4764"</definedName>
    <definedName name="IQ_EST_EPS_REPORT_SURPRISE_PERCENT_REUT" hidden="1">"c5432"</definedName>
    <definedName name="IQ_EST_EPS_SBC_DIFF" hidden="1">"c4374"</definedName>
    <definedName name="IQ_EST_EPS_SBC_DIFF_CIQ" hidden="1">"c4899"</definedName>
    <definedName name="IQ_EST_EPS_SBC_GW_DIFF" hidden="1">"c4378"</definedName>
    <definedName name="IQ_EST_EPS_SBC_GW_DIFF_CIQ" hidden="1">"c4903"</definedName>
    <definedName name="IQ_EST_EPS_SBC_GW_SURPRISE_PERCENT" hidden="1">"c4387"</definedName>
    <definedName name="IQ_EST_EPS_SBC_GW_SURPRISE_PERCENT_CIQ" hidden="1">"c4912"</definedName>
    <definedName name="IQ_EST_EPS_SBC_SURPRISE_PERCENT" hidden="1">"c4393"</definedName>
    <definedName name="IQ_EST_EPS_SBC_SURPRISE_PERCENT_CIQ" hidden="1">"c4918"</definedName>
    <definedName name="IQ_EST_EPS_SEQ_GROWTH_Q" hidden="1">"c1764"</definedName>
    <definedName name="IQ_EST_EPS_SEQ_GROWTH_Q_CIQ" hidden="1">"c3690"</definedName>
    <definedName name="IQ_EST_EPS_SEQ_GROWTH_Q_REUT" hidden="1">"c3859"</definedName>
    <definedName name="IQ_EST_EPS_SURPRISE" hidden="1">"c1635"</definedName>
    <definedName name="IQ_EST_EPS_SURPRISE_PERCENT" hidden="1">"c1635"</definedName>
    <definedName name="IQ_EST_EPS_SURPRISE_PERCENT_CIQ" hidden="1">"c5000"</definedName>
    <definedName name="IQ_EST_EPS_SURPRISE_PERCENT_REUT" hidden="1">"c5459"</definedName>
    <definedName name="IQ_EST_FFO_ADJ_DIFF" hidden="1">"c4433"</definedName>
    <definedName name="IQ_EST_FFO_ADJ_DIFF_CIQ" hidden="1">"c4958"</definedName>
    <definedName name="IQ_EST_FFO_ADJ_GROWTH_1YR" hidden="1">"c4421"</definedName>
    <definedName name="IQ_EST_FFO_ADJ_GROWTH_1YR_CIQ" hidden="1">"c4946"</definedName>
    <definedName name="IQ_EST_FFO_ADJ_GROWTH_2YR" hidden="1">"c4422"</definedName>
    <definedName name="IQ_EST_FFO_ADJ_GROWTH_2YR_CIQ" hidden="1">"c4947"</definedName>
    <definedName name="IQ_EST_FFO_ADJ_GROWTH_Q_1YR" hidden="1">"c4423"</definedName>
    <definedName name="IQ_EST_FFO_ADJ_GROWTH_Q_1YR_CIQ" hidden="1">"c4948"</definedName>
    <definedName name="IQ_EST_FFO_ADJ_SEQ_GROWTH_Q" hidden="1">"c4424"</definedName>
    <definedName name="IQ_EST_FFO_ADJ_SEQ_GROWTH_Q_CIQ" hidden="1">"c4949"</definedName>
    <definedName name="IQ_EST_FFO_ADJ_SURPRISE_PERCENT" hidden="1">"c4442"</definedName>
    <definedName name="IQ_EST_FFO_ADJ_SURPRISE_PERCENT_CIQ" hidden="1">"c4967"</definedName>
    <definedName name="IQ_EST_FFO_DIFF" hidden="1">"c1869"</definedName>
    <definedName name="IQ_EST_FFO_DIFF_CIQ" hidden="1">"c3721"</definedName>
    <definedName name="IQ_EST_FFO_DIFF_REUT" hidden="1">"c3890"</definedName>
    <definedName name="IQ_EST_FFO_GROWTH_1YR" hidden="1">"c1770"</definedName>
    <definedName name="IQ_EST_FFO_GROWTH_1YR_CIQ" hidden="1">"c3705"</definedName>
    <definedName name="IQ_EST_FFO_GROWTH_1YR_REUT" hidden="1">"c3874"</definedName>
    <definedName name="IQ_EST_FFO_GROWTH_2YR" hidden="1">"c1771"</definedName>
    <definedName name="IQ_EST_FFO_GROWTH_2YR_CIQ" hidden="1">"c3706"</definedName>
    <definedName name="IQ_EST_FFO_GROWTH_2YR_REUT" hidden="1">"c3875"</definedName>
    <definedName name="IQ_EST_FFO_GROWTH_Q_1YR" hidden="1">"c1772"</definedName>
    <definedName name="IQ_EST_FFO_GROWTH_Q_1YR_CIQ" hidden="1">"c3707"</definedName>
    <definedName name="IQ_EST_FFO_GROWTH_Q_1YR_REUT" hidden="1">"c3876"</definedName>
    <definedName name="IQ_EST_FFO_SEQ_GROWTH_Q" hidden="1">"c1773"</definedName>
    <definedName name="IQ_EST_FFO_SEQ_GROWTH_Q_CIQ" hidden="1">"c3708"</definedName>
    <definedName name="IQ_EST_FFO_SEQ_GROWTH_Q_REUT" hidden="1">"c3877"</definedName>
    <definedName name="IQ_EST_FFO_SHARE_DIFF" hidden="1">"c4444"</definedName>
    <definedName name="IQ_EST_FFO_SHARE_DIFF_CIQ" hidden="1">"c4969"</definedName>
    <definedName name="IQ_EST_FFO_SHARE_GROWTH_1YR" hidden="1">"c4425"</definedName>
    <definedName name="IQ_EST_FFO_SHARE_GROWTH_1YR_CIQ" hidden="1">"c4950"</definedName>
    <definedName name="IQ_EST_FFO_SHARE_GROWTH_2YR" hidden="1">"c4426"</definedName>
    <definedName name="IQ_EST_FFO_SHARE_GROWTH_2YR_CIQ" hidden="1">"c4951"</definedName>
    <definedName name="IQ_EST_FFO_SHARE_GROWTH_Q_1YR" hidden="1">"c4427"</definedName>
    <definedName name="IQ_EST_FFO_SHARE_GROWTH_Q_1YR_CIQ" hidden="1">"c4952"</definedName>
    <definedName name="IQ_EST_FFO_SHARE_SEQ_GROWTH_Q" hidden="1">"c4428"</definedName>
    <definedName name="IQ_EST_FFO_SHARE_SEQ_GROWTH_Q_CIQ" hidden="1">"c4953"</definedName>
    <definedName name="IQ_EST_FFO_SHARE_SURPRISE_PERCENT" hidden="1">"c4453"</definedName>
    <definedName name="IQ_EST_FFO_SHARE_SURPRISE_PERCENT_CIQ" hidden="1">"c4982"</definedName>
    <definedName name="IQ_EST_FFO_SURPRISE_PERCENT" hidden="1">"c1870"</definedName>
    <definedName name="IQ_EST_FFO_SURPRISE_PERCENT_CIQ" hidden="1">"c3722"</definedName>
    <definedName name="IQ_EST_FFO_SURPRISE_PERCENT_REUT" hidden="1">"c3891"</definedName>
    <definedName name="IQ_EST_FOOTNOTE" hidden="1">"c4540"</definedName>
    <definedName name="IQ_EST_FOOTNOTE_CIQ" hidden="1">"c12022"</definedName>
    <definedName name="IQ_EST_FOOTNOTE_REUT" hidden="1">"c5478"</definedName>
    <definedName name="IQ_EST_MAINT_CAPEX_DIFF" hidden="1">"c4456"</definedName>
    <definedName name="IQ_EST_MAINT_CAPEX_DIFF_CIQ" hidden="1">"c4985"</definedName>
    <definedName name="IQ_EST_MAINT_CAPEX_GROWTH_1YR" hidden="1">"c4429"</definedName>
    <definedName name="IQ_EST_MAINT_CAPEX_GROWTH_1YR_CIQ" hidden="1">"c4954"</definedName>
    <definedName name="IQ_EST_MAINT_CAPEX_GROWTH_2YR" hidden="1">"c4430"</definedName>
    <definedName name="IQ_EST_MAINT_CAPEX_GROWTH_2YR_CIQ" hidden="1">"c4955"</definedName>
    <definedName name="IQ_EST_MAINT_CAPEX_GROWTH_Q_1YR" hidden="1">"c4431"</definedName>
    <definedName name="IQ_EST_MAINT_CAPEX_GROWTH_Q_1YR_CIQ" hidden="1">"c4956"</definedName>
    <definedName name="IQ_EST_MAINT_CAPEX_SEQ_GROWTH_Q" hidden="1">"c4432"</definedName>
    <definedName name="IQ_EST_MAINT_CAPEX_SEQ_GROWTH_Q_CIQ" hidden="1">"c4957"</definedName>
    <definedName name="IQ_EST_MAINT_CAPEX_SURPRISE_PERCENT" hidden="1">"c4465"</definedName>
    <definedName name="IQ_EST_MAINT_CAPEX_SURPRISE_PERCENT_CIQ" hidden="1">"c5003"</definedName>
    <definedName name="IQ_EST_NAV_DIFF" hidden="1">"c1895"</definedName>
    <definedName name="IQ_EST_NAV_SHARE_SURPRISE_PERCENT" hidden="1">"c1896"</definedName>
    <definedName name="IQ_EST_NAV_SURPRISE_PERCENT" hidden="1">"c1896"</definedName>
    <definedName name="IQ_EST_NET_DEBT_DIFF" hidden="1">"c4466"</definedName>
    <definedName name="IQ_EST_NET_DEBT_DIFF_CIQ" hidden="1">"c5004"</definedName>
    <definedName name="IQ_EST_NET_DEBT_SURPRISE_PERCENT" hidden="1">"c4468"</definedName>
    <definedName name="IQ_EST_NET_DEBT_SURPRISE_PERCENT_CIQ" hidden="1">"c5006"</definedName>
    <definedName name="IQ_EST_NI_DIFF" hidden="1">"c1885"</definedName>
    <definedName name="IQ_EST_NI_DIFF_CIQ" hidden="1">"c4755"</definedName>
    <definedName name="IQ_EST_NI_DIFF_REUT" hidden="1">"c5423"</definedName>
    <definedName name="IQ_EST_NI_GW_DIFF" hidden="1">"c1887"</definedName>
    <definedName name="IQ_EST_NI_GW_DIFF_CIQ" hidden="1">"c4757"</definedName>
    <definedName name="IQ_EST_NI_GW_DIFF_REUT" hidden="1">"c5425"</definedName>
    <definedName name="IQ_EST_NI_GW_SURPRISE_PERCENT" hidden="1">"c1888"</definedName>
    <definedName name="IQ_EST_NI_GW_SURPRISE_PERCENT_CIQ" hidden="1">"c4758"</definedName>
    <definedName name="IQ_EST_NI_GW_SURPRISE_PERCENT_REUT" hidden="1">"c5426"</definedName>
    <definedName name="IQ_EST_NI_REPORT_DIFF" hidden="1">"c1889"</definedName>
    <definedName name="IQ_EST_NI_REPORT_DIFF_CIQ" hidden="1">"c4759"</definedName>
    <definedName name="IQ_EST_NI_REPORT_DIFF_REUT" hidden="1">"c5427"</definedName>
    <definedName name="IQ_EST_NI_REPORT_SURPRISE_PERCENT" hidden="1">"c1890"</definedName>
    <definedName name="IQ_EST_NI_REPORT_SURPRISE_PERCENT_CIQ" hidden="1">"c4760"</definedName>
    <definedName name="IQ_EST_NI_REPORT_SURPRISE_PERCENT_REUT" hidden="1">"c5428"</definedName>
    <definedName name="IQ_EST_NI_SBC_DIFF" hidden="1">"c4472"</definedName>
    <definedName name="IQ_EST_NI_SBC_DIFF_CIQ" hidden="1">"c5010"</definedName>
    <definedName name="IQ_EST_NI_SBC_GW_DIFF" hidden="1">"c4476"</definedName>
    <definedName name="IQ_EST_NI_SBC_GW_DIFF_CIQ" hidden="1">"c5014"</definedName>
    <definedName name="IQ_EST_NI_SBC_GW_SURPRISE_PERCENT" hidden="1">"c4485"</definedName>
    <definedName name="IQ_EST_NI_SBC_GW_SURPRISE_PERCENT_CIQ" hidden="1">"c5023"</definedName>
    <definedName name="IQ_EST_NI_SBC_SURPRISE_PERCENT" hidden="1">"c4491"</definedName>
    <definedName name="IQ_EST_NI_SBC_SURPRISE_PERCENT_CIQ" hidden="1">"c5029"</definedName>
    <definedName name="IQ_EST_NI_SURPRISE_PERCENT" hidden="1">"c1886"</definedName>
    <definedName name="IQ_EST_NI_SURPRISE_PERCENT_CIQ" hidden="1">"c4756"</definedName>
    <definedName name="IQ_EST_NI_SURPRISE_PERCENT_REUT" hidden="1">"c5424"</definedName>
    <definedName name="IQ_EST_NUM_BUY" hidden="1">"c1759"</definedName>
    <definedName name="IQ_EST_NUM_BUY_CIQ" hidden="1">"c3700"</definedName>
    <definedName name="IQ_EST_NUM_BUY_REUT" hidden="1">"c3869"</definedName>
    <definedName name="IQ_EST_NUM_BUY_THOM" hidden="1">"c5165"</definedName>
    <definedName name="IQ_EST_NUM_HIGH_REC" hidden="1">"c5649"</definedName>
    <definedName name="IQ_EST_NUM_HIGH_REC_CIQ" hidden="1">"c3701"</definedName>
    <definedName name="IQ_EST_NUM_HIGH_REC_REUT" hidden="1">"c3870"</definedName>
    <definedName name="IQ_EST_NUM_HIGHEST_REC" hidden="1">"c5648"</definedName>
    <definedName name="IQ_EST_NUM_HIGHEST_REC_CIQ" hidden="1">"c3700"</definedName>
    <definedName name="IQ_EST_NUM_HIGHEST_REC_REUT" hidden="1">"c3869"</definedName>
    <definedName name="IQ_EST_NUM_HOLD" hidden="1">"c1761"</definedName>
    <definedName name="IQ_EST_NUM_HOLD_CIQ" hidden="1">"c3702"</definedName>
    <definedName name="IQ_EST_NUM_HOLD_REUT" hidden="1">"c3871"</definedName>
    <definedName name="IQ_EST_NUM_HOLD_THOM" hidden="1">"c5167"</definedName>
    <definedName name="IQ_EST_NUM_LOW_REC" hidden="1">"c5651"</definedName>
    <definedName name="IQ_EST_NUM_LOW_REC_CIQ" hidden="1">"c3703"</definedName>
    <definedName name="IQ_EST_NUM_LOW_REC_REUT" hidden="1">"c3872"</definedName>
    <definedName name="IQ_EST_NUM_LOWEST_REC" hidden="1">"c5652"</definedName>
    <definedName name="IQ_EST_NUM_LOWEST_REC_CIQ" hidden="1">"c3704"</definedName>
    <definedName name="IQ_EST_NUM_LOWEST_REC_REUT" hidden="1">"c3873"</definedName>
    <definedName name="IQ_EST_NUM_NEUTRAL_REC" hidden="1">"c5650"</definedName>
    <definedName name="IQ_EST_NUM_NEUTRAL_REC_CIQ" hidden="1">"c3702"</definedName>
    <definedName name="IQ_EST_NUM_NEUTRAL_REC_REUT" hidden="1">"c3871"</definedName>
    <definedName name="IQ_EST_NUM_NO_OPINION" hidden="1">"c1758"</definedName>
    <definedName name="IQ_EST_NUM_NO_OPINION_CIQ" hidden="1">"c3699"</definedName>
    <definedName name="IQ_EST_NUM_NO_OPINION_REUT" hidden="1">"c3868"</definedName>
    <definedName name="IQ_EST_NUM_OUTPERFORM" hidden="1">"c1760"</definedName>
    <definedName name="IQ_EST_NUM_OUTPERFORM_CIQ" hidden="1">"c3701"</definedName>
    <definedName name="IQ_EST_NUM_OUTPERFORM_REUT" hidden="1">"c3870"</definedName>
    <definedName name="IQ_EST_NUM_OUTPERFORM_THOM" hidden="1">"c5166"</definedName>
    <definedName name="IQ_EST_NUM_SELL" hidden="1">"c1763"</definedName>
    <definedName name="IQ_EST_NUM_SELL_CIQ" hidden="1">"c3704"</definedName>
    <definedName name="IQ_EST_NUM_SELL_REUT" hidden="1">"c3873"</definedName>
    <definedName name="IQ_EST_NUM_SELL_THOM" hidden="1">"c5169"</definedName>
    <definedName name="IQ_EST_NUM_UNDERPERFORM" hidden="1">"c1762"</definedName>
    <definedName name="IQ_EST_NUM_UNDERPERFORM_CIQ" hidden="1">"c3703"</definedName>
    <definedName name="IQ_EST_NUM_UNDERPERFORM_REUT" hidden="1">"c3872"</definedName>
    <definedName name="IQ_EST_NUM_UNDERPERFORM_THOM" hidden="1">"c5168"</definedName>
    <definedName name="IQ_EST_OPER_INC_DIFF" hidden="1">"c1877"</definedName>
    <definedName name="IQ_EST_OPER_INC_DIFF_CIQ" hidden="1">"c12017"</definedName>
    <definedName name="IQ_EST_OPER_INC_DIFF_REUT" hidden="1">"c5415"</definedName>
    <definedName name="IQ_EST_OPER_INC_SURPRISE_PERCENT" hidden="1">"c1878"</definedName>
    <definedName name="IQ_EST_OPER_INC_SURPRISE_PERCENT_CIQ" hidden="1">"c12018"</definedName>
    <definedName name="IQ_EST_OPER_INC_SURPRISE_PERCENT_REUT" hidden="1">"c5416"</definedName>
    <definedName name="IQ_EST_PRE_TAX_DIFF" hidden="1">"c1879"</definedName>
    <definedName name="IQ_EST_PRE_TAX_DIFF_CIQ" hidden="1">"c4749"</definedName>
    <definedName name="IQ_EST_PRE_TAX_DIFF_REUT" hidden="1">"c5417"</definedName>
    <definedName name="IQ_EST_PRE_TAX_GW_DIFF" hidden="1">"c1881"</definedName>
    <definedName name="IQ_EST_PRE_TAX_GW_DIFF_CIQ" hidden="1">"c4751"</definedName>
    <definedName name="IQ_EST_PRE_TAX_GW_DIFF_REUT" hidden="1">"c5419"</definedName>
    <definedName name="IQ_EST_PRE_TAX_GW_SURPRISE_PERCENT" hidden="1">"c1882"</definedName>
    <definedName name="IQ_EST_PRE_TAX_GW_SURPRISE_PERCENT_CIQ" hidden="1">"c4752"</definedName>
    <definedName name="IQ_EST_PRE_TAX_GW_SURPRISE_PERCENT_REUT" hidden="1">"c5420"</definedName>
    <definedName name="IQ_EST_PRE_TAX_REPORT_DIFF" hidden="1">"c1883"</definedName>
    <definedName name="IQ_EST_PRE_TAX_REPORT_DIFF_CIQ" hidden="1">"c4753"</definedName>
    <definedName name="IQ_EST_PRE_TAX_REPORT_DIFF_REUT" hidden="1">"c5421"</definedName>
    <definedName name="IQ_EST_PRE_TAX_REPORT_SURPRISE_PERCENT" hidden="1">"c1884"</definedName>
    <definedName name="IQ_EST_PRE_TAX_REPORT_SURPRISE_PERCENT_CIQ" hidden="1">"c4754"</definedName>
    <definedName name="IQ_EST_PRE_TAX_REPORT_SURPRISE_PERCENT_REUT" hidden="1">"c5422"</definedName>
    <definedName name="IQ_EST_PRE_TAX_SURPRISE_PERCENT" hidden="1">"c1880"</definedName>
    <definedName name="IQ_EST_PRE_TAX_SURPRISE_PERCENT_CIQ" hidden="1">"c4750"</definedName>
    <definedName name="IQ_EST_PRE_TAX_SURPRISE_PERCENT_REUT" hidden="1">"c5418"</definedName>
    <definedName name="IQ_EST_RECURRING_PROFIT_SHARE_DIFF" hidden="1">"c4505"</definedName>
    <definedName name="IQ_EST_RECURRING_PROFIT_SHARE_DIFF_CIQ" hidden="1">"c5043"</definedName>
    <definedName name="IQ_EST_RECURRING_PROFIT_SHARE_SURPRISE_PERCENT" hidden="1">"c4515"</definedName>
    <definedName name="IQ_EST_RECURRING_PROFIT_SHARE_SURPRISE_PERCENT_CIQ" hidden="1">"c5053"</definedName>
    <definedName name="IQ_EST_REV_DIFF" hidden="1">"c1865"</definedName>
    <definedName name="IQ_EST_REV_DIFF_CIQ" hidden="1">"c3717"</definedName>
    <definedName name="IQ_EST_REV_DIFF_REUT" hidden="1">"c3886"</definedName>
    <definedName name="IQ_EST_REV_GROWTH_1YR" hidden="1">"c1638"</definedName>
    <definedName name="IQ_EST_REV_GROWTH_1YR_CIQ" hidden="1">"c3691"</definedName>
    <definedName name="IQ_EST_REV_GROWTH_1YR_REUT" hidden="1">"c3860"</definedName>
    <definedName name="IQ_EST_REV_GROWTH_2YR" hidden="1">"c1639"</definedName>
    <definedName name="IQ_EST_REV_GROWTH_2YR_CIQ" hidden="1">"c3692"</definedName>
    <definedName name="IQ_EST_REV_GROWTH_2YR_REUT" hidden="1">"c3861"</definedName>
    <definedName name="IQ_EST_REV_GROWTH_Q_1YR" hidden="1">"c1640"</definedName>
    <definedName name="IQ_EST_REV_GROWTH_Q_1YR_CIQ" hidden="1">"c3693"</definedName>
    <definedName name="IQ_EST_REV_GROWTH_Q_1YR_REUT" hidden="1">"c3862"</definedName>
    <definedName name="IQ_EST_REV_SEQ_GROWTH_Q" hidden="1">"c1765"</definedName>
    <definedName name="IQ_EST_REV_SEQ_GROWTH_Q_CIQ" hidden="1">"c3694"</definedName>
    <definedName name="IQ_EST_REV_SEQ_GROWTH_Q_REUT" hidden="1">"c3863"</definedName>
    <definedName name="IQ_EST_REV_SURPRISE_PERCENT" hidden="1">"c1866"</definedName>
    <definedName name="IQ_EST_REV_SURPRISE_PERCENT_CIQ" hidden="1">"c3718"</definedName>
    <definedName name="IQ_EST_REV_SURPRISE_PERCENT_REUT" hidden="1">"c3887"</definedName>
    <definedName name="IQ_EST_VENDOR" hidden="1">"c5564"</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V_OVER_REVENUE_EST" hidden="1">"c165"</definedName>
    <definedName name="IQ_EV_OVER_REVENUE_EST_1" hidden="1">"c166"</definedName>
    <definedName name="IQ_EVAL_DATE" hidden="1">"c2180"</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_CODE_" hidden="1">"test"</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CT_OR_EST" hidden="1">"c2216"</definedName>
    <definedName name="IQ_FFO_ADJ_ACT_OR_EST" hidden="1">"c4435"</definedName>
    <definedName name="IQ_FFO_ADJ_ACT_OR_EST_CIQ" hidden="1">"c4960"</definedName>
    <definedName name="IQ_FFO_ADJ_EST" hidden="1">"c4434"</definedName>
    <definedName name="IQ_FFO_ADJ_EST_CIQ" hidden="1">"c4959"</definedName>
    <definedName name="IQ_FFO_ADJ_GUIDANCE" hidden="1">"c4436"</definedName>
    <definedName name="IQ_FFO_ADJ_GUIDANCE_CIQ" hidden="1">"c4961"</definedName>
    <definedName name="IQ_FFO_ADJ_HIGH_EST" hidden="1">"c4437"</definedName>
    <definedName name="IQ_FFO_ADJ_HIGH_EST_CIQ" hidden="1">"c4962"</definedName>
    <definedName name="IQ_FFO_ADJ_HIGH_GUIDANCE" hidden="1">"c4202"</definedName>
    <definedName name="IQ_FFO_ADJ_HIGH_GUIDANCE_CIQ" hidden="1">"c4614"</definedName>
    <definedName name="IQ_FFO_ADJ_LOW_EST" hidden="1">"c4438"</definedName>
    <definedName name="IQ_FFO_ADJ_LOW_EST_CIQ" hidden="1">"c4963"</definedName>
    <definedName name="IQ_FFO_ADJ_LOW_GUIDANCE" hidden="1">"c4242"</definedName>
    <definedName name="IQ_FFO_ADJ_LOW_GUIDANCE_CIQ" hidden="1">"c4654"</definedName>
    <definedName name="IQ_FFO_ADJ_MEDIAN_EST" hidden="1">"c4439"</definedName>
    <definedName name="IQ_FFO_ADJ_MEDIAN_EST_CIQ" hidden="1">"c4964"</definedName>
    <definedName name="IQ_FFO_ADJ_NUM_EST" hidden="1">"c4440"</definedName>
    <definedName name="IQ_FFO_ADJ_NUM_EST_CIQ" hidden="1">"c4965"</definedName>
    <definedName name="IQ_FFO_ADJ_STDDEV_EST" hidden="1">"c4441"</definedName>
    <definedName name="IQ_FFO_ADJ_STDDEV_EST_CIQ" hidden="1">"c4966"</definedName>
    <definedName name="IQ_FFO_EST" hidden="1">"c418"</definedName>
    <definedName name="IQ_FFO_EST_CIQ" hidden="1">"c3668"</definedName>
    <definedName name="IQ_FFO_EST_REUT" hidden="1">"c3837"</definedName>
    <definedName name="IQ_FFO_GUIDANCE" hidden="1">"c4443"</definedName>
    <definedName name="IQ_FFO_GUIDANCE_CIQ" hidden="1">"c4968"</definedName>
    <definedName name="IQ_FFO_HIGH_EST" hidden="1">"c419"</definedName>
    <definedName name="IQ_FFO_HIGH_EST_CIQ" hidden="1">"c3670"</definedName>
    <definedName name="IQ_FFO_HIGH_EST_REUT" hidden="1">"c3839"</definedName>
    <definedName name="IQ_FFO_HIGH_GUIDANCE" hidden="1">"c4184"</definedName>
    <definedName name="IQ_FFO_HIGH_GUIDANCE_CIQ" hidden="1">"c4596"</definedName>
    <definedName name="IQ_FFO_LOW_EST" hidden="1">"c420"</definedName>
    <definedName name="IQ_FFO_LOW_EST_CIQ" hidden="1">"c3671"</definedName>
    <definedName name="IQ_FFO_LOW_EST_REUT" hidden="1">"c3840"</definedName>
    <definedName name="IQ_FFO_LOW_GUIDANCE" hidden="1">"c4224"</definedName>
    <definedName name="IQ_FFO_LOW_GUIDANCE_CIQ" hidden="1">"c4636"</definedName>
    <definedName name="IQ_FFO_MEDIAN_EST" hidden="1">"c1665"</definedName>
    <definedName name="IQ_FFO_MEDIAN_EST_CIQ" hidden="1">"c3669"</definedName>
    <definedName name="IQ_FFO_MEDIAN_EST_REUT" hidden="1">"c3838"</definedName>
    <definedName name="IQ_FFO_NUM_EST" hidden="1">"c421"</definedName>
    <definedName name="IQ_FFO_NUM_EST_CIQ" hidden="1">"c3672"</definedName>
    <definedName name="IQ_FFO_NUM_EST_REUT" hidden="1">"c3841"</definedName>
    <definedName name="IQ_FFO_PAYOUT_RATIO" hidden="1">"c3492"</definedName>
    <definedName name="IQ_FFO_PER_SHARE_BASIC" hidden="1">"c8867"</definedName>
    <definedName name="IQ_FFO_PER_SHARE_DILUTED" hidden="1">"c8868"</definedName>
    <definedName name="IQ_FFO_SHARE_ACT_OR_EST" hidden="1">"c4446"</definedName>
    <definedName name="IQ_FFO_SHARE_ACT_OR_EST_CIQ" hidden="1">"c4971"</definedName>
    <definedName name="IQ_FFO_SHARE_EST" hidden="1">"c4445"</definedName>
    <definedName name="IQ_FFO_SHARE_EST_CIQ" hidden="1">"c4970"</definedName>
    <definedName name="IQ_FFO_SHARE_GUIDANCE" hidden="1">"c4447"</definedName>
    <definedName name="IQ_FFO_SHARE_GUIDANCE_CIQ" hidden="1">"c4976"</definedName>
    <definedName name="IQ_FFO_SHARE_HIGH_EST" hidden="1">"c4448"</definedName>
    <definedName name="IQ_FFO_SHARE_HIGH_EST_CIQ" hidden="1">"c4977"</definedName>
    <definedName name="IQ_FFO_SHARE_HIGH_GUIDANCE" hidden="1">"c4203"</definedName>
    <definedName name="IQ_FFO_SHARE_HIGH_GUIDANCE_CIQ" hidden="1">"c4615"</definedName>
    <definedName name="IQ_FFO_SHARE_LOW_EST" hidden="1">"c4449"</definedName>
    <definedName name="IQ_FFO_SHARE_LOW_EST_CIQ" hidden="1">"c4978"</definedName>
    <definedName name="IQ_FFO_SHARE_LOW_GUIDANCE" hidden="1">"c4243"</definedName>
    <definedName name="IQ_FFO_SHARE_LOW_GUIDANCE_CIQ" hidden="1">"c4655"</definedName>
    <definedName name="IQ_FFO_SHARE_MEDIAN_EST" hidden="1">"c4450"</definedName>
    <definedName name="IQ_FFO_SHARE_MEDIAN_EST_CIQ" hidden="1">"c4979"</definedName>
    <definedName name="IQ_FFO_SHARE_NUM_EST" hidden="1">"c4451"</definedName>
    <definedName name="IQ_FFO_SHARE_NUM_EST_CIQ" hidden="1">"c4980"</definedName>
    <definedName name="IQ_FFO_SHARE_STDDEV_EST" hidden="1">"c4452"</definedName>
    <definedName name="IQ_FFO_SHARE_STDDEV_EST_CIQ" hidden="1">"c4981"</definedName>
    <definedName name="IQ_FFO_STDDEV_EST" hidden="1">"c422"</definedName>
    <definedName name="IQ_FFO_STDDEV_EST_CIQ" hidden="1">"c3673"</definedName>
    <definedName name="IQ_FFO_STDDEV_EST_REUT" hidden="1">"c3842"</definedName>
    <definedName name="IQ_FH" hidden="1">100000</definedName>
    <definedName name="IQ_FHLB_ADVANCES_FDIC" hidden="1">"c6366"</definedName>
    <definedName name="IQ_FHLB_DEBT" hidden="1">"c423"</definedName>
    <definedName name="IQ_FHLB_DUE_AFTER_FIVE" hidden="1">"c2086"</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ATA_SOURCE" hidden="1">"c6788"</definedName>
    <definedName name="IQ_FIN_DIV_ASSETS_CURRENT" hidden="1">"c427"</definedName>
    <definedName name="IQ_FIN_DIV_ASSETS_LT" hidden="1">"c428"</definedName>
    <definedName name="IQ_FIN_DIV_CASH_EQUIV" hidden="1">"c6289"</definedName>
    <definedName name="IQ_FIN_DIV_CURRENT_PORT_DEBT_TOTAL" hidden="1">"c5524"</definedName>
    <definedName name="IQ_FIN_DIV_CURRENT_PORT_LEASES_TOTAL" hidden="1">"c5523"</definedName>
    <definedName name="IQ_FIN_DIV_DEBT_CURRENT" hidden="1">"c429"</definedName>
    <definedName name="IQ_FIN_DIV_DEBT_LT" hidden="1">"c430"</definedName>
    <definedName name="IQ_FIN_DIV_DEBT_LT_TOTAL" hidden="1">"c5526"</definedName>
    <definedName name="IQ_FIN_DIV_DEBT_TOTAL" hidden="1">"c5656"</definedName>
    <definedName name="IQ_FIN_DIV_EXP" hidden="1">"c431"</definedName>
    <definedName name="IQ_FIN_DIV_INT_EXP" hidden="1">"c432"</definedName>
    <definedName name="IQ_FIN_DIV_LEASES_LT_TOTAL" hidden="1">"c5525"</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NOTES_PAY_TOTAL" hidden="1">"c5522"</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6190"</definedName>
    <definedName name="IQ_FINANCING_OBLIG_NON_CURRENT" hidden="1">"c6191"</definedName>
    <definedName name="IQ_FINISHED_INV" hidden="1">"c438"</definedName>
    <definedName name="IQ_FIRST_INT_DATE" hidden="1">"c2186"</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Q_EST_REUT" hidden="1">"c6798"</definedName>
    <definedName name="IQ_FISCAL_Y" hidden="1">"c441"</definedName>
    <definedName name="IQ_FISCAL_Y_EST" hidden="1">"c6795"</definedName>
    <definedName name="IQ_FISCAL_Y_EST_CIQ" hidden="1">"c6807"</definedName>
    <definedName name="IQ_FISCAL_Y_EST_REUT" hidden="1">"c6799"</definedName>
    <definedName name="IQ_FIVE_PERCENT_AMOUNT" hidden="1">"c240"</definedName>
    <definedName name="IQ_FIVE_PERCENT_OWNER" hidden="1">"c442"</definedName>
    <definedName name="IQ_FIVE_YEAR_FIXED_AND_FLOATING_RATE_FDIC" hidden="1">"c6422"</definedName>
    <definedName name="IQ_FIVE_YEAR_MORTGAGE_PASS_THROUGHS_FDIC" hidden="1">"c6414"</definedName>
    <definedName name="IQ_FIVEPERCENT_OWNER" hidden="1">"c239"</definedName>
    <definedName name="IQ_FIVEPERCENT_PERCENT" hidden="1">"c443"</definedName>
    <definedName name="IQ_FIVEPERCENT_SHARES" hidden="1">"c44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 hidden="1">"c225"</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LOANS_FDIC" hidden="1">"c6438"</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 hidden="1">"LTM"</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WD_Q3" hidden="1">"504"</definedName>
    <definedName name="IQ_FWD_Q4" hidden="1">"505"</definedName>
    <definedName name="IQ_FWD_Q5" hidden="1">"506"</definedName>
    <definedName name="IQ_FWD_Q6" hidden="1">"507"</definedName>
    <definedName name="IQ_FWD_Q7" hidden="1">"508"</definedName>
    <definedName name="IQ_FWD1" hidden="1">"LTM"</definedName>
    <definedName name="IQ_FX" hidden="1">"c451"</definedName>
    <definedName name="IQ_FX_CONTRACTS_FDIC" hidden="1">"c6517"</definedName>
    <definedName name="IQ_FX_CONTRACTS_SPOT_FDIC" hidden="1">"c6356"</definedName>
    <definedName name="IQ_FY" hidden="1">1000</definedName>
    <definedName name="IQ_FY_DATE" hidden="1">"IQ_FY_DATE"</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MARGIN_ACT_OR_EST" hidden="1">"c5554"</definedName>
    <definedName name="IQ_GROSS_MARGIN_EST" hidden="1">"c5547"</definedName>
    <definedName name="IQ_GROSS_MARGIN_HIGH_EST" hidden="1">"c5549"</definedName>
    <definedName name="IQ_GROSS_MARGIN_LOW_EST" hidden="1">"c5550"</definedName>
    <definedName name="IQ_GROSS_MARGIN_MEDIAN_EST" hidden="1">"c5548"</definedName>
    <definedName name="IQ_GROSS_MARGIN_NUM_EST" hidden="1">"c5551"</definedName>
    <definedName name="IQ_GROSS_MARGIN_STDDEV_EST" hidden="1">"c5552"</definedName>
    <definedName name="IQ_GROSS_PC_EARNED" hidden="1">"c2747"</definedName>
    <definedName name="IQ_GROSS_PROFIT" hidden="1">"c1378"</definedName>
    <definedName name="IQ_GROSS_SPRD" hidden="1">"c2155"</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_TARGET_PRICE_REUT" hidden="1">"c5317"</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 hidden="1">"c1534"</definedName>
    <definedName name="IQ_INSIDER_3MTH_BOUGHT_PCT" hidden="1">"c1534"</definedName>
    <definedName name="IQ_INSIDER_3MTH_NET" hidden="1">"c1535"</definedName>
    <definedName name="IQ_INSIDER_3MTH_NET_PCT" hidden="1">"c1535"</definedName>
    <definedName name="IQ_INSIDER_3MTH_SOLD" hidden="1">"c1533"</definedName>
    <definedName name="IQ_INSIDER_3MTH_SOLD_PCT" hidden="1">"c1533"</definedName>
    <definedName name="IQ_INSIDER_6MTH_BOUGHT" hidden="1">"c1537"</definedName>
    <definedName name="IQ_INSIDER_6MTH_BOUGHT_PCT" hidden="1">"c1537"</definedName>
    <definedName name="IQ_INSIDER_6MTH_NET" hidden="1">"c1538"</definedName>
    <definedName name="IQ_INSIDER_6MTH_NET_PCT" hidden="1">"c1538"</definedName>
    <definedName name="IQ_INSIDER_6MTH_SOLD" hidden="1">"c1536"</definedName>
    <definedName name="IQ_INSIDER_6MTH_SOLD_PCT" hidden="1">"c1536"</definedName>
    <definedName name="IQ_INSIDER_AMOUNT" hidden="1">"c238"</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AMOUNT" hidden="1">"c236"</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10K" hidden="1">"IQ_INTEREST_INC_10K"</definedName>
    <definedName name="IQ_INTEREST_INC_10Q" hidden="1">"IQ_INTEREST_INC_10Q"</definedName>
    <definedName name="IQ_INTEREST_INC_10Q1" hidden="1">"IQ_INTEREST_INC_10Q1"</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_CURRENCY" hidden="1">"c2156"</definedName>
    <definedName name="IQ_ISSUE_NAME" hidden="1">"c2142"</definedName>
    <definedName name="IQ_ISSUED_GUARANTEED_US_FDIC" hidden="1">"c6404"</definedName>
    <definedName name="IQ_ISSUER" hidden="1">"c2143"</definedName>
    <definedName name="IQ_ISSUER_CIQID" hidden="1">"c2258"</definedName>
    <definedName name="IQ_ISSUER_PARENT" hidden="1">"c2144"</definedName>
    <definedName name="IQ_ISSUER_PARENT_CIQID" hidden="1">"c2260"</definedName>
    <definedName name="IQ_ISSUER_PARENT_TICKER" hidden="1">"c2259"</definedName>
    <definedName name="IQ_ISSUER_TICKER" hidden="1">"c2252"</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EBIT_MARGIN" hidden="1">"c151"</definedName>
    <definedName name="IQ_LAST_EBITDA_MARGIN" hidden="1">"c150"</definedName>
    <definedName name="IQ_LAST_GROSS_MARGIN" hidden="1">"c149"</definedName>
    <definedName name="IQ_LAST_NET_INC_MARGIN" hidden="1">"c152"</definedName>
    <definedName name="IQ_LAST_PMT_DATE" hidden="1">"c2188"</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 hidden="1">"1"</definedName>
    <definedName name="IQ_LATESTK" hidden="1">1000</definedName>
    <definedName name="IQ_LATESTKFR" hidden="1">"100"</definedName>
    <definedName name="IQ_LATESTQ" hidden="1">500</definedName>
    <definedName name="IQ_LATESTQFR" hidden="1">"50"</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_TARGET_PRICE_REUT" hidden="1">"c5318"</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DATE" hidden="1">"IQ_LTM_DATE"</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 hidden="1">"c4458"</definedName>
    <definedName name="IQ_MAINT_CAPEX_ACT_OR_EST_CIQ" hidden="1">"c4987"</definedName>
    <definedName name="IQ_MAINT_CAPEX_EST" hidden="1">"c4457"</definedName>
    <definedName name="IQ_MAINT_CAPEX_EST_CIQ" hidden="1">"c4986"</definedName>
    <definedName name="IQ_MAINT_CAPEX_GUIDANCE" hidden="1">"c4459"</definedName>
    <definedName name="IQ_MAINT_CAPEX_GUIDANCE_CIQ" hidden="1">"c4988"</definedName>
    <definedName name="IQ_MAINT_CAPEX_HIGH_EST" hidden="1">"c4460"</definedName>
    <definedName name="IQ_MAINT_CAPEX_HIGH_EST_CIQ" hidden="1">"c4989"</definedName>
    <definedName name="IQ_MAINT_CAPEX_HIGH_GUIDANCE" hidden="1">"c4197"</definedName>
    <definedName name="IQ_MAINT_CAPEX_HIGH_GUIDANCE_CIQ" hidden="1">"c4609"</definedName>
    <definedName name="IQ_MAINT_CAPEX_LOW_EST" hidden="1">"c4461"</definedName>
    <definedName name="IQ_MAINT_CAPEX_LOW_EST_CIQ" hidden="1">"c4990"</definedName>
    <definedName name="IQ_MAINT_CAPEX_LOW_GUIDANCE" hidden="1">"c4237"</definedName>
    <definedName name="IQ_MAINT_CAPEX_LOW_GUIDANCE_CIQ" hidden="1">"c4649"</definedName>
    <definedName name="IQ_MAINT_CAPEX_MEDIAN_EST" hidden="1">"c4462"</definedName>
    <definedName name="IQ_MAINT_CAPEX_MEDIAN_EST_CIQ" hidden="1">"c4991"</definedName>
    <definedName name="IQ_MAINT_CAPEX_NUM_EST" hidden="1">"c4463"</definedName>
    <definedName name="IQ_MAINT_CAPEX_NUM_EST_CIQ" hidden="1">"c5001"</definedName>
    <definedName name="IQ_MAINT_CAPEX_STDDEV_EST" hidden="1">"c4464"</definedName>
    <definedName name="IQ_MAINT_CAPEX_STDDEV_EST_CIQ" hidden="1">"c5002"</definedName>
    <definedName name="IQ_MAINT_REPAIR" hidden="1">"c2087"</definedName>
    <definedName name="IQ_MAKE_WHOLE_END_DATE" hidden="1">"c2493"</definedName>
    <definedName name="IQ_MAKE_WHOLE_SPREAD" hidden="1">"c2494"</definedName>
    <definedName name="IQ_MAKE_WHOLE_START_DATE" hidden="1">"c2492"</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DATE" hidden="1">"c2146"</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DIAN_TARGET_PRICE_REUT" hidden="1">"c5316"</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KTCAP_TOTAL_REV_FWD_REUT" hidden="1">"c4048"</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TD" hidden="1">800000</definedName>
    <definedName name="IQ_MULTIFAMILY_RESIDENTIAL_LOANS_FDIC" hidden="1">"c6311"</definedName>
    <definedName name="IQ_NAMES_REVISION_DATE_" hidden="1">40583.8398611111</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AV_ACT_OR_EST" hidden="1">"c2225"</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HARE_ACT_OR_EST" hidden="1">"c2225"</definedName>
    <definedName name="IQ_NAV_SHARE_ACT_OR_EST_CIQ" hidden="1">"c12038"</definedName>
    <definedName name="IQ_NAV_SHARE_ACT_OR_EST_REUT" hidden="1">"c5623"</definedName>
    <definedName name="IQ_NAV_SHARE_EST" hidden="1">"c5609"</definedName>
    <definedName name="IQ_NAV_SHARE_EST_CIQ" hidden="1">"c12032"</definedName>
    <definedName name="IQ_NAV_SHARE_EST_REUT" hidden="1">"c5617"</definedName>
    <definedName name="IQ_NAV_SHARE_HIGH_EST" hidden="1">"c5612"</definedName>
    <definedName name="IQ_NAV_SHARE_HIGH_EST_CIQ" hidden="1">"c12035"</definedName>
    <definedName name="IQ_NAV_SHARE_HIGH_EST_REUT" hidden="1">"c5620"</definedName>
    <definedName name="IQ_NAV_SHARE_LOW_EST" hidden="1">"c5613"</definedName>
    <definedName name="IQ_NAV_SHARE_LOW_EST_CIQ" hidden="1">"c12036"</definedName>
    <definedName name="IQ_NAV_SHARE_LOW_EST_REUT" hidden="1">"c5621"</definedName>
    <definedName name="IQ_NAV_SHARE_MEDIAN_EST" hidden="1">"c5610"</definedName>
    <definedName name="IQ_NAV_SHARE_MEDIAN_EST_CIQ" hidden="1">"c12033"</definedName>
    <definedName name="IQ_NAV_SHARE_MEDIAN_EST_REUT" hidden="1">"c5618"</definedName>
    <definedName name="IQ_NAV_SHARE_NUM_EST" hidden="1">"c5614"</definedName>
    <definedName name="IQ_NAV_SHARE_NUM_EST_CIQ" hidden="1">"c12037"</definedName>
    <definedName name="IQ_NAV_SHARE_NUM_EST_REUT" hidden="1">"c5622"</definedName>
    <definedName name="IQ_NAV_SHARE_STDDEV_EST" hidden="1">"c5611"</definedName>
    <definedName name="IQ_NAV_SHARE_STDDEV_EST_CIQ" hidden="1">"c12034"</definedName>
    <definedName name="IQ_NAV_SHARE_STDDEV_EST_REUT" hidden="1">"c5619"</definedName>
    <definedName name="IQ_NAV_STDDEV_EST" hidden="1">"c1756"</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ACT_OR_EST" hidden="1">"c3583"</definedName>
    <definedName name="IQ_NET_DEBT_ACT_OR_EST_CIQ" hidden="1">"c5070"</definedName>
    <definedName name="IQ_NET_DEBT_ACT_OR_EST_REUT" hidden="1">"c5473"</definedName>
    <definedName name="IQ_NET_DEBT_EBITDA" hidden="1">"c750"</definedName>
    <definedName name="IQ_NET_DEBT_EBITDA_CAPEX" hidden="1">"c2949"</definedName>
    <definedName name="IQ_NET_DEBT_EST" hidden="1">"c3517"</definedName>
    <definedName name="IQ_NET_DEBT_EST_CIQ" hidden="1">"c3814"</definedName>
    <definedName name="IQ_NET_DEBT_EST_REUT" hidden="1">"c3976"</definedName>
    <definedName name="IQ_NET_DEBT_GUIDANCE" hidden="1">"c4467"</definedName>
    <definedName name="IQ_NET_DEBT_GUIDANCE_CIQ" hidden="1">"c5005"</definedName>
    <definedName name="IQ_NET_DEBT_HIGH_EST" hidden="1">"c3518"</definedName>
    <definedName name="IQ_NET_DEBT_HIGH_EST_CIQ" hidden="1">"c3816"</definedName>
    <definedName name="IQ_NET_DEBT_HIGH_EST_REUT" hidden="1">"c3978"</definedName>
    <definedName name="IQ_NET_DEBT_HIGH_GUIDANCE" hidden="1">"c4181"</definedName>
    <definedName name="IQ_NET_DEBT_HIGH_GUIDANCE_CIQ" hidden="1">"c4593"</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DEBT_LOW_EST" hidden="1">"c3519"</definedName>
    <definedName name="IQ_NET_DEBT_LOW_EST_CIQ" hidden="1">"c3817"</definedName>
    <definedName name="IQ_NET_DEBT_LOW_EST_REUT" hidden="1">"c3979"</definedName>
    <definedName name="IQ_NET_DEBT_LOW_GUIDANCE" hidden="1">"c4221"</definedName>
    <definedName name="IQ_NET_DEBT_LOW_GUIDANCE_CIQ" hidden="1">"c4633"</definedName>
    <definedName name="IQ_NET_DEBT_MEDIAN_EST" hidden="1">"c3520"</definedName>
    <definedName name="IQ_NET_DEBT_MEDIAN_EST_CIQ" hidden="1">"c3815"</definedName>
    <definedName name="IQ_NET_DEBT_MEDIAN_EST_REUT" hidden="1">"c3977"</definedName>
    <definedName name="IQ_NET_DEBT_NUM_EST" hidden="1">"c3515"</definedName>
    <definedName name="IQ_NET_DEBT_NUM_EST_CIQ" hidden="1">"c3818"</definedName>
    <definedName name="IQ_NET_DEBT_NUM_EST_REUT" hidden="1">"c3980"</definedName>
    <definedName name="IQ_NET_DEBT_STDDEV_EST" hidden="1">"c3516"</definedName>
    <definedName name="IQ_NET_DEBT_STDDEV_EST_CIQ" hidden="1">"c3819"</definedName>
    <definedName name="IQ_NET_DEBT_STDDEV_EST_REUT" hidden="1">"c3981"</definedName>
    <definedName name="IQ_NET_EARNED" hidden="1">"c2734"</definedName>
    <definedName name="IQ_NET_INC" hidden="1">"c1394"</definedName>
    <definedName name="IQ_NET_INC_10K" hidden="1">"IQ_NET_INC_10K"</definedName>
    <definedName name="IQ_NET_INC_10Q" hidden="1">"IQ_NET_INC_10Q"</definedName>
    <definedName name="IQ_NET_INC_10Q1" hidden="1">"IQ_NET_INC_10Q1"</definedName>
    <definedName name="IQ_NET_INC_BEFORE" hidden="1">"c1368"</definedName>
    <definedName name="IQ_NET_INC_CF" hidden="1">"c1397"</definedName>
    <definedName name="IQ_NET_INC_GROWTH_1" hidden="1">"c158"</definedName>
    <definedName name="IQ_NET_INC_GROWTH_2" hidden="1">"c162"</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EXT_SINK_FUND_AMOUNT" hidden="1">"c2490"</definedName>
    <definedName name="IQ_NEXT_SINK_FUND_DATE" hidden="1">"c2489"</definedName>
    <definedName name="IQ_NEXT_SINK_FUND_PRICE" hidden="1">"c2491"</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CT_OR_EST" hidden="1">"c2222"</definedName>
    <definedName name="IQ_NI_ACT_OR_EST_CIQ" hidden="1">"c5065"</definedName>
    <definedName name="IQ_NI_ACT_OR_EST_REUT" hidden="1">"c5468"</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EST" hidden="1">"c1716"</definedName>
    <definedName name="IQ_NI_EST_CIQ" hidden="1">"c4702"</definedName>
    <definedName name="IQ_NI_EST_REUT" hidden="1">"c5368"</definedName>
    <definedName name="IQ_NI_GAAP_GUIDANCE" hidden="1">"c4470"</definedName>
    <definedName name="IQ_NI_GAAP_GUIDANCE_CIQ" hidden="1">"c5008"</definedName>
    <definedName name="IQ_NI_GAAP_HIGH_GUIDANCE" hidden="1">"c4177"</definedName>
    <definedName name="IQ_NI_GAAP_HIGH_GUIDANCE_CIQ" hidden="1">"c4589"</definedName>
    <definedName name="IQ_NI_GAAP_LOW_GUIDANCE" hidden="1">"c4217"</definedName>
    <definedName name="IQ_NI_GAAP_LOW_GUIDANCE_CIQ" hidden="1">"c4629"</definedName>
    <definedName name="IQ_NI_GUIDANCE" hidden="1">"c4469"</definedName>
    <definedName name="IQ_NI_GUIDANCE_CIQ" hidden="1">"c5007"</definedName>
    <definedName name="IQ_NI_GW_EST" hidden="1">"c1723"</definedName>
    <definedName name="IQ_NI_GW_EST_CIQ" hidden="1">"c4709"</definedName>
    <definedName name="IQ_NI_GW_EST_REUT" hidden="1">"c5375"</definedName>
    <definedName name="IQ_NI_GW_GUIDANCE" hidden="1">"c4471"</definedName>
    <definedName name="IQ_NI_GW_GUIDANCE_CIQ" hidden="1">"c5009"</definedName>
    <definedName name="IQ_NI_GW_HIGH_EST" hidden="1">"c1725"</definedName>
    <definedName name="IQ_NI_GW_HIGH_EST_CIQ" hidden="1">"c4711"</definedName>
    <definedName name="IQ_NI_GW_HIGH_EST_REUT" hidden="1">"c5377"</definedName>
    <definedName name="IQ_NI_GW_HIGH_GUIDANCE" hidden="1">"c4178"</definedName>
    <definedName name="IQ_NI_GW_HIGH_GUIDANCE_CIQ" hidden="1">"c4590"</definedName>
    <definedName name="IQ_NI_GW_LOW_EST" hidden="1">"c1726"</definedName>
    <definedName name="IQ_NI_GW_LOW_EST_CIQ" hidden="1">"c4712"</definedName>
    <definedName name="IQ_NI_GW_LOW_EST_REUT" hidden="1">"c5378"</definedName>
    <definedName name="IQ_NI_GW_LOW_GUIDANCE" hidden="1">"c4218"</definedName>
    <definedName name="IQ_NI_GW_LOW_GUIDANCE_CIQ" hidden="1">"c4630"</definedName>
    <definedName name="IQ_NI_GW_MEDIAN_EST" hidden="1">"c1724"</definedName>
    <definedName name="IQ_NI_GW_MEDIAN_EST_CIQ" hidden="1">"c4710"</definedName>
    <definedName name="IQ_NI_GW_MEDIAN_EST_REUT" hidden="1">"c5376"</definedName>
    <definedName name="IQ_NI_GW_NUM_EST" hidden="1">"c1727"</definedName>
    <definedName name="IQ_NI_GW_NUM_EST_CIQ" hidden="1">"c4713"</definedName>
    <definedName name="IQ_NI_GW_NUM_EST_REUT" hidden="1">"c5379"</definedName>
    <definedName name="IQ_NI_GW_STDDEV_EST" hidden="1">"c1728"</definedName>
    <definedName name="IQ_NI_GW_STDDEV_EST_CIQ" hidden="1">"c4714"</definedName>
    <definedName name="IQ_NI_GW_STDDEV_EST_REUT" hidden="1">"c5380"</definedName>
    <definedName name="IQ_NI_HIGH_EST" hidden="1">"c1718"</definedName>
    <definedName name="IQ_NI_HIGH_EST_CIQ" hidden="1">"c4704"</definedName>
    <definedName name="IQ_NI_HIGH_EST_REUT" hidden="1">"c5370"</definedName>
    <definedName name="IQ_NI_HIGH_GUIDANCE" hidden="1">"c4176"</definedName>
    <definedName name="IQ_NI_HIGH_GUIDANCE_CIQ" hidden="1">"c4588"</definedName>
    <definedName name="IQ_NI_LOW_EST" hidden="1">"c1719"</definedName>
    <definedName name="IQ_NI_LOW_EST_CIQ" hidden="1">"c4705"</definedName>
    <definedName name="IQ_NI_LOW_EST_REUT" hidden="1">"c5371"</definedName>
    <definedName name="IQ_NI_LOW_GUIDANCE" hidden="1">"c4216"</definedName>
    <definedName name="IQ_NI_LOW_GUIDANCE_CIQ" hidden="1">"c4628"</definedName>
    <definedName name="IQ_NI_MARGIN" hidden="1">"c794"</definedName>
    <definedName name="IQ_NI_MEDIAN_EST" hidden="1">"c1717"</definedName>
    <definedName name="IQ_NI_MEDIAN_EST_CIQ" hidden="1">"c4703"</definedName>
    <definedName name="IQ_NI_MEDIAN_EST_REUT" hidden="1">"c5369"</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NUM_EST" hidden="1">"c1720"</definedName>
    <definedName name="IQ_NI_NUM_EST_CIQ" hidden="1">"c4706"</definedName>
    <definedName name="IQ_NI_NUM_EST_REUT" hidden="1">"c5372"</definedName>
    <definedName name="IQ_NI_REPORTED_EST" hidden="1">"c1730"</definedName>
    <definedName name="IQ_NI_REPORTED_EST_CIQ" hidden="1">"c4716"</definedName>
    <definedName name="IQ_NI_REPORTED_EST_REUT" hidden="1">"c5382"</definedName>
    <definedName name="IQ_NI_REPORTED_HIGH_EST" hidden="1">"c1732"</definedName>
    <definedName name="IQ_NI_REPORTED_HIGH_EST_CIQ" hidden="1">"c4718"</definedName>
    <definedName name="IQ_NI_REPORTED_HIGH_EST_REUT" hidden="1">"c5384"</definedName>
    <definedName name="IQ_NI_REPORTED_LOW_EST" hidden="1">"c1733"</definedName>
    <definedName name="IQ_NI_REPORTED_LOW_EST_CIQ" hidden="1">"c4719"</definedName>
    <definedName name="IQ_NI_REPORTED_LOW_EST_REUT" hidden="1">"c5385"</definedName>
    <definedName name="IQ_NI_REPORTED_MEDIAN_EST" hidden="1">"c1731"</definedName>
    <definedName name="IQ_NI_REPORTED_MEDIAN_EST_CIQ" hidden="1">"c4717"</definedName>
    <definedName name="IQ_NI_REPORTED_MEDIAN_EST_REUT" hidden="1">"c5383"</definedName>
    <definedName name="IQ_NI_REPORTED_NUM_EST" hidden="1">"c1734"</definedName>
    <definedName name="IQ_NI_REPORTED_NUM_EST_CIQ" hidden="1">"c4720"</definedName>
    <definedName name="IQ_NI_REPORTED_NUM_EST_REUT" hidden="1">"c5386"</definedName>
    <definedName name="IQ_NI_REPORTED_STDDEV_EST" hidden="1">"c1735"</definedName>
    <definedName name="IQ_NI_REPORTED_STDDEV_EST_CIQ" hidden="1">"c4721"</definedName>
    <definedName name="IQ_NI_REPORTED_STDDEV_EST_REUT" hidden="1">"c5387"</definedName>
    <definedName name="IQ_NI_SBC_ACT_OR_EST" hidden="1">"c4474"</definedName>
    <definedName name="IQ_NI_SBC_ACT_OR_EST_CIQ" hidden="1">"c5012"</definedName>
    <definedName name="IQ_NI_SBC_EST" hidden="1">"c4473"</definedName>
    <definedName name="IQ_NI_SBC_EST_CIQ" hidden="1">"c5011"</definedName>
    <definedName name="IQ_NI_SBC_GUIDANCE" hidden="1">"c4475"</definedName>
    <definedName name="IQ_NI_SBC_GUIDANCE_CIQ" hidden="1">"c5013"</definedName>
    <definedName name="IQ_NI_SBC_GW_ACT_OR_EST" hidden="1">"c4478"</definedName>
    <definedName name="IQ_NI_SBC_GW_ACT_OR_EST_CIQ" hidden="1">"c5016"</definedName>
    <definedName name="IQ_NI_SBC_GW_EST" hidden="1">"c4477"</definedName>
    <definedName name="IQ_NI_SBC_GW_EST_CIQ" hidden="1">"c5015"</definedName>
    <definedName name="IQ_NI_SBC_GW_GUIDANCE" hidden="1">"c4479"</definedName>
    <definedName name="IQ_NI_SBC_GW_GUIDANCE_CIQ" hidden="1">"c5017"</definedName>
    <definedName name="IQ_NI_SBC_GW_HIGH_EST" hidden="1">"c4480"</definedName>
    <definedName name="IQ_NI_SBC_GW_HIGH_EST_CIQ" hidden="1">"c5018"</definedName>
    <definedName name="IQ_NI_SBC_GW_HIGH_GUIDANCE" hidden="1">"c4187"</definedName>
    <definedName name="IQ_NI_SBC_GW_HIGH_GUIDANCE_CIQ" hidden="1">"c4599"</definedName>
    <definedName name="IQ_NI_SBC_GW_LOW_EST" hidden="1">"c4481"</definedName>
    <definedName name="IQ_NI_SBC_GW_LOW_EST_CIQ" hidden="1">"c5019"</definedName>
    <definedName name="IQ_NI_SBC_GW_LOW_GUIDANCE" hidden="1">"c4227"</definedName>
    <definedName name="IQ_NI_SBC_GW_LOW_GUIDANCE_CIQ" hidden="1">"c4639"</definedName>
    <definedName name="IQ_NI_SBC_GW_MEDIAN_EST" hidden="1">"c4482"</definedName>
    <definedName name="IQ_NI_SBC_GW_MEDIAN_EST_CIQ" hidden="1">"c5020"</definedName>
    <definedName name="IQ_NI_SBC_GW_NUM_EST" hidden="1">"c4483"</definedName>
    <definedName name="IQ_NI_SBC_GW_NUM_EST_CIQ" hidden="1">"c5021"</definedName>
    <definedName name="IQ_NI_SBC_GW_STDDEV_EST" hidden="1">"c4484"</definedName>
    <definedName name="IQ_NI_SBC_GW_STDDEV_EST_CIQ" hidden="1">"c5022"</definedName>
    <definedName name="IQ_NI_SBC_HIGH_EST" hidden="1">"c4486"</definedName>
    <definedName name="IQ_NI_SBC_HIGH_EST_CIQ" hidden="1">"c5024"</definedName>
    <definedName name="IQ_NI_SBC_HIGH_GUIDANCE" hidden="1">"c4186"</definedName>
    <definedName name="IQ_NI_SBC_HIGH_GUIDANCE_CIQ" hidden="1">"c4598"</definedName>
    <definedName name="IQ_NI_SBC_LOW_EST" hidden="1">"c4487"</definedName>
    <definedName name="IQ_NI_SBC_LOW_EST_CIQ" hidden="1">"c5025"</definedName>
    <definedName name="IQ_NI_SBC_LOW_GUIDANCE" hidden="1">"c4226"</definedName>
    <definedName name="IQ_NI_SBC_LOW_GUIDANCE_CIQ" hidden="1">"c4638"</definedName>
    <definedName name="IQ_NI_SBC_MEDIAN_EST" hidden="1">"c4488"</definedName>
    <definedName name="IQ_NI_SBC_MEDIAN_EST_CIQ" hidden="1">"c5026"</definedName>
    <definedName name="IQ_NI_SBC_NUM_EST" hidden="1">"c4489"</definedName>
    <definedName name="IQ_NI_SBC_NUM_EST_CIQ" hidden="1">"c5027"</definedName>
    <definedName name="IQ_NI_SBC_STDDEV_EST" hidden="1">"c4490"</definedName>
    <definedName name="IQ_NI_SBC_STDDEV_EST_CIQ" hidden="1">"c5028"</definedName>
    <definedName name="IQ_NI_SFAS" hidden="1">"c795"</definedName>
    <definedName name="IQ_NI_STDDEV_EST" hidden="1">"c1721"</definedName>
    <definedName name="IQ_NI_STDDEV_EST_CIQ" hidden="1">"c4707"</definedName>
    <definedName name="IQ_NI_STDDEV_EST_REUT" hidden="1">"c5373"</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 hidden="1">"c2249"</definedName>
    <definedName name="IQ_NORM_EPS_ACT_OR_EST_CIQ" hidden="1">"c5069"</definedName>
    <definedName name="IQ_NORM_EPS_ACT_OR_EST_REUT" hidden="1">"c5472"</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_OFFIC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CLASSB" hidden="1">"c1969"</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DUCTION_GROWTH_GAS" hidden="1">"c10073"</definedName>
    <definedName name="IQ_OG_DAILY_PRDUCTION_GROWTH_GAS_EQUIVALENT" hidden="1">"c10076"</definedName>
    <definedName name="IQ_OG_DAILY_PRDUCTION_GROWTH_NGL" hidden="1">"c10074"</definedName>
    <definedName name="IQ_OG_DAILY_PRDUCTION_GROWTH_OIL" hidden="1">"c10072"</definedName>
    <definedName name="IQ_OG_DAILY_PR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 hidden="1">"c199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DUCTION_GROWTH_GAS" hidden="1">"c10067"</definedName>
    <definedName name="IQ_OG_PRDUCTION_GROWTH_GAS_EQUIVALENT" hidden="1">"c10070"</definedName>
    <definedName name="IQ_OG_PRDUCTION_GROWTH_NGL" hidden="1">"c10068"</definedName>
    <definedName name="IQ_OG_PRDUCTION_GROWTH_OIL" hidden="1">"c10066"</definedName>
    <definedName name="IQ_OG_PRDUCTION_GROWTH_OIL_EQUIVALENT" hidden="1">"c10069"</definedName>
    <definedName name="IQ_OG_PRDUCTION_GROWTH_TOAL" hidden="1">"c10071"</definedName>
    <definedName name="IQ_OG_PRODUCTION_GAS" hidden="1">"c2047"</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OIL_PRODUCT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ED55" hidden="1">1</definedName>
    <definedName name="IQ_OPENPRICE" hidden="1">"c848"</definedName>
    <definedName name="IQ_OPER_INC" hidden="1">"c849"</definedName>
    <definedName name="IQ_OPER_INC_ACT_OR_EST" hidden="1">"c2220"</definedName>
    <definedName name="IQ_OPER_INC_ACT_OR_EST_CIQ" hidden="1">"c12019"</definedName>
    <definedName name="IQ_OPER_INC_ACT_OR_EST_REUT" hidden="1">"c5466"</definedName>
    <definedName name="IQ_OPER_INC_BR" hidden="1">"c850"</definedName>
    <definedName name="IQ_OPER_INC_EST" hidden="1">"c1688"</definedName>
    <definedName name="IQ_OPER_INC_EST_CIQ" hidden="1">"c12010"</definedName>
    <definedName name="IQ_OPER_INC_EST_REUT" hidden="1">"c5340"</definedName>
    <definedName name="IQ_OPER_INC_FIN" hidden="1">"c851"</definedName>
    <definedName name="IQ_OPER_INC_HIGH_EST" hidden="1">"c1690"</definedName>
    <definedName name="IQ_OPER_INC_HIGH_EST_CIQ" hidden="1">"c12012"</definedName>
    <definedName name="IQ_OPER_INC_HIGH_EST_REUT" hidden="1">"c5342"</definedName>
    <definedName name="IQ_OPER_INC_INS" hidden="1">"c852"</definedName>
    <definedName name="IQ_OPER_INC_LOW_EST" hidden="1">"c1691"</definedName>
    <definedName name="IQ_OPER_INC_LOW_EST_CIQ" hidden="1">"c12013"</definedName>
    <definedName name="IQ_OPER_INC_LOW_EST_REUT" hidden="1">"c5343"</definedName>
    <definedName name="IQ_OPER_INC_MARGIN" hidden="1">"c1448"</definedName>
    <definedName name="IQ_OPER_INC_MEDIAN_EST" hidden="1">"c1689"</definedName>
    <definedName name="IQ_OPER_INC_MEDIAN_EST_CIQ" hidden="1">"c12011"</definedName>
    <definedName name="IQ_OPER_INC_MEDIAN_EST_REUT" hidden="1">"c5341"</definedName>
    <definedName name="IQ_OPER_INC_NUM_EST" hidden="1">"c1692"</definedName>
    <definedName name="IQ_OPER_INC_NUM_EST_CIQ" hidden="1">"c12014"</definedName>
    <definedName name="IQ_OPER_INC_NUM_EST_REUT" hidden="1">"c5344"</definedName>
    <definedName name="IQ_OPER_INC_RE" hidden="1">"c6240"</definedName>
    <definedName name="IQ_OPER_INC_REIT" hidden="1">"c853"</definedName>
    <definedName name="IQ_OPER_INC_STDDEV_EST" hidden="1">"c1693"</definedName>
    <definedName name="IQ_OPER_INC_STDDEV_EST_CIQ" hidden="1">"c12015"</definedName>
    <definedName name="IQ_OPER_INC_STDDEV_EST_REUT" hidden="1">"c5345"</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CERCISED" hidden="1">"c2116"</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2127"</definedName>
    <definedName name="IQ_OUTSTANDING_FILING_DATE_TOTAL" hidden="1">"c2107"</definedName>
    <definedName name="IQ_OVER_FIFETEEN_YEAR_MORTGAGE_PASS_THROUGHS_FDIC" hidden="1">"c6416"</definedName>
    <definedName name="IQ_OVER_FIFTEEN_YEAR_FIXED_AND_FLOATING_RATE_FDIC" hidden="1">"c6424"</definedName>
    <definedName name="IQ_OVER_THREE_YEARS_FDIC" hidden="1">"c6418"</definedName>
    <definedName name="IQ_OWNERSHIP" hidden="1">"c2160"</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EXCL_FWD_REUT" hidden="1">"c4049"</definedName>
    <definedName name="IQ_PE_NORMALIZED" hidden="1">"c2207"</definedName>
    <definedName name="IQ_PE_RATIO" hidden="1">"c1610"</definedName>
    <definedName name="IQ_PEG_FWD" hidden="1">"c1863"</definedName>
    <definedName name="IQ_PEG_FWD_CIQ" hidden="1">"c4045"</definedName>
    <definedName name="IQ_PEG_FWD_REUT" hidden="1">"c4052"</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2MONTHS_REUT" hidden="1">"c3959"</definedName>
    <definedName name="IQ_PERCENT_CHANGE_EST_5YR_GROWTH_RATE_18MONTHS" hidden="1">"c1853"</definedName>
    <definedName name="IQ_PERCENT_CHANGE_EST_5YR_GROWTH_RATE_18MONTHS_CIQ" hidden="1">"c3791"</definedName>
    <definedName name="IQ_PERCENT_CHANGE_EST_5YR_GROWTH_RATE_18MONTHS_REUT" hidden="1">"c3960"</definedName>
    <definedName name="IQ_PERCENT_CHANGE_EST_5YR_GROWTH_RATE_3MONTHS" hidden="1">"c1849"</definedName>
    <definedName name="IQ_PERCENT_CHANGE_EST_5YR_GROWTH_RATE_3MONTHS_CIQ" hidden="1">"c3787"</definedName>
    <definedName name="IQ_PERCENT_CHANGE_EST_5YR_GROWTH_RATE_3MONTHS_REUT" hidden="1">"c3956"</definedName>
    <definedName name="IQ_PERCENT_CHANGE_EST_5YR_GROWTH_RATE_6MONTHS" hidden="1">"c1850"</definedName>
    <definedName name="IQ_PERCENT_CHANGE_EST_5YR_GROWTH_RATE_6MONTHS_CIQ" hidden="1">"c3788"</definedName>
    <definedName name="IQ_PERCENT_CHANGE_EST_5YR_GROWTH_RATE_6MONTHS_REUT" hidden="1">"c3957"</definedName>
    <definedName name="IQ_PERCENT_CHANGE_EST_5YR_GROWTH_RATE_9MONTHS" hidden="1">"c1851"</definedName>
    <definedName name="IQ_PERCENT_CHANGE_EST_5YR_GROWTH_RATE_9MONTHS_CIQ" hidden="1">"c3789"</definedName>
    <definedName name="IQ_PERCENT_CHANGE_EST_5YR_GROWTH_RATE_9MONTHS_REUT" hidden="1">"c3958"</definedName>
    <definedName name="IQ_PERCENT_CHANGE_EST_5YR_GROWTH_RATE_DAY" hidden="1">"c1846"</definedName>
    <definedName name="IQ_PERCENT_CHANGE_EST_5YR_GROWTH_RATE_DAY_CIQ" hidden="1">"c3785"</definedName>
    <definedName name="IQ_PERCENT_CHANGE_EST_5YR_GROWTH_RATE_DAY_REUT" hidden="1">"c3954"</definedName>
    <definedName name="IQ_PERCENT_CHANGE_EST_5YR_GROWTH_RATE_MONTH" hidden="1">"c1848"</definedName>
    <definedName name="IQ_PERCENT_CHANGE_EST_5YR_GROWTH_RATE_MONTH_CIQ" hidden="1">"c3786"</definedName>
    <definedName name="IQ_PERCENT_CHANGE_EST_5YR_GROWTH_RATE_MONTH_REUT" hidden="1">"c3955"</definedName>
    <definedName name="IQ_PERCENT_CHANGE_EST_5YR_GROWTH_RATE_WEEK" hidden="1">"c1847"</definedName>
    <definedName name="IQ_PERCENT_CHANGE_EST_5YR_GROWTH_RATE_WEEK_CIQ" hidden="1">"c3797"</definedName>
    <definedName name="IQ_PERCENT_CHANGE_EST_5YR_GROWTH_RATE_WEEK_REUT" hidden="1">"c5435"</definedName>
    <definedName name="IQ_PERCENT_CHANGE_EST_CFPS_12MONTHS" hidden="1">"c1812"</definedName>
    <definedName name="IQ_PERCENT_CHANGE_EST_CFPS_12MONTHS_CIQ" hidden="1">"c3755"</definedName>
    <definedName name="IQ_PERCENT_CHANGE_EST_CFPS_12MONTHS_REUT" hidden="1">"c3924"</definedName>
    <definedName name="IQ_PERCENT_CHANGE_EST_CFPS_18MONTHS" hidden="1">"c1813"</definedName>
    <definedName name="IQ_PERCENT_CHANGE_EST_CFPS_18MONTHS_CIQ" hidden="1">"c3756"</definedName>
    <definedName name="IQ_PERCENT_CHANGE_EST_CFPS_18MONTHS_REUT" hidden="1">"c3925"</definedName>
    <definedName name="IQ_PERCENT_CHANGE_EST_CFPS_3MONTHS" hidden="1">"c1809"</definedName>
    <definedName name="IQ_PERCENT_CHANGE_EST_CFPS_3MONTHS_CIQ" hidden="1">"c3752"</definedName>
    <definedName name="IQ_PERCENT_CHANGE_EST_CFPS_3MONTHS_REUT" hidden="1">"c3921"</definedName>
    <definedName name="IQ_PERCENT_CHANGE_EST_CFPS_6MONTHS" hidden="1">"c1810"</definedName>
    <definedName name="IQ_PERCENT_CHANGE_EST_CFPS_6MONTHS_CIQ" hidden="1">"c3753"</definedName>
    <definedName name="IQ_PERCENT_CHANGE_EST_CFPS_6MONTHS_REUT" hidden="1">"c3922"</definedName>
    <definedName name="IQ_PERCENT_CHANGE_EST_CFPS_9MONTHS" hidden="1">"c1811"</definedName>
    <definedName name="IQ_PERCENT_CHANGE_EST_CFPS_9MONTHS_CIQ" hidden="1">"c3754"</definedName>
    <definedName name="IQ_PERCENT_CHANGE_EST_CFPS_9MONTHS_REUT" hidden="1">"c3923"</definedName>
    <definedName name="IQ_PERCENT_CHANGE_EST_CFPS_DAY" hidden="1">"c1806"</definedName>
    <definedName name="IQ_PERCENT_CHANGE_EST_CFPS_DAY_CIQ" hidden="1">"c3750"</definedName>
    <definedName name="IQ_PERCENT_CHANGE_EST_CFPS_DAY_REUT" hidden="1">"c3919"</definedName>
    <definedName name="IQ_PERCENT_CHANGE_EST_CFPS_MONTH" hidden="1">"c1808"</definedName>
    <definedName name="IQ_PERCENT_CHANGE_EST_CFPS_MONTH_CIQ" hidden="1">"c3751"</definedName>
    <definedName name="IQ_PERCENT_CHANGE_EST_CFPS_MONTH_REUT" hidden="1">"c3920"</definedName>
    <definedName name="IQ_PERCENT_CHANGE_EST_CFPS_WEEK" hidden="1">"c1807"</definedName>
    <definedName name="IQ_PERCENT_CHANGE_EST_CFPS_WEEK_CIQ" hidden="1">"c3793"</definedName>
    <definedName name="IQ_PERCENT_CHANGE_EST_CFPS_WEEK_REUT" hidden="1">"c3962"</definedName>
    <definedName name="IQ_PERCENT_CHANGE_EST_DPS_12MONTHS" hidden="1">"c1820"</definedName>
    <definedName name="IQ_PERCENT_CHANGE_EST_DPS_12MONTHS_CIQ" hidden="1">"c3762"</definedName>
    <definedName name="IQ_PERCENT_CHANGE_EST_DPS_12MONTHS_REUT" hidden="1">"c3931"</definedName>
    <definedName name="IQ_PERCENT_CHANGE_EST_DPS_18MONTHS" hidden="1">"c1821"</definedName>
    <definedName name="IQ_PERCENT_CHANGE_EST_DPS_18MONTHS_CIQ" hidden="1">"c3763"</definedName>
    <definedName name="IQ_PERCENT_CHANGE_EST_DPS_18MONTHS_REUT" hidden="1">"c3932"</definedName>
    <definedName name="IQ_PERCENT_CHANGE_EST_DPS_3MONTHS" hidden="1">"c1817"</definedName>
    <definedName name="IQ_PERCENT_CHANGE_EST_DPS_3MONTHS_CIQ" hidden="1">"c3759"</definedName>
    <definedName name="IQ_PERCENT_CHANGE_EST_DPS_3MONTHS_REUT" hidden="1">"c3928"</definedName>
    <definedName name="IQ_PERCENT_CHANGE_EST_DPS_6MONTHS" hidden="1">"c1818"</definedName>
    <definedName name="IQ_PERCENT_CHANGE_EST_DPS_6MONTHS_CIQ" hidden="1">"c3760"</definedName>
    <definedName name="IQ_PERCENT_CHANGE_EST_DPS_6MONTHS_REUT" hidden="1">"c3929"</definedName>
    <definedName name="IQ_PERCENT_CHANGE_EST_DPS_9MONTHS" hidden="1">"c1819"</definedName>
    <definedName name="IQ_PERCENT_CHANGE_EST_DPS_9MONTHS_CIQ" hidden="1">"c3761"</definedName>
    <definedName name="IQ_PERCENT_CHANGE_EST_DPS_9MONTHS_REUT" hidden="1">"c3930"</definedName>
    <definedName name="IQ_PERCENT_CHANGE_EST_DPS_DAY" hidden="1">"c1814"</definedName>
    <definedName name="IQ_PERCENT_CHANGE_EST_DPS_DAY_CIQ" hidden="1">"c3757"</definedName>
    <definedName name="IQ_PERCENT_CHANGE_EST_DPS_DAY_REUT" hidden="1">"c3926"</definedName>
    <definedName name="IQ_PERCENT_CHANGE_EST_DPS_MONTH" hidden="1">"c1816"</definedName>
    <definedName name="IQ_PERCENT_CHANGE_EST_DPS_MONTH_CIQ" hidden="1">"c3758"</definedName>
    <definedName name="IQ_PERCENT_CHANGE_EST_DPS_MONTH_REUT" hidden="1">"c3927"</definedName>
    <definedName name="IQ_PERCENT_CHANGE_EST_DPS_WEEK" hidden="1">"c1815"</definedName>
    <definedName name="IQ_PERCENT_CHANGE_EST_DPS_WEEK_CIQ" hidden="1">"c3794"</definedName>
    <definedName name="IQ_PERCENT_CHANGE_EST_DPS_WEEK_REUT" hidden="1">"c3963"</definedName>
    <definedName name="IQ_PERCENT_CHANGE_EST_EBITDA_12MONTHS" hidden="1">"c1804"</definedName>
    <definedName name="IQ_PERCENT_CHANGE_EST_EBITDA_12MONTHS_CIQ" hidden="1">"c3748"</definedName>
    <definedName name="IQ_PERCENT_CHANGE_EST_EBITDA_12MONTHS_REUT" hidden="1">"c3917"</definedName>
    <definedName name="IQ_PERCENT_CHANGE_EST_EBITDA_18MONTHS" hidden="1">"c1805"</definedName>
    <definedName name="IQ_PERCENT_CHANGE_EST_EBITDA_18MONTHS_CIQ" hidden="1">"c3749"</definedName>
    <definedName name="IQ_PERCENT_CHANGE_EST_EBITDA_18MONTHS_REUT" hidden="1">"c3918"</definedName>
    <definedName name="IQ_PERCENT_CHANGE_EST_EBITDA_3MONTHS" hidden="1">"c1801"</definedName>
    <definedName name="IQ_PERCENT_CHANGE_EST_EBITDA_3MONTHS_CIQ" hidden="1">"c3745"</definedName>
    <definedName name="IQ_PERCENT_CHANGE_EST_EBITDA_3MONTHS_REUT" hidden="1">"c3914"</definedName>
    <definedName name="IQ_PERCENT_CHANGE_EST_EBITDA_6MONTHS" hidden="1">"c1802"</definedName>
    <definedName name="IQ_PERCENT_CHANGE_EST_EBITDA_6MONTHS_CIQ" hidden="1">"c3746"</definedName>
    <definedName name="IQ_PERCENT_CHANGE_EST_EBITDA_6MONTHS_REUT" hidden="1">"c3915"</definedName>
    <definedName name="IQ_PERCENT_CHANGE_EST_EBITDA_9MONTHS" hidden="1">"c1803"</definedName>
    <definedName name="IQ_PERCENT_CHANGE_EST_EBITDA_9MONTHS_CIQ" hidden="1">"c3747"</definedName>
    <definedName name="IQ_PERCENT_CHANGE_EST_EBITDA_9MONTHS_REUT" hidden="1">"c3916"</definedName>
    <definedName name="IQ_PERCENT_CHANGE_EST_EBITDA_DAY" hidden="1">"c1798"</definedName>
    <definedName name="IQ_PERCENT_CHANGE_EST_EBITDA_DAY_CIQ" hidden="1">"c3743"</definedName>
    <definedName name="IQ_PERCENT_CHANGE_EST_EBITDA_DAY_REUT" hidden="1">"c3912"</definedName>
    <definedName name="IQ_PERCENT_CHANGE_EST_EBITDA_MONTH" hidden="1">"c1800"</definedName>
    <definedName name="IQ_PERCENT_CHANGE_EST_EBITDA_MONTH_CIQ" hidden="1">"c3744"</definedName>
    <definedName name="IQ_PERCENT_CHANGE_EST_EBITDA_MONTH_REUT" hidden="1">"c3913"</definedName>
    <definedName name="IQ_PERCENT_CHANGE_EST_EBITDA_WEEK" hidden="1">"c1799"</definedName>
    <definedName name="IQ_PERCENT_CHANGE_EST_EBITDA_WEEK_CIQ" hidden="1">"c3792"</definedName>
    <definedName name="IQ_PERCENT_CHANGE_EST_EBITDA_WEEK_REUT" hidden="1">"c3961"</definedName>
    <definedName name="IQ_PERCENT_CHANGE_EST_EPS_12MONTHS" hidden="1">"c1788"</definedName>
    <definedName name="IQ_PERCENT_CHANGE_EST_EPS_12MONTHS_CIQ" hidden="1">"c3733"</definedName>
    <definedName name="IQ_PERCENT_CHANGE_EST_EPS_12MONTHS_REUT" hidden="1">"c3902"</definedName>
    <definedName name="IQ_PERCENT_CHANGE_EST_EPS_18MONTHS" hidden="1">"c1789"</definedName>
    <definedName name="IQ_PERCENT_CHANGE_EST_EPS_18MONTHS_CIQ" hidden="1">"c3734"</definedName>
    <definedName name="IQ_PERCENT_CHANGE_EST_EPS_18MONTHS_REUT" hidden="1">"c3903"</definedName>
    <definedName name="IQ_PERCENT_CHANGE_EST_EPS_3MONTHS" hidden="1">"c1785"</definedName>
    <definedName name="IQ_PERCENT_CHANGE_EST_EPS_3MONTHS_CIQ" hidden="1">"c3730"</definedName>
    <definedName name="IQ_PERCENT_CHANGE_EST_EPS_3MONTHS_REUT" hidden="1">"c3899"</definedName>
    <definedName name="IQ_PERCENT_CHANGE_EST_EPS_6MONTHS" hidden="1">"c1786"</definedName>
    <definedName name="IQ_PERCENT_CHANGE_EST_EPS_6MONTHS_CIQ" hidden="1">"c3731"</definedName>
    <definedName name="IQ_PERCENT_CHANGE_EST_EPS_6MONTHS_REUT" hidden="1">"c3900"</definedName>
    <definedName name="IQ_PERCENT_CHANGE_EST_EPS_9MONTHS" hidden="1">"c1787"</definedName>
    <definedName name="IQ_PERCENT_CHANGE_EST_EPS_9MONTHS_CIQ" hidden="1">"c3732"</definedName>
    <definedName name="IQ_PERCENT_CHANGE_EST_EPS_9MONTHS_REUT" hidden="1">"c3901"</definedName>
    <definedName name="IQ_PERCENT_CHANGE_EST_EPS_DAY" hidden="1">"c1782"</definedName>
    <definedName name="IQ_PERCENT_CHANGE_EST_EPS_DAY_CIQ" hidden="1">"c3727"</definedName>
    <definedName name="IQ_PERCENT_CHANGE_EST_EPS_DAY_REUT" hidden="1">"c3896"</definedName>
    <definedName name="IQ_PERCENT_CHANGE_EST_EPS_MONTH" hidden="1">"c1784"</definedName>
    <definedName name="IQ_PERCENT_CHANGE_EST_EPS_MONTH_CIQ" hidden="1">"c3729"</definedName>
    <definedName name="IQ_PERCENT_CHANGE_EST_EPS_MONTH_REUT" hidden="1">"c3898"</definedName>
    <definedName name="IQ_PERCENT_CHANGE_EST_EPS_WEEK" hidden="1">"c1783"</definedName>
    <definedName name="IQ_PERCENT_CHANGE_EST_EPS_WEEK_CIQ" hidden="1">"c3728"</definedName>
    <definedName name="IQ_PERCENT_CHANGE_EST_EPS_WEEK_REUT" hidden="1">"c3897"</definedName>
    <definedName name="IQ_PERCENT_CHANGE_EST_FFO_12MONTHS" hidden="1">"c1828"</definedName>
    <definedName name="IQ_PERCENT_CHANGE_EST_FFO_12MONTHS_CIQ" hidden="1">"c3769"</definedName>
    <definedName name="IQ_PERCENT_CHANGE_EST_FFO_12MONTHS_REUT" hidden="1">"c3938"</definedName>
    <definedName name="IQ_PERCENT_CHANGE_EST_FFO_18MONTHS" hidden="1">"c1829"</definedName>
    <definedName name="IQ_PERCENT_CHANGE_EST_FFO_18MONTHS_CIQ" hidden="1">"c3770"</definedName>
    <definedName name="IQ_PERCENT_CHANGE_EST_FFO_18MONTHS_REUT" hidden="1">"c3939"</definedName>
    <definedName name="IQ_PERCENT_CHANGE_EST_FFO_3MONTHS" hidden="1">"c1825"</definedName>
    <definedName name="IQ_PERCENT_CHANGE_EST_FFO_3MONTHS_CIQ" hidden="1">"c3766"</definedName>
    <definedName name="IQ_PERCENT_CHANGE_EST_FFO_3MONTHS_REUT" hidden="1">"c3935"</definedName>
    <definedName name="IQ_PERCENT_CHANGE_EST_FFO_6MONTHS" hidden="1">"c1826"</definedName>
    <definedName name="IQ_PERCENT_CHANGE_EST_FFO_6MONTHS_CIQ" hidden="1">"c3767"</definedName>
    <definedName name="IQ_PERCENT_CHANGE_EST_FFO_6MONTHS_REUT" hidden="1">"c3936"</definedName>
    <definedName name="IQ_PERCENT_CHANGE_EST_FFO_9MONTHS" hidden="1">"c1827"</definedName>
    <definedName name="IQ_PERCENT_CHANGE_EST_FFO_9MONTHS_CIQ" hidden="1">"c3768"</definedName>
    <definedName name="IQ_PERCENT_CHANGE_EST_FFO_9MONTHS_REUT" hidden="1">"c3937"</definedName>
    <definedName name="IQ_PERCENT_CHANGE_EST_FFO_DAY" hidden="1">"c1822"</definedName>
    <definedName name="IQ_PERCENT_CHANGE_EST_FFO_DAY_CIQ" hidden="1">"c3764"</definedName>
    <definedName name="IQ_PERCENT_CHANGE_EST_FFO_DAY_REUT" hidden="1">"c3933"</definedName>
    <definedName name="IQ_PERCENT_CHANGE_EST_FFO_MONTH" hidden="1">"c1824"</definedName>
    <definedName name="IQ_PERCENT_CHANGE_EST_FFO_MONTH_CIQ" hidden="1">"c3765"</definedName>
    <definedName name="IQ_PERCENT_CHANGE_EST_FFO_MONTH_REUT" hidden="1">"c3934"</definedName>
    <definedName name="IQ_PERCENT_CHANGE_EST_FFO_WEEK" hidden="1">"c1823"</definedName>
    <definedName name="IQ_PERCENT_CHANGE_EST_FFO_WEEK_CIQ" hidden="1">"c3795"</definedName>
    <definedName name="IQ_PERCENT_CHANGE_EST_FFO_WEEK_REUT" hidden="1">"c3964"</definedName>
    <definedName name="IQ_PERCENT_CHANGE_EST_PRICE_TARGET_12MONTHS" hidden="1">"c1844"</definedName>
    <definedName name="IQ_PERCENT_CHANGE_EST_PRICE_TARGET_12MONTHS_CIQ" hidden="1">"c3783"</definedName>
    <definedName name="IQ_PERCENT_CHANGE_EST_PRICE_TARGET_12MONTHS_REUT" hidden="1">"c3952"</definedName>
    <definedName name="IQ_PERCENT_CHANGE_EST_PRICE_TARGET_18MONTHS" hidden="1">"c1845"</definedName>
    <definedName name="IQ_PERCENT_CHANGE_EST_PRICE_TARGET_18MONTHS_CIQ" hidden="1">"c3784"</definedName>
    <definedName name="IQ_PERCENT_CHANGE_EST_PRICE_TARGET_18MONTHS_REUT" hidden="1">"c3953"</definedName>
    <definedName name="IQ_PERCENT_CHANGE_EST_PRICE_TARGET_3MONTHS" hidden="1">"c1841"</definedName>
    <definedName name="IQ_PERCENT_CHANGE_EST_PRICE_TARGET_3MONTHS_CIQ" hidden="1">"c3780"</definedName>
    <definedName name="IQ_PERCENT_CHANGE_EST_PRICE_TARGET_3MONTHS_REUT" hidden="1">"c3949"</definedName>
    <definedName name="IQ_PERCENT_CHANGE_EST_PRICE_TARGET_6MONTHS" hidden="1">"c1842"</definedName>
    <definedName name="IQ_PERCENT_CHANGE_EST_PRICE_TARGET_6MONTHS_CIQ" hidden="1">"c3781"</definedName>
    <definedName name="IQ_PERCENT_CHANGE_EST_PRICE_TARGET_6MONTHS_REUT" hidden="1">"c3950"</definedName>
    <definedName name="IQ_PERCENT_CHANGE_EST_PRICE_TARGET_9MONTHS" hidden="1">"c1843"</definedName>
    <definedName name="IQ_PERCENT_CHANGE_EST_PRICE_TARGET_9MONTHS_CIQ" hidden="1">"c3782"</definedName>
    <definedName name="IQ_PERCENT_CHANGE_EST_PRICE_TARGET_9MONTHS_REUT" hidden="1">"c3951"</definedName>
    <definedName name="IQ_PERCENT_CHANGE_EST_PRICE_TARGET_DAY" hidden="1">"c1838"</definedName>
    <definedName name="IQ_PERCENT_CHANGE_EST_PRICE_TARGET_DAY_CIQ" hidden="1">"c3778"</definedName>
    <definedName name="IQ_PERCENT_CHANGE_EST_PRICE_TARGET_DAY_REUT" hidden="1">"c3947"</definedName>
    <definedName name="IQ_PERCENT_CHANGE_EST_PRICE_TARGET_MONTH" hidden="1">"c1840"</definedName>
    <definedName name="IQ_PERCENT_CHANGE_EST_PRICE_TARGET_MONTH_CIQ" hidden="1">"c3779"</definedName>
    <definedName name="IQ_PERCENT_CHANGE_EST_PRICE_TARGET_MONTH_REUT" hidden="1">"c3948"</definedName>
    <definedName name="IQ_PERCENT_CHANGE_EST_PRICE_TARGET_WEEK" hidden="1">"c1839"</definedName>
    <definedName name="IQ_PERCENT_CHANGE_EST_PRICE_TARGET_WEEK_CIQ" hidden="1">"c3798"</definedName>
    <definedName name="IQ_PERCENT_CHANGE_EST_PRICE_TARGET_WEEK_REUT" hidden="1">"c3967"</definedName>
    <definedName name="IQ_PERCENT_CHANGE_EST_RECO_12MONTHS" hidden="1">"c1836"</definedName>
    <definedName name="IQ_PERCENT_CHANGE_EST_RECO_12MONTHS_CIQ" hidden="1">"c3776"</definedName>
    <definedName name="IQ_PERCENT_CHANGE_EST_RECO_12MONTHS_REUT" hidden="1">"c3945"</definedName>
    <definedName name="IQ_PERCENT_CHANGE_EST_RECO_18MONTHS" hidden="1">"c1837"</definedName>
    <definedName name="IQ_PERCENT_CHANGE_EST_RECO_18MONTHS_CIQ" hidden="1">"c3777"</definedName>
    <definedName name="IQ_PERCENT_CHANGE_EST_RECO_18MONTHS_REUT" hidden="1">"c3946"</definedName>
    <definedName name="IQ_PERCENT_CHANGE_EST_RECO_3MONTHS" hidden="1">"c1833"</definedName>
    <definedName name="IQ_PERCENT_CHANGE_EST_RECO_3MONTHS_CIQ" hidden="1">"c3773"</definedName>
    <definedName name="IQ_PERCENT_CHANGE_EST_RECO_3MONTHS_REUT" hidden="1">"c3942"</definedName>
    <definedName name="IQ_PERCENT_CHANGE_EST_RECO_6MONTHS" hidden="1">"c1834"</definedName>
    <definedName name="IQ_PERCENT_CHANGE_EST_RECO_6MONTHS_CIQ" hidden="1">"c3774"</definedName>
    <definedName name="IQ_PERCENT_CHANGE_EST_RECO_6MONTHS_REUT" hidden="1">"c3943"</definedName>
    <definedName name="IQ_PERCENT_CHANGE_EST_RECO_9MONTHS" hidden="1">"c1835"</definedName>
    <definedName name="IQ_PERCENT_CHANGE_EST_RECO_9MONTHS_CIQ" hidden="1">"c3775"</definedName>
    <definedName name="IQ_PERCENT_CHANGE_EST_RECO_9MONTHS_REUT" hidden="1">"c3944"</definedName>
    <definedName name="IQ_PERCENT_CHANGE_EST_RECO_DAY" hidden="1">"c1830"</definedName>
    <definedName name="IQ_PERCENT_CHANGE_EST_RECO_DAY_CIQ" hidden="1">"c3771"</definedName>
    <definedName name="IQ_PERCENT_CHANGE_EST_RECO_DAY_REUT" hidden="1">"c3940"</definedName>
    <definedName name="IQ_PERCENT_CHANGE_EST_RECO_MONTH" hidden="1">"c1832"</definedName>
    <definedName name="IQ_PERCENT_CHANGE_EST_RECO_MONTH_CIQ" hidden="1">"c3772"</definedName>
    <definedName name="IQ_PERCENT_CHANGE_EST_RECO_MONTH_REUT" hidden="1">"c3941"</definedName>
    <definedName name="IQ_PERCENT_CHANGE_EST_RECO_WEEK" hidden="1">"c1831"</definedName>
    <definedName name="IQ_PERCENT_CHANGE_EST_RECO_WEEK_CIQ" hidden="1">"c3796"</definedName>
    <definedName name="IQ_PERCENT_CHANGE_EST_RECO_WEEK_REUT" hidden="1">"c3965"</definedName>
    <definedName name="IQ_PERCENT_CHANGE_EST_REV_12MONTHS" hidden="1">"c1796"</definedName>
    <definedName name="IQ_PERCENT_CHANGE_EST_REV_12MONTHS_CIQ" hidden="1">"c3741"</definedName>
    <definedName name="IQ_PERCENT_CHANGE_EST_REV_12MONTHS_REUT" hidden="1">"c3910"</definedName>
    <definedName name="IQ_PERCENT_CHANGE_EST_REV_18MONTHS" hidden="1">"c1797"</definedName>
    <definedName name="IQ_PERCENT_CHANGE_EST_REV_18MONTHS_CIQ" hidden="1">"c3742"</definedName>
    <definedName name="IQ_PERCENT_CHANGE_EST_REV_18MONTHS_REUT" hidden="1">"c3911"</definedName>
    <definedName name="IQ_PERCENT_CHANGE_EST_REV_3MONTHS" hidden="1">"c1793"</definedName>
    <definedName name="IQ_PERCENT_CHANGE_EST_REV_3MONTHS_CIQ" hidden="1">"c3738"</definedName>
    <definedName name="IQ_PERCENT_CHANGE_EST_REV_3MONTHS_REUT" hidden="1">"c3907"</definedName>
    <definedName name="IQ_PERCENT_CHANGE_EST_REV_6MONTHS" hidden="1">"c1794"</definedName>
    <definedName name="IQ_PERCENT_CHANGE_EST_REV_6MONTHS_CIQ" hidden="1">"c3739"</definedName>
    <definedName name="IQ_PERCENT_CHANGE_EST_REV_6MONTHS_REUT" hidden="1">"c3908"</definedName>
    <definedName name="IQ_PERCENT_CHANGE_EST_REV_9MONTHS" hidden="1">"c1795"</definedName>
    <definedName name="IQ_PERCENT_CHANGE_EST_REV_9MONTHS_CIQ" hidden="1">"c3740"</definedName>
    <definedName name="IQ_PERCENT_CHANGE_EST_REV_9MONTHS_REUT" hidden="1">"c3909"</definedName>
    <definedName name="IQ_PERCENT_CHANGE_EST_REV_DAY" hidden="1">"c1790"</definedName>
    <definedName name="IQ_PERCENT_CHANGE_EST_REV_DAY_CIQ" hidden="1">"c3735"</definedName>
    <definedName name="IQ_PERCENT_CHANGE_EST_REV_DAY_REUT" hidden="1">"c3904"</definedName>
    <definedName name="IQ_PERCENT_CHANGE_EST_REV_MONTH" hidden="1">"c1792"</definedName>
    <definedName name="IQ_PERCENT_CHANGE_EST_REV_MONTH_CIQ" hidden="1">"c3737"</definedName>
    <definedName name="IQ_PERCENT_CHANGE_EST_REV_MONTH_REUT" hidden="1">"c3906"</definedName>
    <definedName name="IQ_PERCENT_CHANGE_EST_REV_WEEK" hidden="1">"c1791"</definedName>
    <definedName name="IQ_PERCENT_CHANGE_EST_REV_WEEK_CIQ" hidden="1">"c3736"</definedName>
    <definedName name="IQ_PERCENT_CHANGE_EST_REV_WEEK_REUT" hidden="1">"c3905"</definedName>
    <definedName name="IQ_PERCENT_FLOAT" hidden="1">"c227"</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_APPROVED_DURING_PERIOD" hidden="1">"c10027"</definedName>
    <definedName name="IQ_PHARMBIO_NUMBER_PROD__CLINICAL_DEV" hidden="1">"c10022"</definedName>
    <definedName name="IQ_PHARMBIO_NUMBER_PROD__LAUNCHED_DURING_PERIOD" hidden="1">"c10028"</definedName>
    <definedName name="IQ_PHARMBIO_NUMBER_PROD__PHASE_I" hidden="1">"c10023"</definedName>
    <definedName name="IQ_PHARMBIO_NUMBER_PROD__PHASE_II" hidden="1">"c10024"</definedName>
    <definedName name="IQ_PHARMBIO_NUMBER_PROD__PHASE_III" hidden="1">"c10025"</definedName>
    <definedName name="IQ_PHARMBIO_NUMBER_PROD__PRE_CLINICAL_TRIALS" hidden="1">"c10021"</definedName>
    <definedName name="IQ_PHARMBIO_NUMBER_PROD__PRE_REGISTRATION" hidden="1">"c10026"</definedName>
    <definedName name="IQ_PHARMBIO_NUMBER_PROD__RESEARCH_DEV" hidden="1">"c10020"</definedName>
    <definedName name="IQ_PHARMBIO_NUMBER_PROD_DISCOVERY_RESEARCH" hidden="1">"c10019"</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MT_FREQ" hidden="1">"c2236"</definedName>
    <definedName name="IQ_POISON_PUT_EFFECT_DATE" hidden="1">"c2486"</definedName>
    <definedName name="IQ_POISON_PUT_EXPIRATION_DATE" hidden="1">"c2487"</definedName>
    <definedName name="IQ_POISON_PUT_PRICE" hidden="1">"c2488"</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OTENTIAL_UPSIDE" hidden="1">"c1855"</definedName>
    <definedName name="IQ_POTENTIAL_UPSIDE_CIQ" hidden="1">"c3799"</definedName>
    <definedName name="IQ_POTENTIAL_UPSIDE_REUT" hidden="1">"c3968"</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ACT_OR_EST" hidden="1">"c2221"</definedName>
    <definedName name="IQ_PRE_TAX_ACT_OR_EST_CIQ" hidden="1">"c5064"</definedName>
    <definedName name="IQ_PRE_TAX_ACT_OR_EST_REUT" hidden="1">"c5467"</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EST_CIQ" hidden="1">"c4688"</definedName>
    <definedName name="IQ_PRETAX_GW_INC_EST_REUT" hidden="1">"c5354"</definedName>
    <definedName name="IQ_PRETAX_GW_INC_HIGH_EST" hidden="1">"c1704"</definedName>
    <definedName name="IQ_PRETAX_GW_INC_HIGH_EST_CIQ" hidden="1">"c4690"</definedName>
    <definedName name="IQ_PRETAX_GW_INC_HIGH_EST_REUT" hidden="1">"c5356"</definedName>
    <definedName name="IQ_PRETAX_GW_INC_LOW_EST" hidden="1">"c1705"</definedName>
    <definedName name="IQ_PRETAX_GW_INC_LOW_EST_CIQ" hidden="1">"c4691"</definedName>
    <definedName name="IQ_PRETAX_GW_INC_LOW_EST_REUT" hidden="1">"c5357"</definedName>
    <definedName name="IQ_PRETAX_GW_INC_MEDIAN_EST" hidden="1">"c1703"</definedName>
    <definedName name="IQ_PRETAX_GW_INC_MEDIAN_EST_CIQ" hidden="1">"c4689"</definedName>
    <definedName name="IQ_PRETAX_GW_INC_MEDIAN_EST_REUT" hidden="1">"c5355"</definedName>
    <definedName name="IQ_PRETAX_GW_INC_NUM_EST" hidden="1">"c1706"</definedName>
    <definedName name="IQ_PRETAX_GW_INC_NUM_EST_CIQ" hidden="1">"c4692"</definedName>
    <definedName name="IQ_PRETAX_GW_INC_NUM_EST_REUT" hidden="1">"c5358"</definedName>
    <definedName name="IQ_PRETAX_GW_INC_STDDEV_EST" hidden="1">"c1707"</definedName>
    <definedName name="IQ_PRETAX_GW_INC_STDDEV_EST_CIQ" hidden="1">"c4693"</definedName>
    <definedName name="IQ_PRETAX_GW_INC_STDDEV_EST_REUT" hidden="1">"c5359"</definedName>
    <definedName name="IQ_PRETAX_INC" hidden="1">"c16"</definedName>
    <definedName name="IQ_PRETAX_INC_10K" hidden="1">"IQ_PRETAX_INC_10K"</definedName>
    <definedName name="IQ_PRETAX_INC_10Q" hidden="1">"IQ_PRETAX_INC_10Q"</definedName>
    <definedName name="IQ_PRETAX_INC_10Q1" hidden="1">"IQ_PRETAX_INC_10Q1"</definedName>
    <definedName name="IQ_PRETAX_INC_EST" hidden="1">"c1695"</definedName>
    <definedName name="IQ_PRETAX_INC_EST_CIQ" hidden="1">"c4681"</definedName>
    <definedName name="IQ_PRETAX_INC_EST_REUT" hidden="1">"c5347"</definedName>
    <definedName name="IQ_PRETAX_INC_HIGH_EST" hidden="1">"c1697"</definedName>
    <definedName name="IQ_PRETAX_INC_HIGH_EST_CIQ" hidden="1">"c4683"</definedName>
    <definedName name="IQ_PRETAX_INC_HIGH_EST_REUT" hidden="1">"c5349"</definedName>
    <definedName name="IQ_PRETAX_INC_LOW_EST" hidden="1">"c1698"</definedName>
    <definedName name="IQ_PRETAX_INC_LOW_EST_CIQ" hidden="1">"c4684"</definedName>
    <definedName name="IQ_PRETAX_INC_LOW_EST_REUT" hidden="1">"c5350"</definedName>
    <definedName name="IQ_PRETAX_INC_MEDIAN_EST" hidden="1">"c1696"</definedName>
    <definedName name="IQ_PRETAX_INC_MEDIAN_EST_CIQ" hidden="1">"c4682"</definedName>
    <definedName name="IQ_PRETAX_INC_MEDIAN_EST_REUT" hidden="1">"c5348"</definedName>
    <definedName name="IQ_PRETAX_INC_NUM_EST" hidden="1">"c1699"</definedName>
    <definedName name="IQ_PRETAX_INC_NUM_EST_CIQ" hidden="1">"c4685"</definedName>
    <definedName name="IQ_PRETAX_INC_NUM_EST_REUT" hidden="1">"c5351"</definedName>
    <definedName name="IQ_PRETAX_INC_STDDEV_EST" hidden="1">"c1700"</definedName>
    <definedName name="IQ_PRETAX_INC_STDDEV_EST_CIQ" hidden="1">"c4686"</definedName>
    <definedName name="IQ_PRETAX_INC_STDDEV_EST_REUT" hidden="1">"c5352"</definedName>
    <definedName name="IQ_PRETAX_REPORT_INC_EST" hidden="1">"c1709"</definedName>
    <definedName name="IQ_PRETAX_REPORT_INC_EST_CIQ" hidden="1">"c4695"</definedName>
    <definedName name="IQ_PRETAX_REPORT_INC_EST_REUT" hidden="1">"c5361"</definedName>
    <definedName name="IQ_PRETAX_REPORT_INC_HIGH_EST" hidden="1">"c1711"</definedName>
    <definedName name="IQ_PRETAX_REPORT_INC_HIGH_EST_CIQ" hidden="1">"c4697"</definedName>
    <definedName name="IQ_PRETAX_REPORT_INC_HIGH_EST_REUT" hidden="1">"c5363"</definedName>
    <definedName name="IQ_PRETAX_REPORT_INC_LOW_EST" hidden="1">"c1712"</definedName>
    <definedName name="IQ_PRETAX_REPORT_INC_LOW_EST_CIQ" hidden="1">"c4698"</definedName>
    <definedName name="IQ_PRETAX_REPORT_INC_LOW_EST_REUT" hidden="1">"c5364"</definedName>
    <definedName name="IQ_PRETAX_REPORT_INC_MEDIAN_EST" hidden="1">"c1710"</definedName>
    <definedName name="IQ_PRETAX_REPORT_INC_MEDIAN_EST_CIQ" hidden="1">"c4696"</definedName>
    <definedName name="IQ_PRETAX_REPORT_INC_MEDIAN_EST_REUT" hidden="1">"c5362"</definedName>
    <definedName name="IQ_PRETAX_REPORT_INC_NUM_EST" hidden="1">"c1713"</definedName>
    <definedName name="IQ_PRETAX_REPORT_INC_NUM_EST_CIQ" hidden="1">"c4699"</definedName>
    <definedName name="IQ_PRETAX_REPORT_INC_NUM_EST_REUT" hidden="1">"c5365"</definedName>
    <definedName name="IQ_PRETAX_REPORT_INC_STDDEV_EST" hidden="1">"c1714"</definedName>
    <definedName name="IQ_PRETAX_REPORT_INC_STDDEV_EST_CIQ" hidden="1">"c4700"</definedName>
    <definedName name="IQ_PRETAX_REPORT_INC_STDDEV_EST_REUT" hidden="1">"c5366"</definedName>
    <definedName name="IQ_PRETAX_RETURN_ASSETS_FDIC" hidden="1">"c6731"</definedName>
    <definedName name="IQ_PRICE_CFPS_FWD" hidden="1">"c2237"</definedName>
    <definedName name="IQ_PRICE_CFPS_FWD_CIQ" hidden="1">"c4046"</definedName>
    <definedName name="IQ_PRICE_CFPS_FWD_REUT" hidden="1">"c4053"</definedName>
    <definedName name="IQ_PRICE_OVER_BVPS" hidden="1">"c1412"</definedName>
    <definedName name="IQ_PRICE_OVER_EPS_EST" hidden="1">"c174"</definedName>
    <definedName name="IQ_PRICE_OVER_EPS_EST_1" hidden="1">"c175"</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BOTTOM_UP" hidden="1">"c5486"</definedName>
    <definedName name="IQ_PRICE_TARGET_BOTTOM_UP_CIQ" hidden="1">"c12023"</definedName>
    <definedName name="IQ_PRICE_TARGET_BOTTOM_UP_REUT" hidden="1">"c5494"</definedName>
    <definedName name="IQ_PRICE_TARGET_CIQ" hidden="1">"c3613"</definedName>
    <definedName name="IQ_PRICE_TARGET_REUT" hidden="1">"c3631"</definedName>
    <definedName name="IQ_PRICE_VOLATILITY_EST" hidden="1">"c4492"</definedName>
    <definedName name="IQ_PRICE_VOLATILITY_EST_CIQ" hidden="1">"c5030"</definedName>
    <definedName name="IQ_PRICE_VOLATILITY_HIGH" hidden="1">"c4493"</definedName>
    <definedName name="IQ_PRICE_VOLATILITY_HIGH_CIQ" hidden="1">"c5031"</definedName>
    <definedName name="IQ_PRICE_VOLATILITY_LOW" hidden="1">"c4494"</definedName>
    <definedName name="IQ_PRICE_VOLATILITY_LOW_CIQ" hidden="1">"c5032"</definedName>
    <definedName name="IQ_PRICE_VOLATILITY_MEDIAN" hidden="1">"c4495"</definedName>
    <definedName name="IQ_PRICE_VOLATILITY_MEDIAN_CIQ" hidden="1">"c5033"</definedName>
    <definedName name="IQ_PRICE_VOLATILITY_NUM" hidden="1">"c4496"</definedName>
    <definedName name="IQ_PRICE_VOLATILITY_NUM_CIQ" hidden="1">"c5034"</definedName>
    <definedName name="IQ_PRICE_VOLATILITY_STDDEV" hidden="1">"c4497"</definedName>
    <definedName name="IQ_PRICE_VOLATILITY_STDDEV_CIQ" hidden="1">"c5035"</definedName>
    <definedName name="IQ_PRICEDATE" hidden="1">"c1069"</definedName>
    <definedName name="IQ_PRICEDATETIME" hidden="1">"IQ_PRICEDATETIME"</definedName>
    <definedName name="IQ_PRICING_DATE" hidden="1">"c1613"</definedName>
    <definedName name="IQ_PRIMARY_EPS_TYPE" hidden="1">"c4498"</definedName>
    <definedName name="IQ_PRIMARY_EPS_TYPE_CIQ" hidden="1">"c5036"</definedName>
    <definedName name="IQ_PRIMARY_EPS_TYPE_REUT" hidden="1">"c5481"</definedName>
    <definedName name="IQ_PRIMARY_EPS_TYPE_THOM" hidden="1">"c5297"</definedName>
    <definedName name="IQ_PRIMARY_INDUSTRY" hidden="1">"c1070"</definedName>
    <definedName name="IQ_PRINCIPAL_AMT" hidden="1">"c2157"</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UT_DATE_SCHEDULE" hidden="1">"c2483"</definedName>
    <definedName name="IQ_PUT_NOTIFICATION" hidden="1">"c2485"</definedName>
    <definedName name="IQ_PUT_PRICE_SCHEDULE" hidden="1">"c2484"</definedName>
    <definedName name="IQ_PV_PREMIUMS_NEW_BUSINESS" hidden="1">"c9973"</definedName>
    <definedName name="IQ_QTD" hidden="1">750000</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 hidden="1">"c4507"</definedName>
    <definedName name="IQ_RECURRING_PROFIT_ACT_OR_EST_CIQ" hidden="1">"c5045"</definedName>
    <definedName name="IQ_RECURRING_PROFIT_EST" hidden="1">"c4499"</definedName>
    <definedName name="IQ_RECURRING_PROFIT_EST_CIQ" hidden="1">"c5037"</definedName>
    <definedName name="IQ_RECURRING_PROFIT_GUIDANCE" hidden="1">"c4500"</definedName>
    <definedName name="IQ_RECURRING_PROFIT_GUIDANCE_CIQ" hidden="1">"c5038"</definedName>
    <definedName name="IQ_RECURRING_PROFIT_HIGH_EST" hidden="1">"c4501"</definedName>
    <definedName name="IQ_RECURRING_PROFIT_HIGH_EST_CIQ" hidden="1">"c5039"</definedName>
    <definedName name="IQ_RECURRING_PROFIT_HIGH_GUIDANCE" hidden="1">"c4179"</definedName>
    <definedName name="IQ_RECURRING_PROFIT_HIGH_GUIDANCE_CIQ" hidden="1">"c4591"</definedName>
    <definedName name="IQ_RECURRING_PROFIT_LOW_EST" hidden="1">"c4502"</definedName>
    <definedName name="IQ_RECURRING_PROFIT_LOW_EST_CIQ" hidden="1">"c5040"</definedName>
    <definedName name="IQ_RECURRING_PROFIT_LOW_GUIDANCE" hidden="1">"c4219"</definedName>
    <definedName name="IQ_RECURRING_PROFIT_LOW_GUIDANCE_CIQ" hidden="1">"c4631"</definedName>
    <definedName name="IQ_RECURRING_PROFIT_MEDIAN_EST" hidden="1">"c4503"</definedName>
    <definedName name="IQ_RECURRING_PROFIT_MEDIAN_EST_CIQ" hidden="1">"c5041"</definedName>
    <definedName name="IQ_RECURRING_PROFIT_NUM_EST" hidden="1">"c4504"</definedName>
    <definedName name="IQ_RECURRING_PROFIT_NUM_EST_CIQ" hidden="1">"c5042"</definedName>
    <definedName name="IQ_RECURRING_PROFIT_SHARE_ACT_OR_EST" hidden="1">"c4508"</definedName>
    <definedName name="IQ_RECURRING_PROFIT_SHARE_ACT_OR_EST_CIQ" hidden="1">"c5046"</definedName>
    <definedName name="IQ_RECURRING_PROFIT_SHARE_EST" hidden="1">"c4506"</definedName>
    <definedName name="IQ_RECURRING_PROFIT_SHARE_EST_CIQ" hidden="1">"c5044"</definedName>
    <definedName name="IQ_RECURRING_PROFIT_SHARE_GUIDANCE" hidden="1">"c4509"</definedName>
    <definedName name="IQ_RECURRING_PROFIT_SHARE_GUIDANCE_CIQ" hidden="1">"c5047"</definedName>
    <definedName name="IQ_RECURRING_PROFIT_SHARE_HIGH_EST" hidden="1">"c4510"</definedName>
    <definedName name="IQ_RECURRING_PROFIT_SHARE_HIGH_EST_CIQ" hidden="1">"c5048"</definedName>
    <definedName name="IQ_RECURRING_PROFIT_SHARE_HIGH_GUIDANCE" hidden="1">"c4200"</definedName>
    <definedName name="IQ_RECURRING_PROFIT_SHARE_HIGH_GUIDANCE_CIQ" hidden="1">"c4612"</definedName>
    <definedName name="IQ_RECURRING_PROFIT_SHARE_LOW_EST" hidden="1">"c4511"</definedName>
    <definedName name="IQ_RECURRING_PROFIT_SHARE_LOW_EST_CIQ" hidden="1">"c5049"</definedName>
    <definedName name="IQ_RECURRING_PROFIT_SHARE_LOW_GUIDANCE" hidden="1">"c4240"</definedName>
    <definedName name="IQ_RECURRING_PROFIT_SHARE_LOW_GUIDANCE_CIQ" hidden="1">"c4652"</definedName>
    <definedName name="IQ_RECURRING_PROFIT_SHARE_MEDIAN_EST" hidden="1">"c4512"</definedName>
    <definedName name="IQ_RECURRING_PROFIT_SHARE_MEDIAN_EST_CIQ" hidden="1">"c5050"</definedName>
    <definedName name="IQ_RECURRING_PROFIT_SHARE_NUM_EST" hidden="1">"c4513"</definedName>
    <definedName name="IQ_RECURRING_PROFIT_SHARE_NUM_EST_CIQ" hidden="1">"c5051"</definedName>
    <definedName name="IQ_RECURRING_PROFIT_SHARE_STDDEV_EST" hidden="1">"c4514"</definedName>
    <definedName name="IQ_RECURRING_PROFIT_SHARE_STDDEV_EST_CIQ" hidden="1">"c5052"</definedName>
    <definedName name="IQ_RECURRING_PROFIT_STDDEV_EST" hidden="1">"c4516"</definedName>
    <definedName name="IQ_RECURRING_PROFIT_STDDEV_EST_CIQ" hidden="1">"c5054"</definedName>
    <definedName name="IQ_REDEEM_PREF_STOCK" hidden="1">"c1417"</definedName>
    <definedName name="IQ_REF_ENTITY" hidden="1">"c6033"</definedName>
    <definedName name="IQ_REF_ENTITY_CIQID" hidden="1">"c6024"</definedName>
    <definedName name="IQ_REF_ENTITY_TICKER" hidden="1">"c6023"</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ACT_OR_EST" hidden="1">"c3585"</definedName>
    <definedName name="IQ_RETURN_ASSETS_ACT_OR_EST_CIQ" hidden="1">"c12020"</definedName>
    <definedName name="IQ_RETURN_ASSETS_ACT_OR_EST_REUT" hidden="1">"c5475"</definedName>
    <definedName name="IQ_RETURN_ASSETS_BANK" hidden="1">"c1114"</definedName>
    <definedName name="IQ_RETURN_ASSETS_BROK" hidden="1">"c1115"</definedName>
    <definedName name="IQ_RETURN_ASSETS_EST" hidden="1">"c3529"</definedName>
    <definedName name="IQ_RETURN_ASSETS_EST_CIQ" hidden="1">"c3828"</definedName>
    <definedName name="IQ_RETURN_ASSETS_EST_REUT" hidden="1">"c3990"</definedName>
    <definedName name="IQ_RETURN_ASSETS_FDIC" hidden="1">"c6730"</definedName>
    <definedName name="IQ_RETURN_ASSETS_FS" hidden="1">"c1116"</definedName>
    <definedName name="IQ_RETURN_ASSETS_GUIDANCE" hidden="1">"c4517"</definedName>
    <definedName name="IQ_RETURN_ASSETS_GUIDANCE_CIQ" hidden="1">"c5055"</definedName>
    <definedName name="IQ_RETURN_ASSETS_HIGH_EST" hidden="1">"c3530"</definedName>
    <definedName name="IQ_RETURN_ASSETS_HIGH_EST_CIQ" hidden="1">"c3830"</definedName>
    <definedName name="IQ_RETURN_ASSETS_HIGH_EST_REUT" hidden="1">"c3992"</definedName>
    <definedName name="IQ_RETURN_ASSETS_HIGH_GUIDANCE" hidden="1">"c4183"</definedName>
    <definedName name="IQ_RETURN_ASSETS_HIGH_GUIDANCE_CIQ" hidden="1">"c4595"</definedName>
    <definedName name="IQ_RETURN_ASSETS_LOW_EST" hidden="1">"c3531"</definedName>
    <definedName name="IQ_RETURN_ASSETS_LOW_EST_CIQ" hidden="1">"c3831"</definedName>
    <definedName name="IQ_RETURN_ASSETS_LOW_EST_REUT" hidden="1">"c3993"</definedName>
    <definedName name="IQ_RETURN_ASSETS_LOW_GUIDANCE" hidden="1">"c4223"</definedName>
    <definedName name="IQ_RETURN_ASSETS_LOW_GUIDANCE_CIQ" hidden="1">"c4635"</definedName>
    <definedName name="IQ_RETURN_ASSETS_MEDIAN_EST" hidden="1">"c3532"</definedName>
    <definedName name="IQ_RETURN_ASSETS_MEDIAN_EST_CIQ" hidden="1">"c3829"</definedName>
    <definedName name="IQ_RETURN_ASSETS_MEDIAN_EST_REUT" hidden="1">"c3991"</definedName>
    <definedName name="IQ_RETURN_ASSETS_NUM_EST" hidden="1">"c3527"</definedName>
    <definedName name="IQ_RETURN_ASSETS_NUM_EST_CIQ" hidden="1">"c3832"</definedName>
    <definedName name="IQ_RETURN_ASSETS_NUM_EST_REUT" hidden="1">"c3994"</definedName>
    <definedName name="IQ_RETURN_ASSETS_STDDEV_EST" hidden="1">"c3528"</definedName>
    <definedName name="IQ_RETURN_ASSETS_STDDEV_EST_CIQ" hidden="1">"c3833"</definedName>
    <definedName name="IQ_RETURN_ASSETS_STDDEV_EST_REUT" hidden="1">"c3995"</definedName>
    <definedName name="IQ_RETURN_CAPITAL" hidden="1">"c1117"</definedName>
    <definedName name="IQ_RETURN_EMBEDDED_VALUE" hidden="1">"c9974"</definedName>
    <definedName name="IQ_RETURN_EQUITY" hidden="1">"c1118"</definedName>
    <definedName name="IQ_RETURN_EQUITY_ACT_OR_EST" hidden="1">"c3586"</definedName>
    <definedName name="IQ_RETURN_EQUITY_ACT_OR_EST_CIQ" hidden="1">"c12021"</definedName>
    <definedName name="IQ_RETURN_EQUITY_ACT_OR_EST_REUT" hidden="1">"c5476"</definedName>
    <definedName name="IQ_RETURN_EQUITY_BANK" hidden="1">"c1119"</definedName>
    <definedName name="IQ_RETURN_EQUITY_BROK" hidden="1">"c1120"</definedName>
    <definedName name="IQ_RETURN_EQUITY_EST" hidden="1">"c3535"</definedName>
    <definedName name="IQ_RETURN_EQUITY_EST_CIQ" hidden="1">"c3821"</definedName>
    <definedName name="IQ_RETURN_EQUITY_EST_REUT" hidden="1">"c3983"</definedName>
    <definedName name="IQ_RETURN_EQUITY_FDIC" hidden="1">"c6732"</definedName>
    <definedName name="IQ_RETURN_EQUITY_FS" hidden="1">"c1121"</definedName>
    <definedName name="IQ_RETURN_EQUITY_GUIDANCE" hidden="1">"c4518"</definedName>
    <definedName name="IQ_RETURN_EQUITY_GUIDANCE_CIQ" hidden="1">"c5056"</definedName>
    <definedName name="IQ_RETURN_EQUITY_HIGH_EST" hidden="1">"c3536"</definedName>
    <definedName name="IQ_RETURN_EQUITY_HIGH_EST_CIQ" hidden="1">"c3823"</definedName>
    <definedName name="IQ_RETURN_EQUITY_HIGH_EST_REUT" hidden="1">"c3985"</definedName>
    <definedName name="IQ_RETURN_EQUITY_HIGH_GUIDANCE" hidden="1">"c4182"</definedName>
    <definedName name="IQ_RETURN_EQUITY_HIGH_GUIDANCE_CIQ" hidden="1">"c4594"</definedName>
    <definedName name="IQ_RETURN_EQUITY_LOW_EST" hidden="1">"c3537"</definedName>
    <definedName name="IQ_RETURN_EQUITY_LOW_EST_CIQ" hidden="1">"c3824"</definedName>
    <definedName name="IQ_RETURN_EQUITY_LOW_EST_REUT" hidden="1">"c3986"</definedName>
    <definedName name="IQ_RETURN_EQUITY_LOW_GUIDANCE" hidden="1">"c4222"</definedName>
    <definedName name="IQ_RETURN_EQUITY_LOW_GUIDANCE_CIQ" hidden="1">"c4634"</definedName>
    <definedName name="IQ_RETURN_EQUITY_MEDIAN_EST" hidden="1">"c3538"</definedName>
    <definedName name="IQ_RETURN_EQUITY_MEDIAN_EST_CIQ" hidden="1">"c3822"</definedName>
    <definedName name="IQ_RETURN_EQUITY_MEDIAN_EST_REUT" hidden="1">"c3984"</definedName>
    <definedName name="IQ_RETURN_EQUITY_NUM_EST" hidden="1">"c3533"</definedName>
    <definedName name="IQ_RETURN_EQUITY_NUM_EST_CIQ" hidden="1">"c3825"</definedName>
    <definedName name="IQ_RETURN_EQUITY_NUM_EST_REUT" hidden="1">"c3987"</definedName>
    <definedName name="IQ_RETURN_EQUITY_STDDEV_EST" hidden="1">"c3534"</definedName>
    <definedName name="IQ_RETURN_EQUITY_STDDEV_EST_CIQ" hidden="1">"c3826"</definedName>
    <definedName name="IQ_RETURN_EQUITY_STDDEV_EST_REUT" hidden="1">"c3988"</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STDDEV_EST_REUT" hidden="1">"c3639"</definedName>
    <definedName name="IQ_REV_UTI" hidden="1">"c1125"</definedName>
    <definedName name="IQ_REVALUATION_GAINS_FDIC" hidden="1">"c6428"</definedName>
    <definedName name="IQ_REVALUATION_LOSSES_FDIC" hidden="1">"c6429"</definedName>
    <definedName name="IQ_REVENUE" hidden="1">"c1422"</definedName>
    <definedName name="IQ_REVENUE_10K" hidden="1">"IQ_REVENUE_10K"</definedName>
    <definedName name="IQ_REVENUE_10Q" hidden="1">"IQ_REVENUE_10Q"</definedName>
    <definedName name="IQ_REVENUE_10Q1" hidden="1">"IQ_REVENUE_10Q1"</definedName>
    <definedName name="IQ_REVENUE_ACT_OR_EST" hidden="1">"c2214"</definedName>
    <definedName name="IQ_REVENUE_ACT_OR_EST_CIQ" hidden="1">"c5059"</definedName>
    <definedName name="IQ_REVENUE_ACT_OR_EST_REUT" hidden="1">"c5461"</definedName>
    <definedName name="IQ_REVENUE_EST" hidden="1">"c1126"</definedName>
    <definedName name="IQ_REVENUE_EST_1" hidden="1">"c190"</definedName>
    <definedName name="IQ_REVENUE_EST_BOTTOM_UP" hidden="1">"c5488"</definedName>
    <definedName name="IQ_REVENUE_EST_BOTTOM_UP_CIQ" hidden="1">"c12025"</definedName>
    <definedName name="IQ_REVENUE_EST_BOTTOM_UP_REUT" hidden="1">"c5496"</definedName>
    <definedName name="IQ_REVENUE_EST_CIQ" hidden="1">"c3616"</definedName>
    <definedName name="IQ_REVENUE_EST_REUT" hidden="1">"c3634"</definedName>
    <definedName name="IQ_REVENUE_GROWTH_1" hidden="1">"c155"</definedName>
    <definedName name="IQ_REVENUE_GROWTH_2" hidden="1">"c159"</definedName>
    <definedName name="IQ_REVENUE_GUIDANCE" hidden="1">"c4519"</definedName>
    <definedName name="IQ_REVENUE_GUIDANCE_CIQ" hidden="1">"c5057"</definedName>
    <definedName name="IQ_REVENUE_HIGH_EST" hidden="1">"c1127"</definedName>
    <definedName name="IQ_REVENUE_HIGH_EST_CIQ" hidden="1">"c3618"</definedName>
    <definedName name="IQ_REVENUE_HIGH_EST_REUT" hidden="1">"c3636"</definedName>
    <definedName name="IQ_REVENUE_HIGH_GUIDANCE" hidden="1">"c4169"</definedName>
    <definedName name="IQ_REVENUE_HIGH_GUIDANCE_CIQ" hidden="1">"c4581"</definedName>
    <definedName name="IQ_REVENUE_LOW_EST" hidden="1">"c1128"</definedName>
    <definedName name="IQ_REVENUE_LOW_EST_CIQ" hidden="1">"c3619"</definedName>
    <definedName name="IQ_REVENUE_LOW_EST_REUT" hidden="1">"c3637"</definedName>
    <definedName name="IQ_REVENUE_LOW_GUIDANCE" hidden="1">"c4209"</definedName>
    <definedName name="IQ_REVENUE_LOW_GUIDANCE_CIQ" hidden="1">"c4621"</definedName>
    <definedName name="IQ_REVENUE_MEDIAN_EST" hidden="1">"c1662"</definedName>
    <definedName name="IQ_REVENUE_MEDIAN_EST_CIQ" hidden="1">"c3617"</definedName>
    <definedName name="IQ_REVENUE_MEDIAN_EST_REUT" hidden="1">"c3635"</definedName>
    <definedName name="IQ_REVENUE_NUM_EST" hidden="1">"c1129"</definedName>
    <definedName name="IQ_REVENUE_NUM_EST_CIQ" hidden="1">"c3620"</definedName>
    <definedName name="IQ_REVENUE_NUM_EST_REUT" hidden="1">"c3638"</definedName>
    <definedName name="IQ_REVISION_DATE_" hidden="1">39771.75375</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OUTSTANDING" hidden="1">"c1347"</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INTEREST_VOLUME" hidden="1">"c228"</definedName>
    <definedName name="IQ_SHORT_TERM_INVEST" hidden="1">"c1425"</definedName>
    <definedName name="IQ_SMALL_INT_BEAR_CD" hidden="1">"c1166"</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_BANK" hidden="1">"c2637"</definedName>
    <definedName name="IQ_SP_BANK_ACTION" hidden="1">"c2636"</definedName>
    <definedName name="IQ_SP_BANK_DATE" hidden="1">"c2635"</definedName>
    <definedName name="IQ_SP_FIN_ENHANCE_FX" hidden="1">"c2631"</definedName>
    <definedName name="IQ_SP_FIN_ENHANCE_FX_ACTION" hidden="1">"c2630"</definedName>
    <definedName name="IQ_SP_FIN_ENHANCE_FX_DATE" hidden="1">"c2629"</definedName>
    <definedName name="IQ_SP_FIN_ENHANCE_LC" hidden="1">"c2634"</definedName>
    <definedName name="IQ_SP_FIN_ENHANCE_LC_ACTION" hidden="1">"c2633"</definedName>
    <definedName name="IQ_SP_FIN_ENHANCE_LC_DATE" hidden="1">"c2632"</definedName>
    <definedName name="IQ_SP_FIN_STRENGTH_LC_ACTION_LT" hidden="1">"c2625"</definedName>
    <definedName name="IQ_SP_FIN_STRENGTH_LC_ACTION_ST" hidden="1">"c2626"</definedName>
    <definedName name="IQ_SP_FIN_STRENGTH_LC_DATE_LT" hidden="1">"c2623"</definedName>
    <definedName name="IQ_SP_FIN_STRENGTH_LC_DATE_ST" hidden="1">"c2624"</definedName>
    <definedName name="IQ_SP_FIN_STRENGTH_LC_LT" hidden="1">"c2627"</definedName>
    <definedName name="IQ_SP_FIN_STRENGTH_LC_ST" hidden="1">"c2628"</definedName>
    <definedName name="IQ_SP_FX_ACTION_LT" hidden="1">"c2613"</definedName>
    <definedName name="IQ_SP_FX_ACTION_ST" hidden="1">"c2614"</definedName>
    <definedName name="IQ_SP_FX_DATE_LT" hidden="1">"c2611"</definedName>
    <definedName name="IQ_SP_FX_DATE_ST" hidden="1">"c2612"</definedName>
    <definedName name="IQ_SP_FX_LT" hidden="1">"c2615"</definedName>
    <definedName name="IQ_SP_FX_ST" hidden="1">"c2616"</definedName>
    <definedName name="IQ_SP_ISSUE_ACTION" hidden="1">"c2644"</definedName>
    <definedName name="IQ_SP_ISSUE_DATE" hidden="1">"c2643"</definedName>
    <definedName name="IQ_SP_ISSUE_LT" hidden="1">"c2645"</definedName>
    <definedName name="IQ_SP_ISSUE_OUTLOOK_WATCH" hidden="1">"c2650"</definedName>
    <definedName name="IQ_SP_ISSUE_OUTLOOK_WATCH_DATE" hidden="1">"c2649"</definedName>
    <definedName name="IQ_SP_ISSUE_RECOVER" hidden="1">"c2648"</definedName>
    <definedName name="IQ_SP_ISSUE_RECOVER_ACTION" hidden="1">"c2647"</definedName>
    <definedName name="IQ_SP_ISSUE_RECOVER_DATE" hidden="1">"c2646"</definedName>
    <definedName name="IQ_SP_LC_ACTION_LT" hidden="1">"c2619"</definedName>
    <definedName name="IQ_SP_LC_ACTION_ST" hidden="1">"c2620"</definedName>
    <definedName name="IQ_SP_LC_DATE_LT" hidden="1">"c2617"</definedName>
    <definedName name="IQ_SP_LC_DATE_ST" hidden="1">"c2618"</definedName>
    <definedName name="IQ_SP_LC_LT" hidden="1">"c2621"</definedName>
    <definedName name="IQ_SP_LC_ST" hidden="1">"c2622"</definedName>
    <definedName name="IQ_SP_OUTLOOK_WATCH" hidden="1">"c2639"</definedName>
    <definedName name="IQ_SP_OUTLOOK_WATCH_DATE" hidden="1">"c2638"</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EST" hidden="1">"c4520"</definedName>
    <definedName name="IQ_STOCK_BASED_EST_CIQ" hidden="1">"c5073"</definedName>
    <definedName name="IQ_STOCK_BASED_GA" hidden="1">"c2993"</definedName>
    <definedName name="IQ_STOCK_BASED_HIGH_EST" hidden="1">"c4521"</definedName>
    <definedName name="IQ_STOCK_BASED_HIGH_EST_CIQ" hidden="1">"c5074"</definedName>
    <definedName name="IQ_STOCK_BASED_LOW_EST" hidden="1">"c4522"</definedName>
    <definedName name="IQ_STOCK_BASED_LOW_EST_CIQ" hidden="1">"c5075"</definedName>
    <definedName name="IQ_STOCK_BASED_MEDIAN_EST" hidden="1">"c4523"</definedName>
    <definedName name="IQ_STOCK_BASED_MEDIAN_EST_CIQ" hidden="1">"c5076"</definedName>
    <definedName name="IQ_STOCK_BASED_NUM_EST" hidden="1">"c4524"</definedName>
    <definedName name="IQ_STOCK_BASED_NUM_EST_CIQ" hidden="1">"c5077"</definedName>
    <definedName name="IQ_STOCK_BASED_OTHER" hidden="1">"c2995"</definedName>
    <definedName name="IQ_STOCK_BASED_RD" hidden="1">"c2991"</definedName>
    <definedName name="IQ_STOCK_BASED_SGA" hidden="1">"c2994"</definedName>
    <definedName name="IQ_STOCK_BASED_SM" hidden="1">"c2992"</definedName>
    <definedName name="IQ_STOCK_BASED_STDDEV_EST" hidden="1">"c4525"</definedName>
    <definedName name="IQ_STOCK_BASED_STDDEV_EST_CIQ" hidden="1">"c5078"</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TW" hidden="1">"c216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LASTCLOSE" hidden="1">"c1855"</definedName>
    <definedName name="IQ_TARGET_PRICE_NUM" hidden="1">"c1653"</definedName>
    <definedName name="IQ_TARGET_PRICE_NUM_CIQ" hidden="1">"c4661"</definedName>
    <definedName name="IQ_TARGET_PRICE_NUM_REUT" hidden="1">"c5319"</definedName>
    <definedName name="IQ_TARGET_PRICE_STDDEV" hidden="1">"c1654"</definedName>
    <definedName name="IQ_TARGET_PRICE_STDDEV_CIQ" hidden="1">"c4662"</definedName>
    <definedName name="IQ_TARGET_PRICE_STDDEV_REUT" hidden="1">"c5320"</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_FWD" hidden="1">"c2238"</definedName>
    <definedName name="IQ_TEV_EBIT_FWD_CIQ" hidden="1">"c4047"</definedName>
    <definedName name="IQ_TEV_EBIT_FWD_REUT" hidden="1">"c4054"</definedName>
    <definedName name="IQ_TEV_EBITDA" hidden="1">"c1222"</definedName>
    <definedName name="IQ_TEV_EBITDA_AVG" hidden="1">"c1223"</definedName>
    <definedName name="IQ_TEV_EBITDA_FWD" hidden="1">"c1224"</definedName>
    <definedName name="IQ_TEV_EBITDA_FWD_CIQ" hidden="1">"c4043"</definedName>
    <definedName name="IQ_TEV_EBITDA_FWD_REUT" hidden="1">"c4050"</definedName>
    <definedName name="IQ_TEV_EMPLOYEE_AVG" hidden="1">"c1225"</definedName>
    <definedName name="IQ_TEV_EST" hidden="1">"c4526"</definedName>
    <definedName name="IQ_TEV_EST_CIQ" hidden="1">"c5079"</definedName>
    <definedName name="IQ_TEV_HIGH_EST" hidden="1">"c4527"</definedName>
    <definedName name="IQ_TEV_HIGH_EST_CIQ" hidden="1">"c5080"</definedName>
    <definedName name="IQ_TEV_LOW_EST" hidden="1">"c4528"</definedName>
    <definedName name="IQ_TEV_LOW_EST_CIQ" hidden="1">"c5081"</definedName>
    <definedName name="IQ_TEV_MEDIAN_EST" hidden="1">"c4529"</definedName>
    <definedName name="IQ_TEV_MEDIAN_EST_CIQ" hidden="1">"c5082"</definedName>
    <definedName name="IQ_TEV_NUM_EST" hidden="1">"c4530"</definedName>
    <definedName name="IQ_TEV_NUM_EST_CIQ" hidden="1">"c5083"</definedName>
    <definedName name="IQ_TEV_STDDEV_EST" hidden="1">"c4531"</definedName>
    <definedName name="IQ_TEV_STDDEV_EST_CIQ" hidden="1">"c5084"</definedName>
    <definedName name="IQ_TEV_TOTAL_REV" hidden="1">"c1226"</definedName>
    <definedName name="IQ_TEV_TOTAL_REV_AVG" hidden="1">"c1227"</definedName>
    <definedName name="IQ_TEV_TOTAL_REV_FWD" hidden="1">"c1228"</definedName>
    <definedName name="IQ_TEV_TOTAL_REV_FWD_CIQ" hidden="1">"c4044"</definedName>
    <definedName name="IQ_TEV_TOTAL_REV_FWD_REUT" hidden="1">"c4051"</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ST" hidden="1">"c4532"</definedName>
    <definedName name="IQ_TOTAL_DEBT_EST_CIQ" hidden="1">"c5085"</definedName>
    <definedName name="IQ_TOTAL_DEBT_EXCL_FIN" hidden="1">"c2937"</definedName>
    <definedName name="IQ_TOTAL_DEBT_GUIDANCE" hidden="1">"c4533"</definedName>
    <definedName name="IQ_TOTAL_DEBT_GUIDANCE_CIQ" hidden="1">"c5086"</definedName>
    <definedName name="IQ_TOTAL_DEBT_HIGH_EST" hidden="1">"c4534"</definedName>
    <definedName name="IQ_TOTAL_DEBT_HIGH_EST_CIQ" hidden="1">"c5087"</definedName>
    <definedName name="IQ_TOTAL_DEBT_HIGH_GUIDANCE" hidden="1">"c4196"</definedName>
    <definedName name="IQ_TOTAL_DEBT_HIGH_GUIDANCE_CIQ" hidden="1">"c4608"</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LOW_EST" hidden="1">"c4535"</definedName>
    <definedName name="IQ_TOTAL_DEBT_LOW_EST_CIQ" hidden="1">"c5088"</definedName>
    <definedName name="IQ_TOTAL_DEBT_LOW_GUIDANCE" hidden="1">"c4236"</definedName>
    <definedName name="IQ_TOTAL_DEBT_LOW_GUIDANCE_CIQ" hidden="1">"c4648"</definedName>
    <definedName name="IQ_TOTAL_DEBT_MEDIAN_EST" hidden="1">"c4536"</definedName>
    <definedName name="IQ_TOTAL_DEBT_MEDIAN_EST_CIQ" hidden="1">"c5089"</definedName>
    <definedName name="IQ_TOTAL_DEBT_NON_CURRENT" hidden="1">"c6191"</definedName>
    <definedName name="IQ_TOTAL_DEBT_NUM_EST" hidden="1">"c4537"</definedName>
    <definedName name="IQ_TOTAL_DEBT_NUM_EST_CIQ" hidden="1">"c5090"</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BT_STDDEV_EST" hidden="1">"c4538"</definedName>
    <definedName name="IQ_TOTAL_DEBT_STDDEV_EST_CIQ" hidden="1">"c5091"</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ENSION_OBLIGATION" hidden="1">"c1292"</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LT_PARENT" hidden="1">"c3037"</definedName>
    <definedName name="IQ_ULT_PARENT_CIQID" hidden="1">"c3039"</definedName>
    <definedName name="IQ_ULT_PARENT_TICKER" hidden="1">"c3038"</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104"</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QB_BOOKMARK_COUNT" hidden="1">3</definedName>
    <definedName name="IQB_BOOKMARK_LOCATION_0" hidden="1">#REF!</definedName>
    <definedName name="IQB_BOOKMARK_LOCATION_1" hidden="1">#REF!</definedName>
    <definedName name="IQB_BOOKMARK_LOCATION_2" hidden="1">#REF!</definedName>
    <definedName name="IQB_CURRENT_BOOKMARK" hidden="1">1</definedName>
    <definedName name="IQRA7" hidden="1">"$A$8:$A$11"</definedName>
    <definedName name="IQRB7" hidden="1">"$B$8:$B$11"</definedName>
    <definedName name="IQRC7" hidden="1">"$C$8:$C$11"</definedName>
    <definedName name="IQRcompsCN8" hidden="1">#REF!</definedName>
    <definedName name="IQRcompsCN9" hidden="1">#REF!</definedName>
    <definedName name="IQRD7" hidden="1">"$D$8:$D$11"</definedName>
    <definedName name="IQRE7" hidden="1">"$E$8:$E$11"</definedName>
    <definedName name="IQRF7" hidden="1">"$F$8:$F$11"</definedName>
    <definedName name="IQRG7" hidden="1">"$G$8:$G$11"</definedName>
    <definedName name="IQRH7" hidden="1">"$H$8:$H$11"</definedName>
    <definedName name="IQRHikariPinducawacc20compsBV11" hidden="1">#REF!</definedName>
    <definedName name="IQRHikariPinducawacc20compsBV12" hidden="1">#REF!</definedName>
    <definedName name="IQRHikariPinducawacc20compsCD11" hidden="1">#REF!</definedName>
    <definedName name="IQRHikariPinducawacc20compsCD12" hidden="1">#REF!</definedName>
    <definedName name="IQRI7" hidden="1">"$I$8:$I$11"</definedName>
    <definedName name="IQRJ7" hidden="1">"$J$8:$J$11"</definedName>
    <definedName name="IQRpremiumcarewaccBU12" hidden="1">#REF!</definedName>
    <definedName name="IQRpremiumcarewaccBV12" hidden="1">#REF!</definedName>
    <definedName name="IQRpremiumcarewaccCC12" hidden="1">#REF!</definedName>
    <definedName name="IQRpremiumcarewaccCD12" hidden="1">#REF!</definedName>
    <definedName name="IQRWACCAnalysisBU10" hidden="1">#REF!</definedName>
    <definedName name="IQRWACCAnalysisBU11" hidden="1">#REF!</definedName>
    <definedName name="IQRWACCAnalysisBU12" hidden="1">#REF!</definedName>
    <definedName name="IQRWACCAnalysisBV10" hidden="1">#REF!</definedName>
    <definedName name="IQRWACCAnalysisBW10" hidden="1">#REF!</definedName>
    <definedName name="IQRWACCAnalysisCC10" hidden="1">#REF!</definedName>
    <definedName name="IQRWACCAnalysisCC11" hidden="1">#REF!</definedName>
    <definedName name="IQRWACCAnalysisCC12" hidden="1">#REF!</definedName>
    <definedName name="IQRWACCAnalysisCD10" hidden="1">#REF!</definedName>
    <definedName name="IQRWACCAnalysisCE10" hidden="1">#REF!</definedName>
    <definedName name="IQRwaccBT11" hidden="1">#REF!</definedName>
    <definedName name="IQRwaccBU11" hidden="1">#REF!</definedName>
    <definedName name="IQRwaccCB11" hidden="1">#REF!</definedName>
    <definedName name="IQRwaccCC11" hidden="1">#REF!</definedName>
    <definedName name="iQShowHideColumns" hidden="1">"iQShowQuarterlyAnnual"</definedName>
    <definedName name="IsColHidden" hidden="1">FALSE</definedName>
    <definedName name="IsLTMColHidden" hidden="1">FALSE</definedName>
    <definedName name="iuliuk" hidden="1">{#N/A,#N/A,FALSE,"DI 2 YEAR MASTER SCHEDULE"}</definedName>
    <definedName name="iuliuk_1" hidden="1">{#N/A,#N/A,FALSE,"DI 2 YEAR MASTER SCHEDULE"}</definedName>
    <definedName name="iuliuk_2" hidden="1">{#N/A,#N/A,FALSE,"DI 2 YEAR MASTER SCHEDULE"}</definedName>
    <definedName name="iuliuk_3" hidden="1">{#N/A,#N/A,FALSE,"DI 2 YEAR MASTER SCHEDULE"}</definedName>
    <definedName name="iuliuk_4" hidden="1">{#N/A,#N/A,FALSE,"DI 2 YEAR MASTER SCHEDULE"}</definedName>
    <definedName name="iuliuk_5" hidden="1">{#N/A,#N/A,FALSE,"DI 2 YEAR MASTER SCHEDULE"}</definedName>
    <definedName name="j" hidden="1">{"WACC_clientcopy",#N/A,FALSE,"Inputs";"Beta_clientcopy",#N/A,FALSE,"Inputs";"SCF_clientcopy",#N/A,FALSE,"Inputs";"ProBS_clientcopy",#N/A,FALSE,"Inputs";"BS_clientcopy",#N/A,FALSE,"Inputs";"ProIS_clientcopy",#N/A,FALSE,"Inputs";"IS_clientcopy",#N/A,FALSE,"Inputs";"Ratios_clientcopy",#N/A,FALSE,"Ratios"}</definedName>
    <definedName name="JanuarySBEP">'[12]Data SBEP'!$17:$434</definedName>
    <definedName name="jeanne" hidden="1">{#N/A,#N/A,FALSE,"Eastern";#N/A,#N/A,FALSE,"Western"}</definedName>
    <definedName name="jeanne_1" hidden="1">{#N/A,#N/A,FALSE,"Eastern";#N/A,#N/A,FALSE,"Western"}</definedName>
    <definedName name="jeanne_2" hidden="1">{#N/A,#N/A,FALSE,"Eastern";#N/A,#N/A,FALSE,"Western"}</definedName>
    <definedName name="jeanne_3" hidden="1">{#N/A,#N/A,FALSE,"Eastern";#N/A,#N/A,FALSE,"Western"}</definedName>
    <definedName name="jeanne_4" hidden="1">{#N/A,#N/A,FALSE,"Eastern";#N/A,#N/A,FALSE,"Western"}</definedName>
    <definedName name="jeanne_5" hidden="1">{#N/A,#N/A,FALSE,"Eastern";#N/A,#N/A,FALSE,"Western"}</definedName>
    <definedName name="JJ" localSheetId="0" hidden="1">{#N/A,#N/A,FALSE,"Aging Summary";#N/A,#N/A,FALSE,"Ratio Analysis";#N/A,#N/A,FALSE,"Test 120 Day Accts";#N/A,#N/A,FALSE,"Tickmarks"}</definedName>
    <definedName name="JJ" hidden="1">{#N/A,#N/A,FALSE,"Aging Summary";#N/A,#N/A,FALSE,"Ratio Analysis";#N/A,#N/A,FALSE,"Test 120 Day Accts";#N/A,#N/A,FALSE,"Tickmarks"}</definedName>
    <definedName name="jj_1" hidden="1">{#N/A,#N/A,FALSE,"Eastern";#N/A,#N/A,FALSE,"Western"}</definedName>
    <definedName name="jj_2" hidden="1">{#N/A,#N/A,FALSE,"Eastern";#N/A,#N/A,FALSE,"Western"}</definedName>
    <definedName name="jj_3" hidden="1">{#N/A,#N/A,FALSE,"Eastern";#N/A,#N/A,FALSE,"Western"}</definedName>
    <definedName name="jj_4" hidden="1">{#N/A,#N/A,FALSE,"Eastern";#N/A,#N/A,FALSE,"Western"}</definedName>
    <definedName name="jj_5" hidden="1">{#N/A,#N/A,FALSE,"Eastern";#N/A,#N/A,FALSE,"Western"}</definedName>
    <definedName name="jnknkjn" hidden="1">#REF!</definedName>
    <definedName name="joao" hidden="1">{"SCH49",#N/A,FALSE,"eva"}</definedName>
    <definedName name="jso" hidden="1">{"sch56",#N/A,FALSE,"savings";"sch64",#N/A,FALSE,"savings"}</definedName>
    <definedName name="JulySBEP">'[12]Data SBEP'!$2555:$2969</definedName>
    <definedName name="JuneSBEP">'[12]Data SBEP'!$2132:$2548</definedName>
    <definedName name="kassaflöde" localSheetId="0" hidden="1">{#N/A,#N/A,FALSE,"Aging Summary";#N/A,#N/A,FALSE,"Ratio Analysis";#N/A,#N/A,FALSE,"Test 120 Day Accts";#N/A,#N/A,FALSE,"Tickmarks"}</definedName>
    <definedName name="kassaflöde" hidden="1">{#N/A,#N/A,FALSE,"Aging Summary";#N/A,#N/A,FALSE,"Ratio Analysis";#N/A,#N/A,FALSE,"Test 120 Day Accts";#N/A,#N/A,FALSE,"Tickmarks"}</definedName>
    <definedName name="KDFJA"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KDFJA"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key" hidden="1">[21]Setup!$C$2:$C$5</definedName>
    <definedName name="KEY_CountryCodes" hidden="1">[22]Setup!$C$138:$D$185</definedName>
    <definedName name="KEY_Currencys" hidden="1">[23]Setup!$A$2:$A$46</definedName>
    <definedName name="KEY_Pillars" hidden="1">[23]Setup!$D$2:$D$6</definedName>
    <definedName name="KEY_PlantCodes" hidden="1">[22]Setup!$A$138:$B$285</definedName>
    <definedName name="KEY_Regions" hidden="1">[23]Setup!$B$2:$B$9</definedName>
    <definedName name="KEY_Status" hidden="1">[23]Setup!$C$2:$C$5</definedName>
    <definedName name="KEY_YesNo" hidden="1">[23]Setup!$E$2:$E$3</definedName>
    <definedName name="khjjkh" hidden="1">#REF!</definedName>
    <definedName name="KJL" hidden="1">{#N/A,#N/A,FALSE,"Dutos";#N/A,#N/A,FALSE,"Terminais"}</definedName>
    <definedName name="kk" localSheetId="0" hidden="1">{#N/A,#N/A,FALSE,"Aging Summary";#N/A,#N/A,FALSE,"Ratio Analysis";#N/A,#N/A,FALSE,"Test 120 Day Accts";#N/A,#N/A,FALSE,"Tickmarks"}</definedName>
    <definedName name="kk" hidden="1">{#N/A,#N/A,FALSE,"Aging Summary";#N/A,#N/A,FALSE,"Ratio Analysis";#N/A,#N/A,FALSE,"Test 120 Day Accts";#N/A,#N/A,FALSE,"Tickmarks"}</definedName>
    <definedName name="kljflksjk" hidden="1">{#N/A,#N/A,FALSE,"SIM95"}</definedName>
    <definedName name="krp" hidden="1">#REF!</definedName>
    <definedName name="kshackjhfalf" hidden="1">{#N/A,#N/A,FALSE,"SIM95"}</definedName>
    <definedName name="ksksk" localSheetId="0" hidden="1">{"Expense Analysis MKT",#N/A,TRUE,"MKT";"Expense Analysis BUSS",#N/A,TRUE,"BusOper";"Expense Analysis TECH",#N/A,TRUE,"Tech";"Expense Analysis LOCAL",#N/A,TRUE,"LocalProg";"Expense Analysis GA",#N/A,TRUE,"G&amp;A";"Expense Analysis CONSOL",#N/A,TRUE,"Consolidate"}</definedName>
    <definedName name="ksksk" hidden="1">{"Expense Analysis MKT",#N/A,TRUE,"MKT";"Expense Analysis BUSS",#N/A,TRUE,"BusOper";"Expense Analysis TECH",#N/A,TRUE,"Tech";"Expense Analysis LOCAL",#N/A,TRUE,"LocalProg";"Expense Analysis GA",#N/A,TRUE,"G&amp;A";"Expense Analysis CONSOL",#N/A,TRUE,"Consolidate"}</definedName>
    <definedName name="kuka" hidden="1">{#N/A,#N/A,FALSE,"Menu"}</definedName>
    <definedName name="KUKJNK" hidden="1">{"Rio Branco",#N/A,FALSE,"Rio Branco";"Itajaí",#N/A,FALSE,"Itajaí";"Pinheiro Machado",#N/A,FALSE,"PMachado";"Esteio",#N/A,FALSE,"Esteio"}</definedName>
    <definedName name="ldlwkldkwd" hidden="1">16</definedName>
    <definedName name="lfgl" hidden="1">{"Econ Consolidado",#N/A,FALSE,"Econ Consol";"Fluxo de Caixa",#N/A,FALSE,"Fluxo Caixa";"Investimentos",#N/A,FALSE,"Investimentos"}</definedName>
    <definedName name="limcount" hidden="1">1</definedName>
    <definedName name="ListOffset" hidden="1">1</definedName>
    <definedName name="lixo" hidden="1">{#N/A,#N/A,FALSE,"Dutos";#N/A,#N/A,FALSE,"Terminais"}</definedName>
    <definedName name="lixo2" hidden="1">{#N/A,#N/A,FALSE,"Dutos";#N/A,#N/A,FALSE,"Terminais"}</definedName>
    <definedName name="lixo3" hidden="1">{#N/A,#N/A,FALSE,"Dutos";#N/A,#N/A,FALSE,"Terminais"}</definedName>
    <definedName name="LJLOJ" hidden="1">{"Econ Consolidado",#N/A,FALSE,"Econ Consol";"Fluxo de Caixa",#N/A,FALSE,"Fluxo Caixa";"Investimentos",#N/A,FALSE,"Investimentos"}</definedName>
    <definedName name="LKLK" hidden="1">{"Econ Consolidado",#N/A,FALSE,"Econ Consol";"Fluxo de Caixa",#N/A,FALSE,"Fluxo Caixa";"Investimentos",#N/A,FALSE,"Investimentos"}</definedName>
    <definedName name="ll" hidden="1">{#N/A,"Mine Allocated, Keep AC",FALSE,"Stream INPUTS";#N/A,"All Preferred, Sell AC",FALSE,"Stream INPUTS";#N/A,"Step Up, Sell AC",FALSE,"Stream INPUTS";#N/A,"All Preferred, BRONCO buys AC",FALSE,"Stream INPUTS"}</definedName>
    <definedName name="lnhj" hidden="1">{"Econ Consolidado",#N/A,FALSE,"Econ Consol";"Fluxo de Caixa",#N/A,FALSE,"Fluxo Caixa";"Investimentos",#N/A,FALSE,"Investimentos"}</definedName>
    <definedName name="Loss_Anexo" hidden="1">{#N/A,#N/A,FALSE,"SIM95"}</definedName>
    <definedName name="m" hidden="1">{#N/A,#N/A,FALSE,"DCF Summary";#N/A,#N/A,FALSE,"Casema";#N/A,#N/A,FALSE,"Casema NoTel";#N/A,#N/A,FALSE,"UK";#N/A,#N/A,FALSE,"RCF";#N/A,#N/A,FALSE,"Intercable CZ";#N/A,#N/A,FALSE,"Interkabel P"}</definedName>
    <definedName name="M.O" hidden="1">{"Econ Consolidado",#N/A,FALSE,"Econ Consol";"Fluxo de Caixa",#N/A,FALSE,"Fluxo Caixa";"Investimentos",#N/A,FALSE,"Investimentos"}</definedName>
    <definedName name="M___S__I_Actual57" hidden="1">(('[20]M &amp; S (I)'!$BH$57="E")+('[20]M &amp; S (I)'!$BH$57="D")*2+('[20]M &amp; S (I)'!$BH$57="C")*3+('[20]M &amp; S (I)'!$BH$57="B")*4+('[20]M &amp; S (I)'!$BH$57="A")*5-0.5)</definedName>
    <definedName name="M___S__I_Actual58" hidden="1">(('[20]M &amp; S (I)'!$BH$58="E")+('[20]M &amp; S (I)'!$BH$58="D")*2+('[20]M &amp; S (I)'!$BH$58="C")*3+('[20]M &amp; S (I)'!$BH$58="B")*4+('[20]M &amp; S (I)'!$BH$58="A")*5-0.5)</definedName>
    <definedName name="M___S__I_Actual60" hidden="1">(('[20]M &amp; S (I)'!$BH$60="E")+('[20]M &amp; S (I)'!$BH$60="D")*2+('[20]M &amp; S (I)'!$BH$60="C")*3+('[20]M &amp; S (I)'!$BH$60="B")*4+('[20]M &amp; S (I)'!$BH$60="A")*5-0.5)</definedName>
    <definedName name="M___S__I_Actual61" hidden="1">(('[20]M &amp; S (I)'!$BH$61="E")+('[20]M &amp; S (I)'!$BH$61="D")*2+('[20]M &amp; S (I)'!$BH$61="C")*3+('[20]M &amp; S (I)'!$BH$61="B")*4+('[20]M &amp; S (I)'!$BH$61="A")*5-0.5)</definedName>
    <definedName name="M___S__I_Actual62" hidden="1">(('[20]M &amp; S (I)'!$BH$62="E")+('[20]M &amp; S (I)'!$BH$62="D")*2+('[20]M &amp; S (I)'!$BH$62="C")*3+('[20]M &amp; S (I)'!$BH$62="B")*4+('[20]M &amp; S (I)'!$BH$62="A")*5-0.5)</definedName>
    <definedName name="M___S__I_ActualA73" hidden="1">IF(AND('[20]M &amp; S (I)'!$BH$76&gt;='[20]M &amp; S (I)'!$BS$76,'[20]M &amp; S (I)'!$BH$76&lt;='[20]M &amp; S (I)'!$BT$76),"A","")</definedName>
    <definedName name="M___S__I_ActualB73" hidden="1">IF(AND('[20]M &amp; S (I)'!$BH$76&gt;'[20]M &amp; S (I)'!$BQ$76,'[20]M &amp; S (I)'!$BH$76&lt;='[20]M &amp; S (I)'!$BR$76),"B","")</definedName>
    <definedName name="M___S__I_ActualC73" hidden="1">IF(AND('[20]M &amp; S (I)'!$BH$76&gt;'[20]M &amp; S (I)'!$BO$76,'[20]M &amp; S (I)'!$BH$76&lt;='[20]M &amp; S (I)'!$BP$76),"C","")</definedName>
    <definedName name="M___S__I_ActualD73" hidden="1">IF(AND('[20]M &amp; S (I)'!$BH$76&gt;'[20]M &amp; S (I)'!$BM$76,'[20]M &amp; S (I)'!$BH$76&lt;='[20]M &amp; S (I)'!$BN$76),"D","")</definedName>
    <definedName name="M___S__I_ActualE73" hidden="1">IF(AND('[20]M &amp; S (I)'!$BH$76&gt;'[20]M &amp; S (I)'!$BK$76,'[20]M &amp; S (I)'!$BH$76&lt;='[20]M &amp; S (I)'!$BL$76),"E","")</definedName>
    <definedName name="M___S__I_Divisor71" hidden="1">(MAX('[20]M &amp; S (I)'!$BW$72,'[20]M &amp; S (I)'!$BH$72,'[20]M &amp; S (I)'!$BG$72)-MIN('[20]M &amp; S (I)'!$BU$72,'[20]M &amp; S (I)'!$BH$72,'[20]M &amp; S (I)'!$BG$72))</definedName>
    <definedName name="M___S__I_Row57LetterClassedNve" hidden="1">"Segmentation scheme &amp; implementation"</definedName>
    <definedName name="M___S__I_Row58LetterClassedNve" hidden="1">"Tracking of segment attractiveness by Business Systems"</definedName>
    <definedName name="M___S__I_Row60LetterClassedNve" hidden="1">"Pricing"</definedName>
    <definedName name="M___S__I_Row61LetterClassedNve" hidden="1">"Product range"</definedName>
    <definedName name="M___S__I_Row62LetterClassedNve" hidden="1">"Sales force deployment"</definedName>
    <definedName name="M___S__I_Row71PeerGroupPve" hidden="1">"Current Cementitious Materials Addition Ratio"</definedName>
    <definedName name="M___S__I_Row73AText" hidden="1">'[20]M &amp; S (I)'!$DC$76</definedName>
    <definedName name="M___S__I_Row73BText" hidden="1">'[20]M &amp; S (I)'!$DD$76</definedName>
    <definedName name="M___S__I_Row73CText" hidden="1">'[20]M &amp; S (I)'!$DE$76</definedName>
    <definedName name="M___S__I_Row73DText" hidden="1">'[20]M &amp; S (I)'!$DF$76</definedName>
    <definedName name="M___S__I_Row73EText" hidden="1">'[20]M &amp; S (I)'!$DG$76</definedName>
    <definedName name="M___S__I_Row73ValueClassedNve" hidden="1">"CM supply dispersion"</definedName>
    <definedName name="M___S__I_Row74LetterClassedNve" hidden="1">"CM maturity index"</definedName>
    <definedName name="M___S__I_Scenario56" hidden="1">(('[20]M &amp; S (I)'!$BG$56="E")+('[20]M &amp; S (I)'!$BG$56="D")*2+('[20]M &amp; S (I)'!$BG$56="C")*3+('[20]M &amp; S (I)'!$BG$56="B")*4+('[20]M &amp; S (I)'!$BG$56="A")*5-0.5)</definedName>
    <definedName name="M___S__I_Scenario57" hidden="1">(('[20]M &amp; S (I)'!$BG$57="E")+('[20]M &amp; S (I)'!$BG$57="D")*2+('[20]M &amp; S (I)'!$BG$57="C")*3+('[20]M &amp; S (I)'!$BG$57="B")*4+('[20]M &amp; S (I)'!$BG$57="A")*5-0.5)</definedName>
    <definedName name="M___S__I_Scenario58" hidden="1">(('[20]M &amp; S (I)'!$BG$58="E")+('[20]M &amp; S (I)'!$BG$58="D")*2+('[20]M &amp; S (I)'!$BG$58="C")*3+('[20]M &amp; S (I)'!$BG$58="B")*4+('[20]M &amp; S (I)'!$BG$58="A")*5-0.5)</definedName>
    <definedName name="M___S__I_Scenario60" hidden="1">(('[20]M &amp; S (I)'!$BG$60="E")+('[20]M &amp; S (I)'!$BG$60="D")*2+('[20]M &amp; S (I)'!$BG$60="C")*3+('[20]M &amp; S (I)'!$BG$60="B")*4+('[20]M &amp; S (I)'!$BG$60="A")*5-0.5)</definedName>
    <definedName name="M___S__I_Scenario61" hidden="1">(('[20]M &amp; S (I)'!$BG$61="E")+('[20]M &amp; S (I)'!$BG$61="D")*2+('[20]M &amp; S (I)'!$BG$61="C")*3+('[20]M &amp; S (I)'!$BG$61="B")*4+('[20]M &amp; S (I)'!$BG$61="A")*5-0.5)</definedName>
    <definedName name="M___S__I_Scenario62" hidden="1">(('[20]M &amp; S (I)'!$BG$62="E")+('[20]M &amp; S (I)'!$BG$62="D")*2+('[20]M &amp; S (I)'!$BG$62="C")*3+('[20]M &amp; S (I)'!$BG$62="B")*4+('[20]M &amp; S (I)'!$BG$62="A")*5-0.5)</definedName>
    <definedName name="M___S__I_ScenarioA73" hidden="1">IF(AND('[20]M &amp; S (I)'!$BG$76&gt;='[20]M &amp; S (I)'!$BS$76,'[20]M &amp; S (I)'!$BG$76&lt;='[20]M &amp; S (I)'!$BT$76),"A","")</definedName>
    <definedName name="M___S__I_ScenarioB73" hidden="1">IF(AND('[20]M &amp; S (I)'!$BG$76&gt;'[20]M &amp; S (I)'!$BQ$76,'[20]M &amp; S (I)'!$BG$76&lt;='[20]M &amp; S (I)'!$BR$76),"B","")</definedName>
    <definedName name="M___S__I_ScenarioC73" hidden="1">IF(AND('[20]M &amp; S (I)'!$BG$76&gt;'[20]M &amp; S (I)'!$BO$76,'[20]M &amp; S (I)'!$BG$76&lt;='[20]M &amp; S (I)'!$BP$76),"C","")</definedName>
    <definedName name="M___S__I_ScenarioD73" hidden="1">IF(AND('[20]M &amp; S (I)'!$BG$76&gt;'[20]M &amp; S (I)'!$BM$76,'[20]M &amp; S (I)'!$BG$76&lt;='[20]M &amp; S (I)'!$BN$76),"D","")</definedName>
    <definedName name="M___S__I_ScenarioE73" hidden="1">IF(AND('[20]M &amp; S (I)'!$BG$76&gt;'[20]M &amp; S (I)'!$BK$76,'[20]M &amp; S (I)'!$BG$76&lt;='[20]M &amp; S (I)'!$BL$76),"E","")</definedName>
    <definedName name="m3_boe" localSheetId="0">'[10]Master Trimestre Abertura'!$D$9</definedName>
    <definedName name="m3_boe">'[11]Master Trimestre Abertura'!$D$9</definedName>
    <definedName name="MarchSBEP">'[12]Data SBEP'!$863:$1277</definedName>
    <definedName name="marcos" hidden="1">{#N/A,#N/A,FALSE,"ENERGIA";#N/A,#N/A,FALSE,"PERDIDAS";#N/A,#N/A,FALSE,"CLIENTES";#N/A,#N/A,FALSE,"ESTADO";#N/A,#N/A,FALSE,"TECNICA"}</definedName>
    <definedName name="Maria" hidden="1">{"SCH73",#N/A,FALSE,"eva";"SCH74",#N/A,FALSE,"eva";"SCH75",#N/A,FALSE,"eva"}</definedName>
    <definedName name="marzo1" hidden="1">{#N/A,#N/A,FALSE,"Acum Julio - 00"}</definedName>
    <definedName name="MaySBEP">'[12]Data SBEP'!$1709:$2126</definedName>
    <definedName name="men" hidden="1">{#N/A,#N/A,FALSE,"LLAVE";#N/A,#N/A,FALSE,"EERR";#N/A,#N/A,FALSE,"ESP";#N/A,#N/A,FALSE,"EOAF";#N/A,#N/A,FALSE,"CASH";#N/A,#N/A,FALSE,"FINANZAS";#N/A,#N/A,FALSE,"DEUDA";#N/A,#N/A,FALSE,"INVERSION";#N/A,#N/A,FALSE,"PERSONAL"}</definedName>
    <definedName name="mike" hidden="1">{#N/A,#N/A,FALSE,"Aging Summary";#N/A,#N/A,FALSE,"Ratio Analysis";#N/A,#N/A,FALSE,"Test 120 Day Accts";#N/A,#N/A,FALSE,"Tickmarks"}</definedName>
    <definedName name="Mil" localSheetId="0">'[24]Master Trimestre Abertura'!$D$11</definedName>
    <definedName name="Mil">'[11]Master Trimestre Abertura'!$D$11</definedName>
    <definedName name="Milhão" localSheetId="0">'[10]Master Trimestre Abertura'!$D$12</definedName>
    <definedName name="Milhão">'[11]Master Trimestre Abertura'!$D$12</definedName>
    <definedName name="mjm"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m_1"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m_2"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m_3"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m_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m_5"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mjnlkjlkjflsdufosufosdufosdf" hidden="1">{"Cimesa",#N/A,FALSE,"Cimesa";"Cipasa",#N/A,FALSE,"Cipasa";"Cearense",#N/A,FALSE,"Cearense"}</definedName>
    <definedName name="mmmm" hidden="1">{#N/A,#N/A,FALSE,"LLAVE";#N/A,#N/A,FALSE,"EERR";#N/A,#N/A,FALSE,"ESP";#N/A,#N/A,FALSE,"EOAF";#N/A,#N/A,FALSE,"CASH";#N/A,#N/A,FALSE,"FINANZAS";#N/A,#N/A,FALSE,"DEUDA";#N/A,#N/A,FALSE,"INVERSION";#N/A,#N/A,FALSE,"PERSONAL"}</definedName>
    <definedName name="mmmmm"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mmmmm"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MOA" hidden="1">{#N/A,#N/A,FALSE,"DEF1";#N/A,#N/A,FALSE,"DEF2";#N/A,#N/A,FALSE,"DEF3"}</definedName>
    <definedName name="MOA_1" hidden="1">{#N/A,#N/A,FALSE,"DEF1";#N/A,#N/A,FALSE,"DEF2";#N/A,#N/A,FALSE,"DEF3"}</definedName>
    <definedName name="MOA_2" hidden="1">{#N/A,#N/A,FALSE,"DEF1";#N/A,#N/A,FALSE,"DEF2";#N/A,#N/A,FALSE,"DEF3"}</definedName>
    <definedName name="MOA_3" hidden="1">{#N/A,#N/A,FALSE,"DEF1";#N/A,#N/A,FALSE,"DEF2";#N/A,#N/A,FALSE,"DEF3"}</definedName>
    <definedName name="MOA_4" hidden="1">{#N/A,#N/A,FALSE,"DEF1";#N/A,#N/A,FALSE,"DEF2";#N/A,#N/A,FALSE,"DEF3"}</definedName>
    <definedName name="MOA_5" hidden="1">{#N/A,#N/A,FALSE,"DEF1";#N/A,#N/A,FALSE,"DEF2";#N/A,#N/A,FALSE,"DEF3"}</definedName>
    <definedName name="Moagem.xls" hidden="1">{"Rio Branco",#N/A,FALSE,"Rio Branco";"Itajaí",#N/A,FALSE,"Itajaí";"Pinheiro Machado",#N/A,FALSE,"PMachado";"Esteio",#N/A,FALSE,"Esteio"}</definedName>
    <definedName name="myujdcd"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myujdcd_1"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myujdcd_2"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myujdcd_3"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myujdcd_4"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myujdcd_5"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n" hidden="1">{#N/A,#N/A,TRUE,"DCF Summary";#N/A,#N/A,TRUE,"Casema";#N/A,#N/A,TRUE,"UK";#N/A,#N/A,TRUE,"RCF";#N/A,#N/A,TRUE,"Intercable CZ";#N/A,#N/A,TRUE,"Interkabel P";#N/A,#N/A,TRUE,"LBO-Total";#N/A,#N/A,TRUE,"LBO-Casema"}</definedName>
    <definedName name="N.4.4.temp" hidden="1">{#N/A,#N/A,FALSE,"SIM95"}</definedName>
    <definedName name="N_Ações" localSheetId="0">'[10]Master Trimestre Abertura'!$D$10</definedName>
    <definedName name="N_Ações">'[11]Master Trimestre Abertura'!$D$10</definedName>
    <definedName name="N2.2." hidden="1">{#N/A,#N/A,FALSE,"SIM95"}</definedName>
    <definedName name="NEWWW" hidden="1">{"'PXR_6500'!$A$1:$I$124"}</definedName>
    <definedName name="NICOLA" hidden="1">{"IT",#N/A,FALSE,"GRAPHS";"Services",#N/A,FALSE,"GRAPHS";"Subsurface",#N/A,FALSE,"GRAPHS";"Production",#N/A,FALSE,"GRAPHS";"Facilities",#N/A,FALSE,"GRAPHS";"Pipeline &amp; Terminal",#N/A,FALSE,"GRAPHS";"Safety",#N/A,FALSE,"GRAPHS";"Commercial",#N/A,FALSE,"GRAPHS"}</definedName>
    <definedName name="nmm" hidden="1">{TRUE,TRUE,-1.25,-15.5,484.5,278.25,FALSE,FALSE,TRUE,FALSE,0,5,#N/A,593,#N/A,7.47457627118644,22.5714285714286,1,FALSE,FALSE,3,TRUE,1,FALSE,100,"Swvu.RES432.","ACwvu.RES432.",#N/A,FALSE,FALSE,0,0,0,0,2,"","",FALSE,FALSE,FALSE,FALSE,1,90,#N/A,#N/A,"=R1C1:R650C11",FALSE,#N/A,#N/A,FALSE,FALSE,FALSE,1,65532,65532,FALSE,FALSE,TRUE,TRUE,TRUE}</definedName>
    <definedName name="nmm_1" hidden="1">{TRUE,TRUE,-1.25,-15.5,484.5,278.25,FALSE,FALSE,TRUE,FALSE,0,5,#N/A,593,#N/A,7.47457627118644,22.5714285714286,1,FALSE,FALSE,3,TRUE,1,FALSE,100,"Swvu.RES432.","ACwvu.RES432.",#N/A,FALSE,FALSE,0,0,0,0,2,"","",FALSE,FALSE,FALSE,FALSE,1,90,#N/A,#N/A,"=R1C1:R650C11",FALSE,#N/A,#N/A,FALSE,FALSE,FALSE,1,65532,65532,FALSE,FALSE,TRUE,TRUE,TRUE}</definedName>
    <definedName name="nmm_2" hidden="1">{TRUE,TRUE,-1.25,-15.5,484.5,278.25,FALSE,FALSE,TRUE,FALSE,0,5,#N/A,593,#N/A,7.47457627118644,22.5714285714286,1,FALSE,FALSE,3,TRUE,1,FALSE,100,"Swvu.RES432.","ACwvu.RES432.",#N/A,FALSE,FALSE,0,0,0,0,2,"","",FALSE,FALSE,FALSE,FALSE,1,90,#N/A,#N/A,"=R1C1:R650C11",FALSE,#N/A,#N/A,FALSE,FALSE,FALSE,1,65532,65532,FALSE,FALSE,TRUE,TRUE,TRUE}</definedName>
    <definedName name="nmm_3" hidden="1">{TRUE,TRUE,-1.25,-15.5,484.5,278.25,FALSE,FALSE,TRUE,FALSE,0,5,#N/A,593,#N/A,7.47457627118644,22.5714285714286,1,FALSE,FALSE,3,TRUE,1,FALSE,100,"Swvu.RES432.","ACwvu.RES432.",#N/A,FALSE,FALSE,0,0,0,0,2,"","",FALSE,FALSE,FALSE,FALSE,1,90,#N/A,#N/A,"=R1C1:R650C11",FALSE,#N/A,#N/A,FALSE,FALSE,FALSE,1,65532,65532,FALSE,FALSE,TRUE,TRUE,TRUE}</definedName>
    <definedName name="nmm_4" hidden="1">{TRUE,TRUE,-1.25,-15.5,484.5,278.25,FALSE,FALSE,TRUE,FALSE,0,5,#N/A,593,#N/A,7.47457627118644,22.5714285714286,1,FALSE,FALSE,3,TRUE,1,FALSE,100,"Swvu.RES432.","ACwvu.RES432.",#N/A,FALSE,FALSE,0,0,0,0,2,"","",FALSE,FALSE,FALSE,FALSE,1,90,#N/A,#N/A,"=R1C1:R650C11",FALSE,#N/A,#N/A,FALSE,FALSE,FALSE,1,65532,65532,FALSE,FALSE,TRUE,TRUE,TRUE}</definedName>
    <definedName name="nmm_5" hidden="1">{TRUE,TRUE,-1.25,-15.5,484.5,278.25,FALSE,FALSE,TRUE,FALSE,0,5,#N/A,593,#N/A,7.47457627118644,22.5714285714286,1,FALSE,FALSE,3,TRUE,1,FALSE,100,"Swvu.RES432.","ACwvu.RES432.",#N/A,FALSE,FALSE,0,0,0,0,2,"","",FALSE,FALSE,FALSE,FALSE,1,90,#N/A,#N/A,"=R1C1:R650C11",FALSE,#N/A,#N/A,FALSE,FALSE,FALSE,1,65532,65532,FALSE,FALSE,TRUE,TRUE,TRUE}</definedName>
    <definedName name="nnn" hidden="1">{#N/A,#N/A,FALSE,"1321";#N/A,#N/A,FALSE,"1324";#N/A,#N/A,FALSE,"1333";#N/A,#N/A,FALSE,"1371"}</definedName>
    <definedName name="notre" localSheetId="0" hidden="1">{#N/A,#N/A,FALSE,"Aging Summary";#N/A,#N/A,FALSE,"Ratio Analysis";#N/A,#N/A,FALSE,"Test 120 Day Accts";#N/A,#N/A,FALSE,"Tickmarks"}</definedName>
    <definedName name="notre" hidden="1">{#N/A,#N/A,FALSE,"Aging Summary";#N/A,#N/A,FALSE,"Ratio Analysis";#N/A,#N/A,FALSE,"Test 120 Day Accts";#N/A,#N/A,FALSE,"Tickmarks"}</definedName>
    <definedName name="nova" localSheetId="0" hidden="1">{#N/A,#N/A,FALSE,"HEADALU";#N/A,#N/A,FALSE,"REVHEAD";#N/A,#N/A,FALSE,"ESTAGIARIOS";#N/A,#N/A,FALSE,"VAGAS"}</definedName>
    <definedName name="nova" hidden="1">{#N/A,#N/A,FALSE,"HEADALU";#N/A,#N/A,FALSE,"REVHEAD";#N/A,#N/A,FALSE,"ESTAGIARIOS";#N/A,#N/A,FALSE,"VAGAS"}</definedName>
    <definedName name="NovemberSBEP">'[12]Data SBEP'!$4243:$4656</definedName>
    <definedName name="NumofGrpAccts" hidden="1">1</definedName>
    <definedName name="nwncn" hidden="1">22</definedName>
    <definedName name="o" hidden="1">{#N/A,#N/A,FALSE,"Acum Julio - 00"}</definedName>
    <definedName name="OctoberSBEP">'[12]Data SBEP'!$3821:$4235</definedName>
    <definedName name="oo" hidden="1">{"SCH73",#N/A,FALSE,"eva";"SCH74",#N/A,FALSE,"eva";"SCH75",#N/A,FALSE,"eva"}</definedName>
    <definedName name="orig.incomestmt" hidden="1">{"IT",#N/A,FALSE,"GRAPHS";"Services",#N/A,FALSE,"GRAPHS";"Subsurface",#N/A,FALSE,"GRAPHS";"Production",#N/A,FALSE,"GRAPHS";"Facilities",#N/A,FALSE,"GRAPHS";"Pipeline &amp; Terminal",#N/A,FALSE,"GRAPHS";"Safety",#N/A,FALSE,"GRAPHS";"Commercial",#N/A,FALSE,"GRAPHS"}</definedName>
    <definedName name="other" hidden="1">{"SCH15",#N/A,FALSE,"SCH15,16,85,86";"SCH16",#N/A,FALSE,"SCH15,16,85,86";"SCH85",#N/A,FALSE,"SCH15,16,85,86";"SCH86",#N/A,FALSE,"SCH15,16,85,86"}</definedName>
    <definedName name="OTHER_LEVERSActualA56" hidden="1">IF(AND('[20]OTHER LEVERS'!$BH$56&gt;'[20]OTHER LEVERS'!$BS$56,'[20]OTHER LEVERS'!$BH$56&lt;='[20]OTHER LEVERS'!$BT$56),"A","")</definedName>
    <definedName name="OTHER_LEVERSActualA58" hidden="1">IF(AND('[20]OTHER LEVERS'!$BH$58&gt;'[20]OTHER LEVERS'!$BS$58,'[20]OTHER LEVERS'!$BH$58&lt;='[20]OTHER LEVERS'!$BT$58),"A","")</definedName>
    <definedName name="OTHER_LEVERSActualB56" hidden="1">IF(AND('[20]OTHER LEVERS'!$BH$56&gt;'[20]OTHER LEVERS'!$BQ$56,'[20]OTHER LEVERS'!$BH$56&lt;='[20]OTHER LEVERS'!$BR$56),"B","")</definedName>
    <definedName name="OTHER_LEVERSActualB58" hidden="1">IF(AND('[20]OTHER LEVERS'!$BH$58&gt;'[20]OTHER LEVERS'!$BQ$58,'[20]OTHER LEVERS'!$BH$58&lt;='[20]OTHER LEVERS'!$BR$58),"B","")</definedName>
    <definedName name="OTHER_LEVERSActualC56" hidden="1">IF(AND('[20]OTHER LEVERS'!$BH$56&gt;'[20]OTHER LEVERS'!$BO$56,'[20]OTHER LEVERS'!$BH$56&lt;='[20]OTHER LEVERS'!$BP$56),"C","")</definedName>
    <definedName name="OTHER_LEVERSActualC58" hidden="1">IF(AND('[20]OTHER LEVERS'!$BH$58&gt;'[20]OTHER LEVERS'!$BO$58,'[20]OTHER LEVERS'!$BH$58&lt;='[20]OTHER LEVERS'!$BP$58),"C","")</definedName>
    <definedName name="OTHER_LEVERSActualD56" hidden="1">IF(AND('[20]OTHER LEVERS'!$BH$56&gt;'[20]OTHER LEVERS'!$BM$56,'[20]OTHER LEVERS'!$BH$56&lt;='[20]OTHER LEVERS'!$BN$56),"D","")</definedName>
    <definedName name="OTHER_LEVERSActualD58" hidden="1">IF(AND('[20]OTHER LEVERS'!$BH$58&gt;'[20]OTHER LEVERS'!$BM$58,'[20]OTHER LEVERS'!$BH$58&lt;='[20]OTHER LEVERS'!$BN$58),"D","")</definedName>
    <definedName name="OTHER_LEVERSActualE56" hidden="1">IF(AND('[20]OTHER LEVERS'!$BH$56&gt;='[20]OTHER LEVERS'!$BK$56,'[20]OTHER LEVERS'!$BH$56&lt;='[20]OTHER LEVERS'!$BL$56),"E","")</definedName>
    <definedName name="OTHER_LEVERSActualE58" hidden="1">IF(AND('[20]OTHER LEVERS'!$BH$58&gt;='[20]OTHER LEVERS'!$BK$58,'[20]OTHER LEVERS'!$BH$58&lt;='[20]OTHER LEVERS'!$BL$58),"E","")</definedName>
    <definedName name="OTHER_LEVERSRow56AText" hidden="1">'[20]OTHER LEVERS'!$DC$56</definedName>
    <definedName name="OTHER_LEVERSRow56BText" hidden="1">'[20]OTHER LEVERS'!$DD$56</definedName>
    <definedName name="OTHER_LEVERSRow56CText" hidden="1">'[20]OTHER LEVERS'!$DE$56</definedName>
    <definedName name="OTHER_LEVERSRow56DText" hidden="1">'[20]OTHER LEVERS'!$DF$56</definedName>
    <definedName name="OTHER_LEVERSRow56EText" hidden="1">'[20]OTHER LEVERS'!$DG$56</definedName>
    <definedName name="OTHER_LEVERSRow56ValueClassedPve" hidden="1">"PPP performance impact (contracted)/EPA"</definedName>
    <definedName name="OTHER_LEVERSRow58AText" hidden="1">'[20]OTHER LEVERS'!$DC$58</definedName>
    <definedName name="OTHER_LEVERSRow58BText" hidden="1">'[20]OTHER LEVERS'!$DD$58</definedName>
    <definedName name="OTHER_LEVERSRow58CText" hidden="1">'[20]OTHER LEVERS'!$DE$58</definedName>
    <definedName name="OTHER_LEVERSRow58DText" hidden="1">'[20]OTHER LEVERS'!$DF$58</definedName>
    <definedName name="OTHER_LEVERSRow58EText" hidden="1">'[20]OTHER LEVERS'!$DG$58</definedName>
    <definedName name="OTHER_LEVERSRow58ValueClassedPve" hidden="1">"Coverage by dedicated buyers in % of EPA"</definedName>
    <definedName name="OTHER_LEVERSScenarioA56" hidden="1">IF(AND('[20]OTHER LEVERS'!$BG$56&gt;'[20]OTHER LEVERS'!$BS$56,'[20]OTHER LEVERS'!$BG$56&lt;='[20]OTHER LEVERS'!$BT$56),"A","")</definedName>
    <definedName name="OTHER_LEVERSScenarioA58" hidden="1">IF(AND('[20]OTHER LEVERS'!$BG$58&gt;'[20]OTHER LEVERS'!$BS$58,'[20]OTHER LEVERS'!$BG$58&lt;='[20]OTHER LEVERS'!$BT$58),"A","")</definedName>
    <definedName name="OTHER_LEVERSScenarioB56" hidden="1">IF(AND('[20]OTHER LEVERS'!$BG$56&gt;'[20]OTHER LEVERS'!$BQ$56,'[20]OTHER LEVERS'!$BG$56&lt;='[20]OTHER LEVERS'!$BR$56),"B","")</definedName>
    <definedName name="OTHER_LEVERSScenarioB58" hidden="1">IF(AND('[20]OTHER LEVERS'!$BG$58&gt;'[20]OTHER LEVERS'!$BQ$58,'[20]OTHER LEVERS'!$BG$58&lt;='[20]OTHER LEVERS'!$BR$58),"B","")</definedName>
    <definedName name="OTHER_LEVERSScenarioC56" hidden="1">IF(AND('[20]OTHER LEVERS'!$BG$56&gt;'[20]OTHER LEVERS'!$BO$56,'[20]OTHER LEVERS'!$BG$56&lt;='[20]OTHER LEVERS'!$BP$56),"C","")</definedName>
    <definedName name="OTHER_LEVERSScenarioC58" hidden="1">IF(AND('[20]OTHER LEVERS'!$BG$58&gt;'[20]OTHER LEVERS'!$BO$58,'[20]OTHER LEVERS'!$BG$58&lt;='[20]OTHER LEVERS'!$BP$58),"C","")</definedName>
    <definedName name="OTHER_LEVERSScenarioD56" hidden="1">IF(AND('[20]OTHER LEVERS'!$BG$56&gt;'[20]OTHER LEVERS'!$BM$56,'[20]OTHER LEVERS'!$BG$56&lt;='[20]OTHER LEVERS'!$BN$56),"D","")</definedName>
    <definedName name="OTHER_LEVERSScenarioD58" hidden="1">IF(AND('[20]OTHER LEVERS'!$BG$58&gt;'[20]OTHER LEVERS'!$BM$58,'[20]OTHER LEVERS'!$BG$58&lt;='[20]OTHER LEVERS'!$BN$58),"D","")</definedName>
    <definedName name="OTHER_LEVERSScenarioE56" hidden="1">IF(AND('[20]OTHER LEVERS'!$BG$56&gt;='[20]OTHER LEVERS'!$BK$56,'[20]OTHER LEVERS'!$BG$56&lt;='[20]OTHER LEVERS'!$BL$56),"E","")</definedName>
    <definedName name="OTHER_LEVERSScenarioE58" hidden="1">IF(AND('[20]OTHER LEVERS'!$BG$58&gt;='[20]OTHER LEVERS'!$BK$58,'[20]OTHER LEVERS'!$BG$58&lt;='[20]OTHER LEVERS'!$BL$58),"E","")</definedName>
    <definedName name="outra" localSheetId="0" hidden="1">{#N/A,#N/A,FALSE,"HEADALU";#N/A,#N/A,FALSE,"REVHEAD";#N/A,#N/A,FALSE,"ESTAGIARIOS";#N/A,#N/A,FALSE,"VAGAS"}</definedName>
    <definedName name="outra" hidden="1">{#N/A,#N/A,FALSE,"HEADALU";#N/A,#N/A,FALSE,"REVHEAD";#N/A,#N/A,FALSE,"ESTAGIARIOS";#N/A,#N/A,FALSE,"VAGAS"}</definedName>
    <definedName name="OUTRO" hidden="1">{"'PXR_6500'!$A$1:$I$124"}</definedName>
    <definedName name="PAINEL" hidden="1">{#N/A,#N/A,FALSE,"ENERGIA";#N/A,#N/A,FALSE,"PERDIDAS";#N/A,#N/A,FALSE,"CLIENTES";#N/A,#N/A,FALSE,"ESTADO";#N/A,#N/A,FALSE,"TECNICA"}</definedName>
    <definedName name="Pal_Workbook_GUID" hidden="1">"XIHRNU1NWEAS5UIR481TPLW1"</definedName>
    <definedName name="PartAtlanta" localSheetId="0">'[10]Master Trimestre Abertura'!$D$8</definedName>
    <definedName name="PartManati" localSheetId="0">'[10]Master Trimestre Abertura'!$D$7</definedName>
    <definedName name="PartManati">'[11]Master Trimestre Abertura'!$D$7</definedName>
    <definedName name="paulo" hidden="1">{"SCH31",#N/A,FALSE,"ebitrecs";"SCH32",#N/A,FALSE,"ebitrecs";"SCH33",#N/A,FALSE,"ebitrecs";"SCH34",#N/A,FALSE,"ebitrecs";"SCH35",#N/A,FALSE,"ebitrecs";"SCH36",#N/A,FALSE,"ebitrecs";"SCH37",#N/A,FALSE,"ebitrecs";"SCH38",#N/A,FALSE,"ebitrecs"}</definedName>
    <definedName name="PEOPLE_MOBActualA57" hidden="1">IF(AND('[17]PEOPLE MOB'!$BH$57&gt;'[17]PEOPLE MOB'!$BS$57,'[17]PEOPLE MOB'!$BH$57&lt;='[17]PEOPLE MOB'!$BT$57),"A","")</definedName>
    <definedName name="PEOPLE_MOBActualA58" hidden="1">IF(AND('[17]PEOPLE MOB'!$BH$58&gt;'[17]PEOPLE MOB'!$BS$58,'[17]PEOPLE MOB'!$BH$58&lt;='[17]PEOPLE MOB'!$BT$58),"A","")</definedName>
    <definedName name="PEOPLE_MOBActualA59" hidden="1">IF(AND('[17]PEOPLE MOB'!$BH$59&gt;'[17]PEOPLE MOB'!$BS$59,'[17]PEOPLE MOB'!$BH$59&lt;='[17]PEOPLE MOB'!$BT$59),"A","")</definedName>
    <definedName name="PEOPLE_MOBActualA60" hidden="1">IF(AND('[17]PEOPLE MOB'!$BH$63&gt;'[17]PEOPLE MOB'!$BS$63,'[17]PEOPLE MOB'!$BH$63&lt;='[17]PEOPLE MOB'!$BT$63),"A","")</definedName>
    <definedName name="PEOPLE_MOBActualA61" hidden="1">IF(AND('[17]PEOPLE MOB'!$BH$61&gt;'[17]PEOPLE MOB'!$BS$61,'[17]PEOPLE MOB'!$BH$61&lt;='[17]PEOPLE MOB'!$BT$61),"A","")</definedName>
    <definedName name="PEOPLE_MOBActualA62" hidden="1">IF(AND('[17]PEOPLE MOB'!$BH$62&gt;'[17]PEOPLE MOB'!$BS$62,'[17]PEOPLE MOB'!$BH$62&lt;='[17]PEOPLE MOB'!$BT$62),"A","")</definedName>
    <definedName name="PEOPLE_MOBActualA64" hidden="1">IF(AND('[17]PEOPLE MOB'!$BH$67&gt;'[17]PEOPLE MOB'!$BS$67,'[17]PEOPLE MOB'!$BH$67&lt;='[17]PEOPLE MOB'!$BT$67),"A","")</definedName>
    <definedName name="PEOPLE_MOBActualA65" hidden="1">IF(AND('[17]PEOPLE MOB'!$BH$68&gt;'[17]PEOPLE MOB'!$BS$68,'[17]PEOPLE MOB'!$BH$68&lt;='[17]PEOPLE MOB'!$BT$68),"A","")</definedName>
    <definedName name="PEOPLE_MOBActualA66" hidden="1">IF(AND('[17]PEOPLE MOB'!$BH$66&gt;'[17]PEOPLE MOB'!$BS$66,'[17]PEOPLE MOB'!$BH$66&lt;='[17]PEOPLE MOB'!$BT$66),"A","")</definedName>
    <definedName name="PEOPLE_MOBActualA67" hidden="1">IF(AND('[17]PEOPLE MOB'!$BH$70&gt;'[17]PEOPLE MOB'!$BS$70,'[17]PEOPLE MOB'!$BH$70&lt;='[17]PEOPLE MOB'!$BT$70),"A","")</definedName>
    <definedName name="PEOPLE_MOBActualA68" hidden="1">IF(AND('[17]PEOPLE MOB'!$BH$71&gt;'[17]PEOPLE MOB'!$BS$71,'[17]PEOPLE MOB'!$BH$71&lt;='[17]PEOPLE MOB'!$BT$71),"A","")</definedName>
    <definedName name="PEOPLE_MOBActualA69" hidden="1">IF(AND('[17]PEOPLE MOB'!$BH$69&gt;'[17]PEOPLE MOB'!$BS$69,'[17]PEOPLE MOB'!$BH$69&lt;='[17]PEOPLE MOB'!$BT$69),"A","")</definedName>
    <definedName name="PEOPLE_MOBActualB57" hidden="1">IF(AND('[17]PEOPLE MOB'!$BH$57&gt;'[17]PEOPLE MOB'!$BQ$57,'[17]PEOPLE MOB'!$BH$57&lt;='[17]PEOPLE MOB'!$BR$57),"B","")</definedName>
    <definedName name="PEOPLE_MOBActualB58" hidden="1">IF(AND('[17]PEOPLE MOB'!$BH$58&gt;'[17]PEOPLE MOB'!$BQ$58,'[17]PEOPLE MOB'!$BH$58&lt;='[17]PEOPLE MOB'!$BR$58),"B","")</definedName>
    <definedName name="PEOPLE_MOBActualB59" hidden="1">IF(AND('[17]PEOPLE MOB'!$BH$59&gt;'[17]PEOPLE MOB'!$BQ$59,'[17]PEOPLE MOB'!$BH$59&lt;='[17]PEOPLE MOB'!$BR$59),"B","")</definedName>
    <definedName name="PEOPLE_MOBActualB60" hidden="1">IF(AND('[17]PEOPLE MOB'!$BH$63&gt;'[17]PEOPLE MOB'!$BQ$63,'[17]PEOPLE MOB'!$BH$63&lt;='[17]PEOPLE MOB'!$BR$63),"B","")</definedName>
    <definedName name="PEOPLE_MOBActualB61" hidden="1">IF(AND('[17]PEOPLE MOB'!$BH$61&gt;'[17]PEOPLE MOB'!$BQ$61,'[17]PEOPLE MOB'!$BH$61&lt;='[17]PEOPLE MOB'!$BR$61),"B","")</definedName>
    <definedName name="PEOPLE_MOBActualB62" hidden="1">IF(AND('[17]PEOPLE MOB'!$BH$62&gt;'[17]PEOPLE MOB'!$BQ$62,'[17]PEOPLE MOB'!$BH$62&lt;='[17]PEOPLE MOB'!$BR$62),"B","")</definedName>
    <definedName name="PEOPLE_MOBActualB64" hidden="1">IF(AND('[17]PEOPLE MOB'!$BH$67&gt;'[17]PEOPLE MOB'!$BQ$67,'[17]PEOPLE MOB'!$BH$67&lt;='[17]PEOPLE MOB'!$BR$67),"B","")</definedName>
    <definedName name="PEOPLE_MOBActualB65" hidden="1">IF(AND('[17]PEOPLE MOB'!$BH$68&gt;'[17]PEOPLE MOB'!$BQ$68,'[17]PEOPLE MOB'!$BH$68&lt;='[17]PEOPLE MOB'!$BR$68),"B","")</definedName>
    <definedName name="PEOPLE_MOBActualB66" hidden="1">IF(AND('[17]PEOPLE MOB'!$BH$66&gt;'[17]PEOPLE MOB'!$BQ$66,'[17]PEOPLE MOB'!$BH$66&lt;='[17]PEOPLE MOB'!$BR$66),"B","")</definedName>
    <definedName name="PEOPLE_MOBActualB67" hidden="1">IF(AND('[17]PEOPLE MOB'!$BH$70&gt;'[17]PEOPLE MOB'!$BQ$70,'[17]PEOPLE MOB'!$BH$70&lt;='[17]PEOPLE MOB'!$BR$70),"B","")</definedName>
    <definedName name="PEOPLE_MOBActualB68" hidden="1">IF(AND('[17]PEOPLE MOB'!$BH$71&gt;'[17]PEOPLE MOB'!$BQ$71,'[17]PEOPLE MOB'!$BH$71&lt;='[17]PEOPLE MOB'!$BR$71),"B","")</definedName>
    <definedName name="PEOPLE_MOBActualB69" hidden="1">IF(AND('[17]PEOPLE MOB'!$BH$69&gt;'[17]PEOPLE MOB'!$BQ$69,'[17]PEOPLE MOB'!$BH$69&lt;='[17]PEOPLE MOB'!$BR$69),"B","")</definedName>
    <definedName name="PEOPLE_MOBActualC57" hidden="1">IF(AND('[17]PEOPLE MOB'!$BH$57&gt;'[17]PEOPLE MOB'!$BO$57,'[17]PEOPLE MOB'!$BH$57&lt;='[17]PEOPLE MOB'!$BP$57),"C","")</definedName>
    <definedName name="PEOPLE_MOBActualC58" hidden="1">IF(AND('[17]PEOPLE MOB'!$BH$58&gt;'[17]PEOPLE MOB'!$BO$58,'[17]PEOPLE MOB'!$BH$58&lt;='[17]PEOPLE MOB'!$BP$58),"C","")</definedName>
    <definedName name="PEOPLE_MOBActualC59" hidden="1">IF(AND('[17]PEOPLE MOB'!$BH$59&gt;'[17]PEOPLE MOB'!$BO$59,'[17]PEOPLE MOB'!$BH$59&lt;='[17]PEOPLE MOB'!$BP$59),"C","")</definedName>
    <definedName name="PEOPLE_MOBActualC60" hidden="1">IF(AND('[17]PEOPLE MOB'!$BH$63&gt;'[17]PEOPLE MOB'!$BO$63,'[17]PEOPLE MOB'!$BH$63&lt;='[17]PEOPLE MOB'!$BP$63),"C","")</definedName>
    <definedName name="PEOPLE_MOBActualC61" hidden="1">IF(AND('[17]PEOPLE MOB'!$BH$61&gt;'[17]PEOPLE MOB'!$BO$61,'[17]PEOPLE MOB'!$BH$61&lt;='[17]PEOPLE MOB'!$BP$61),"C","")</definedName>
    <definedName name="PEOPLE_MOBActualC62" hidden="1">IF(AND('[17]PEOPLE MOB'!$BH$62&gt;'[17]PEOPLE MOB'!$BO$62,'[17]PEOPLE MOB'!$BH$62&lt;='[17]PEOPLE MOB'!$BP$62),"C","")</definedName>
    <definedName name="PEOPLE_MOBActualC64" hidden="1">IF(AND('[17]PEOPLE MOB'!$BH$67&gt;'[17]PEOPLE MOB'!$BO$67,'[17]PEOPLE MOB'!$BH$67&lt;='[17]PEOPLE MOB'!$BP$67),"C","")</definedName>
    <definedName name="PEOPLE_MOBActualC65" hidden="1">IF(AND('[17]PEOPLE MOB'!$BH$68&gt;'[17]PEOPLE MOB'!$BO$68,'[17]PEOPLE MOB'!$BH$68&lt;='[17]PEOPLE MOB'!$BP$68),"C","")</definedName>
    <definedName name="PEOPLE_MOBActualC66" hidden="1">IF(AND('[17]PEOPLE MOB'!$BH$66&gt;'[17]PEOPLE MOB'!$BO$66,'[17]PEOPLE MOB'!$BH$66&lt;='[17]PEOPLE MOB'!$BP$66),"C","")</definedName>
    <definedName name="PEOPLE_MOBActualC67" hidden="1">IF(AND('[17]PEOPLE MOB'!$BH$70&gt;'[17]PEOPLE MOB'!$BO$70,'[17]PEOPLE MOB'!$BH$70&lt;='[17]PEOPLE MOB'!$BP$70),"C","")</definedName>
    <definedName name="PEOPLE_MOBActualC68" hidden="1">IF(AND('[17]PEOPLE MOB'!$BH$71&gt;'[17]PEOPLE MOB'!$BO$71,'[17]PEOPLE MOB'!$BH$71&lt;='[17]PEOPLE MOB'!$BP$71),"C","")</definedName>
    <definedName name="PEOPLE_MOBActualC69" hidden="1">IF(AND('[17]PEOPLE MOB'!$BH$69&gt;'[17]PEOPLE MOB'!$BO$69,'[17]PEOPLE MOB'!$BH$69&lt;='[17]PEOPLE MOB'!$BP$69),"C","")</definedName>
    <definedName name="PEOPLE_MOBActualD57" hidden="1">IF(AND('[17]PEOPLE MOB'!$BH$57&gt;'[17]PEOPLE MOB'!$BM$57,'[17]PEOPLE MOB'!$BH$57&lt;='[17]PEOPLE MOB'!$BN$57),"D","")</definedName>
    <definedName name="PEOPLE_MOBActualD58" hidden="1">IF(AND('[17]PEOPLE MOB'!$BH$58&gt;'[17]PEOPLE MOB'!$BM$58,'[17]PEOPLE MOB'!$BH$58&lt;='[17]PEOPLE MOB'!$BN$58),"D","")</definedName>
    <definedName name="PEOPLE_MOBActualD59" hidden="1">IF(AND('[17]PEOPLE MOB'!$BH$59&gt;'[17]PEOPLE MOB'!$BM$59,'[17]PEOPLE MOB'!$BH$59&lt;='[17]PEOPLE MOB'!$BN$59),"D","")</definedName>
    <definedName name="PEOPLE_MOBActualD60" hidden="1">IF(AND('[17]PEOPLE MOB'!$BH$63&gt;'[17]PEOPLE MOB'!$BM$63,'[17]PEOPLE MOB'!$BH$63&lt;='[17]PEOPLE MOB'!$BN$63),"D","")</definedName>
    <definedName name="PEOPLE_MOBActualD61" hidden="1">IF(AND('[17]PEOPLE MOB'!$BH$61&gt;'[17]PEOPLE MOB'!$BM$61,'[17]PEOPLE MOB'!$BH$61&lt;='[17]PEOPLE MOB'!$BN$61),"D","")</definedName>
    <definedName name="PEOPLE_MOBActualD62" hidden="1">IF(AND('[17]PEOPLE MOB'!$BH$62&gt;'[17]PEOPLE MOB'!$BM$62,'[17]PEOPLE MOB'!$BH$62&lt;='[17]PEOPLE MOB'!$BN$62),"D","")</definedName>
    <definedName name="PEOPLE_MOBActualD64" hidden="1">IF(AND('[17]PEOPLE MOB'!$BH$67&gt;'[17]PEOPLE MOB'!$BM$67,'[17]PEOPLE MOB'!$BH$67&lt;='[17]PEOPLE MOB'!$BN$67),"D","")</definedName>
    <definedName name="PEOPLE_MOBActualD65" hidden="1">IF(AND('[17]PEOPLE MOB'!$BH$68&gt;'[17]PEOPLE MOB'!$BM$68,'[17]PEOPLE MOB'!$BH$68&lt;='[17]PEOPLE MOB'!$BN$68),"D","")</definedName>
    <definedName name="PEOPLE_MOBActualD66" hidden="1">IF(AND('[17]PEOPLE MOB'!$BH$66&gt;'[17]PEOPLE MOB'!$BM$66,'[17]PEOPLE MOB'!$BH$66&lt;='[17]PEOPLE MOB'!$BN$66),"D","")</definedName>
    <definedName name="PEOPLE_MOBActualD67" hidden="1">IF(AND('[17]PEOPLE MOB'!$BH$70&gt;'[17]PEOPLE MOB'!$BM$70,'[17]PEOPLE MOB'!$BH$70&lt;='[17]PEOPLE MOB'!$BN$70),"D","")</definedName>
    <definedName name="PEOPLE_MOBActualD68" hidden="1">IF(AND('[17]PEOPLE MOB'!$BH$71&gt;'[17]PEOPLE MOB'!$BM$71,'[17]PEOPLE MOB'!$BH$71&lt;='[17]PEOPLE MOB'!$BN$71),"D","")</definedName>
    <definedName name="PEOPLE_MOBActualD69" hidden="1">IF(AND('[17]PEOPLE MOB'!$BH$69&gt;'[17]PEOPLE MOB'!$BM$69,'[17]PEOPLE MOB'!$BH$69&lt;='[17]PEOPLE MOB'!$BN$69),"D","")</definedName>
    <definedName name="PEOPLE_MOBActualE57" hidden="1">IF(AND('[17]PEOPLE MOB'!$BH$57&gt;='[17]PEOPLE MOB'!$BK$57,'[17]PEOPLE MOB'!$BH$57&lt;='[17]PEOPLE MOB'!$BL$57),"E","")</definedName>
    <definedName name="PEOPLE_MOBActualE58" hidden="1">IF(AND('[17]PEOPLE MOB'!$BH$58&gt;='[17]PEOPLE MOB'!$BK$58,'[17]PEOPLE MOB'!$BH$58&lt;='[17]PEOPLE MOB'!$BL$58),"E","")</definedName>
    <definedName name="PEOPLE_MOBActualE59" hidden="1">IF(AND('[17]PEOPLE MOB'!$BH$59&gt;='[17]PEOPLE MOB'!$BK$59,'[17]PEOPLE MOB'!$BH$59&lt;='[17]PEOPLE MOB'!$BL$59),"E","")</definedName>
    <definedName name="PEOPLE_MOBActualE60" hidden="1">IF(AND('[17]PEOPLE MOB'!$BH$63&gt;='[17]PEOPLE MOB'!$BK$63,'[17]PEOPLE MOB'!$BH$63&lt;='[17]PEOPLE MOB'!$BL$63),"E","")</definedName>
    <definedName name="PEOPLE_MOBActualE61" hidden="1">IF(AND('[17]PEOPLE MOB'!$BH$61&gt;='[17]PEOPLE MOB'!$BK$61,'[17]PEOPLE MOB'!$BH$61&lt;='[17]PEOPLE MOB'!$BL$61),"E","")</definedName>
    <definedName name="PEOPLE_MOBActualE62" hidden="1">IF(AND('[17]PEOPLE MOB'!$BH$62&gt;='[17]PEOPLE MOB'!$BK$62,'[17]PEOPLE MOB'!$BH$62&lt;='[17]PEOPLE MOB'!$BL$62),"E","")</definedName>
    <definedName name="PEOPLE_MOBActualE64" hidden="1">IF(AND('[17]PEOPLE MOB'!$BH$67&gt;='[17]PEOPLE MOB'!$BK$67,'[17]PEOPLE MOB'!$BH$67&lt;='[17]PEOPLE MOB'!$BL$67),"E","")</definedName>
    <definedName name="PEOPLE_MOBActualE65" hidden="1">IF(AND('[17]PEOPLE MOB'!$BH$68&gt;='[17]PEOPLE MOB'!$BK$68,'[17]PEOPLE MOB'!$BH$68&lt;='[17]PEOPLE MOB'!$BL$68),"E","")</definedName>
    <definedName name="PEOPLE_MOBActualE66" hidden="1">IF(AND('[17]PEOPLE MOB'!$BH$66&gt;='[17]PEOPLE MOB'!$BK$66,'[17]PEOPLE MOB'!$BH$66&lt;='[17]PEOPLE MOB'!$BL$66),"E","")</definedName>
    <definedName name="PEOPLE_MOBActualE67" hidden="1">IF(AND('[17]PEOPLE MOB'!$BH$70&gt;='[17]PEOPLE MOB'!$BK$70,'[17]PEOPLE MOB'!$BH$70&lt;='[17]PEOPLE MOB'!$BL$70),"E","")</definedName>
    <definedName name="PEOPLE_MOBActualE68" hidden="1">IF(AND('[17]PEOPLE MOB'!$BH$71&gt;='[17]PEOPLE MOB'!$BK$71,'[17]PEOPLE MOB'!$BH$71&lt;='[17]PEOPLE MOB'!$BL$71),"E","")</definedName>
    <definedName name="PEOPLE_MOBActualE69" hidden="1">IF(AND('[17]PEOPLE MOB'!$BH$69&gt;='[17]PEOPLE MOB'!$BK$69,'[17]PEOPLE MOB'!$BH$69&lt;='[17]PEOPLE MOB'!$BL$69),"E","")</definedName>
    <definedName name="PEOPLE_MOBRow57ValueClassedPve" hidden="1">"Organisation / Structure simplicity"</definedName>
    <definedName name="PEOPLE_MOBRow58ValueClassedPve" hidden="1">"Communication practices"</definedName>
    <definedName name="PEOPLE_MOBRow59ValueClassedPve" hidden="1">"Project management"</definedName>
    <definedName name="PEOPLE_MOBRow60ValueClassedPve" hidden="1">"Organisation / Structure simplicity"</definedName>
    <definedName name="PEOPLE_MOBRow61ValueClassedPve" hidden="1">"Manager skills"</definedName>
    <definedName name="PEOPLE_MOBRow62ValueClassedPve" hidden="1">"Team work practices"</definedName>
    <definedName name="PEOPLE_MOBRow64ValueClassedPve" hidden="1">"Executive committee practices"</definedName>
    <definedName name="PEOPLE_MOBRow65ValueClassedPve" hidden="1">"Manager skills"</definedName>
    <definedName name="PEOPLE_MOBRow66ValueClassedPve" hidden="1">"Objectives setting"</definedName>
    <definedName name="PEOPLE_MOBRow67ValueClassedPve" hidden="1">"Team work practices"</definedName>
    <definedName name="PEOPLE_MOBRow68ValueClassedPve" hidden="1">"Industrial relations"</definedName>
    <definedName name="PEOPLE_MOBRow69ValueClassedPve" hidden="1">"Training and learning practices"</definedName>
    <definedName name="PEOPLE_MOBScenarioA57" hidden="1">IF(AND('[17]PEOPLE MOB'!$BG$57&gt;'[17]PEOPLE MOB'!$BS$57,'[17]PEOPLE MOB'!$BG$57&lt;='[17]PEOPLE MOB'!$BT$57),"A","")</definedName>
    <definedName name="PEOPLE_MOBScenarioA58" hidden="1">IF(AND('[17]PEOPLE MOB'!$BG$58&gt;'[17]PEOPLE MOB'!$BS$58,'[17]PEOPLE MOB'!$BG$58&lt;='[17]PEOPLE MOB'!$BT$58),"A","")</definedName>
    <definedName name="PEOPLE_MOBScenarioA59" hidden="1">IF(AND('[17]PEOPLE MOB'!$BG$59&gt;'[17]PEOPLE MOB'!$BS$59,'[17]PEOPLE MOB'!$BG$59&lt;='[17]PEOPLE MOB'!$BT$59),"A","")</definedName>
    <definedName name="PEOPLE_MOBScenarioA60" hidden="1">IF(AND('[17]PEOPLE MOB'!$BG$63&gt;'[17]PEOPLE MOB'!$BS$63,'[17]PEOPLE MOB'!$BG$63&lt;='[17]PEOPLE MOB'!$BT$63),"A","")</definedName>
    <definedName name="PEOPLE_MOBScenarioA61" hidden="1">IF(AND('[17]PEOPLE MOB'!$BG$61&gt;'[17]PEOPLE MOB'!$BS$61,'[17]PEOPLE MOB'!$BG$61&lt;='[17]PEOPLE MOB'!$BT$61),"A","")</definedName>
    <definedName name="PEOPLE_MOBScenarioA62" hidden="1">IF(AND('[17]PEOPLE MOB'!$BG$62&gt;'[17]PEOPLE MOB'!$BS$62,'[17]PEOPLE MOB'!$BG$62&lt;='[17]PEOPLE MOB'!$BT$62),"A","")</definedName>
    <definedName name="PEOPLE_MOBScenarioA64" hidden="1">IF(AND('[17]PEOPLE MOB'!$BG$67&gt;'[17]PEOPLE MOB'!$BS$67,'[17]PEOPLE MOB'!$BG$67&lt;='[17]PEOPLE MOB'!$BT$67),"A","")</definedName>
    <definedName name="PEOPLE_MOBScenarioA65" hidden="1">IF(AND('[17]PEOPLE MOB'!$BG$68&gt;'[17]PEOPLE MOB'!$BS$68,'[17]PEOPLE MOB'!$BG$68&lt;='[17]PEOPLE MOB'!$BT$68),"A","")</definedName>
    <definedName name="PEOPLE_MOBScenarioA66" hidden="1">IF(AND('[17]PEOPLE MOB'!$BG$66&gt;'[17]PEOPLE MOB'!$BS$66,'[17]PEOPLE MOB'!$BG$66&lt;='[17]PEOPLE MOB'!$BT$66),"A","")</definedName>
    <definedName name="PEOPLE_MOBScenarioA67" hidden="1">IF(AND('[17]PEOPLE MOB'!$BG$70&gt;'[17]PEOPLE MOB'!$BS$70,'[17]PEOPLE MOB'!$BG$70&lt;='[17]PEOPLE MOB'!$BT$70),"A","")</definedName>
    <definedName name="PEOPLE_MOBScenarioA68" hidden="1">IF(AND('[17]PEOPLE MOB'!$BG$71&gt;'[17]PEOPLE MOB'!$BS$71,'[17]PEOPLE MOB'!$BG$71&lt;='[17]PEOPLE MOB'!$BT$71),"A","")</definedName>
    <definedName name="PEOPLE_MOBScenarioA69" hidden="1">IF(AND('[17]PEOPLE MOB'!$BG$69&gt;'[17]PEOPLE MOB'!$BS$69,'[17]PEOPLE MOB'!$BG$69&lt;='[17]PEOPLE MOB'!$BT$69),"A","")</definedName>
    <definedName name="PEOPLE_MOBScenarioB57" hidden="1">IF(AND('[17]PEOPLE MOB'!$BG$57&gt;'[17]PEOPLE MOB'!$BQ$57,'[17]PEOPLE MOB'!$BG$57&lt;='[17]PEOPLE MOB'!$BR$57),"B","")</definedName>
    <definedName name="PEOPLE_MOBScenarioB58" hidden="1">IF(AND('[17]PEOPLE MOB'!$BG$58&gt;'[17]PEOPLE MOB'!$BQ$58,'[17]PEOPLE MOB'!$BG$58&lt;='[17]PEOPLE MOB'!$BR$58),"B","")</definedName>
    <definedName name="PEOPLE_MOBScenarioB59" hidden="1">IF(AND('[17]PEOPLE MOB'!$BG$59&gt;'[17]PEOPLE MOB'!$BQ$59,'[17]PEOPLE MOB'!$BG$59&lt;='[17]PEOPLE MOB'!$BR$59),"B","")</definedName>
    <definedName name="PEOPLE_MOBScenarioB60" hidden="1">IF(AND('[17]PEOPLE MOB'!$BG$63&gt;'[17]PEOPLE MOB'!$BQ$63,'[17]PEOPLE MOB'!$BG$63&lt;='[17]PEOPLE MOB'!$BR$63),"B","")</definedName>
    <definedName name="PEOPLE_MOBScenarioB61" hidden="1">IF(AND('[17]PEOPLE MOB'!$BG$61&gt;'[17]PEOPLE MOB'!$BQ$61,'[17]PEOPLE MOB'!$BG$61&lt;='[17]PEOPLE MOB'!$BR$61),"B","")</definedName>
    <definedName name="PEOPLE_MOBScenarioB62" hidden="1">IF(AND('[17]PEOPLE MOB'!$BG$62&gt;'[17]PEOPLE MOB'!$BQ$62,'[17]PEOPLE MOB'!$BG$62&lt;='[17]PEOPLE MOB'!$BR$62),"B","")</definedName>
    <definedName name="PEOPLE_MOBScenarioB64" hidden="1">IF(AND('[17]PEOPLE MOB'!$BG$67&gt;'[17]PEOPLE MOB'!$BQ$67,'[17]PEOPLE MOB'!$BG$67&lt;='[17]PEOPLE MOB'!$BR$67),"B","")</definedName>
    <definedName name="PEOPLE_MOBScenarioB65" hidden="1">IF(AND('[17]PEOPLE MOB'!$BG$68&gt;'[17]PEOPLE MOB'!$BQ$68,'[17]PEOPLE MOB'!$BG$68&lt;='[17]PEOPLE MOB'!$BR$68),"B","")</definedName>
    <definedName name="PEOPLE_MOBScenarioB66" hidden="1">IF(AND('[17]PEOPLE MOB'!$BG$66&gt;'[17]PEOPLE MOB'!$BQ$66,'[17]PEOPLE MOB'!$BG$66&lt;='[17]PEOPLE MOB'!$BR$66),"B","")</definedName>
    <definedName name="PEOPLE_MOBScenarioB67" hidden="1">IF(AND('[17]PEOPLE MOB'!$BG$70&gt;'[17]PEOPLE MOB'!$BQ$70,'[17]PEOPLE MOB'!$BG$70&lt;='[17]PEOPLE MOB'!$BR$70),"B","")</definedName>
    <definedName name="PEOPLE_MOBScenarioB68" hidden="1">IF(AND('[17]PEOPLE MOB'!$BG$71&gt;'[17]PEOPLE MOB'!$BQ$71,'[17]PEOPLE MOB'!$BG$71&lt;='[17]PEOPLE MOB'!$BR$71),"B","")</definedName>
    <definedName name="PEOPLE_MOBScenarioB69" hidden="1">IF(AND('[17]PEOPLE MOB'!$BG$69&gt;'[17]PEOPLE MOB'!$BQ$69,'[17]PEOPLE MOB'!$BG$69&lt;='[17]PEOPLE MOB'!$BR$69),"B","")</definedName>
    <definedName name="PEOPLE_MOBScenarioC57" hidden="1">IF(AND('[17]PEOPLE MOB'!$BG$57&gt;'[17]PEOPLE MOB'!$BO$57,'[17]PEOPLE MOB'!$BG$57&lt;='[17]PEOPLE MOB'!$BP$57),"C","")</definedName>
    <definedName name="PEOPLE_MOBScenarioC58" hidden="1">IF(AND('[17]PEOPLE MOB'!$BG$58&gt;'[17]PEOPLE MOB'!$BO$58,'[17]PEOPLE MOB'!$BG$58&lt;='[17]PEOPLE MOB'!$BP$58),"C","")</definedName>
    <definedName name="PEOPLE_MOBScenarioC59" hidden="1">IF(AND('[17]PEOPLE MOB'!$BG$59&gt;'[17]PEOPLE MOB'!$BO$59,'[17]PEOPLE MOB'!$BG$59&lt;='[17]PEOPLE MOB'!$BP$59),"C","")</definedName>
    <definedName name="PEOPLE_MOBScenarioC60" hidden="1">IF(AND('[17]PEOPLE MOB'!$BG$63&gt;'[17]PEOPLE MOB'!$BO$63,'[17]PEOPLE MOB'!$BG$63&lt;='[17]PEOPLE MOB'!$BP$63),"C","")</definedName>
    <definedName name="PEOPLE_MOBScenarioC61" hidden="1">IF(AND('[17]PEOPLE MOB'!$BG$61&gt;'[17]PEOPLE MOB'!$BO$61,'[17]PEOPLE MOB'!$BG$61&lt;='[17]PEOPLE MOB'!$BP$61),"C","")</definedName>
    <definedName name="PEOPLE_MOBScenarioC62" hidden="1">IF(AND('[17]PEOPLE MOB'!$BG$62&gt;'[17]PEOPLE MOB'!$BO$62,'[17]PEOPLE MOB'!$BG$62&lt;='[17]PEOPLE MOB'!$BP$62),"C","")</definedName>
    <definedName name="PEOPLE_MOBScenarioC64" hidden="1">IF(AND('[17]PEOPLE MOB'!$BG$67&gt;'[17]PEOPLE MOB'!$BO$67,'[17]PEOPLE MOB'!$BG$67&lt;='[17]PEOPLE MOB'!$BP$67),"C","")</definedName>
    <definedName name="PEOPLE_MOBScenarioC65" hidden="1">IF(AND('[17]PEOPLE MOB'!$BG$68&gt;'[17]PEOPLE MOB'!$BO$68,'[17]PEOPLE MOB'!$BG$68&lt;='[17]PEOPLE MOB'!$BP$68),"C","")</definedName>
    <definedName name="PEOPLE_MOBScenarioC66" hidden="1">IF(AND('[17]PEOPLE MOB'!$BG$66&gt;'[17]PEOPLE MOB'!$BO$66,'[17]PEOPLE MOB'!$BG$66&lt;='[17]PEOPLE MOB'!$BP$66),"C","")</definedName>
    <definedName name="PEOPLE_MOBScenarioC67" hidden="1">IF(AND('[17]PEOPLE MOB'!$BG$70&gt;'[17]PEOPLE MOB'!$BO$70,'[17]PEOPLE MOB'!$BG$70&lt;='[17]PEOPLE MOB'!$BP$70),"C","")</definedName>
    <definedName name="PEOPLE_MOBScenarioC68" hidden="1">IF(AND('[17]PEOPLE MOB'!$BG$71&gt;'[17]PEOPLE MOB'!$BO$71,'[17]PEOPLE MOB'!$BG$71&lt;='[17]PEOPLE MOB'!$BP$71),"C","")</definedName>
    <definedName name="PEOPLE_MOBScenarioC69" hidden="1">IF(AND('[17]PEOPLE MOB'!$BG$69&gt;'[17]PEOPLE MOB'!$BO$69,'[17]PEOPLE MOB'!$BG$69&lt;='[17]PEOPLE MOB'!$BP$69),"C","")</definedName>
    <definedName name="PEOPLE_MOBScenarioD57" hidden="1">IF(AND('[17]PEOPLE MOB'!$BG$57&gt;'[17]PEOPLE MOB'!$BM$57,'[17]PEOPLE MOB'!$BG$57&lt;='[17]PEOPLE MOB'!$BN$57),"D","")</definedName>
    <definedName name="PEOPLE_MOBScenarioD58" hidden="1">IF(AND('[17]PEOPLE MOB'!$BG$58&gt;'[17]PEOPLE MOB'!$BM$58,'[17]PEOPLE MOB'!$BG$58&lt;='[17]PEOPLE MOB'!$BN$58),"D","")</definedName>
    <definedName name="PEOPLE_MOBScenarioD59" hidden="1">IF(AND('[17]PEOPLE MOB'!$BG$59&gt;'[17]PEOPLE MOB'!$BM$59,'[17]PEOPLE MOB'!$BG$59&lt;='[17]PEOPLE MOB'!$BN$59),"D","")</definedName>
    <definedName name="PEOPLE_MOBScenarioD60" hidden="1">IF(AND('[17]PEOPLE MOB'!$BG$63&gt;'[17]PEOPLE MOB'!$BM$63,'[17]PEOPLE MOB'!$BG$63&lt;='[17]PEOPLE MOB'!$BN$63),"D","")</definedName>
    <definedName name="PEOPLE_MOBScenarioD61" hidden="1">IF(AND('[17]PEOPLE MOB'!$BG$61&gt;'[17]PEOPLE MOB'!$BM$61,'[17]PEOPLE MOB'!$BG$61&lt;='[17]PEOPLE MOB'!$BN$61),"D","")</definedName>
    <definedName name="PEOPLE_MOBScenarioD62" hidden="1">IF(AND('[17]PEOPLE MOB'!$BG$62&gt;'[17]PEOPLE MOB'!$BM$62,'[17]PEOPLE MOB'!$BG$62&lt;='[17]PEOPLE MOB'!$BN$62),"D","")</definedName>
    <definedName name="PEOPLE_MOBScenarioD64" hidden="1">IF(AND('[17]PEOPLE MOB'!$BG$67&gt;'[17]PEOPLE MOB'!$BM$67,'[17]PEOPLE MOB'!$BG$67&lt;='[17]PEOPLE MOB'!$BN$67),"D","")</definedName>
    <definedName name="PEOPLE_MOBScenarioD65" hidden="1">IF(AND('[17]PEOPLE MOB'!$BG$68&gt;'[17]PEOPLE MOB'!$BM$68,'[17]PEOPLE MOB'!$BG$68&lt;='[17]PEOPLE MOB'!$BN$68),"D","")</definedName>
    <definedName name="PEOPLE_MOBScenarioD66" hidden="1">IF(AND('[17]PEOPLE MOB'!$BG$66&gt;'[17]PEOPLE MOB'!$BM$66,'[17]PEOPLE MOB'!$BG$66&lt;='[17]PEOPLE MOB'!$BN$66),"D","")</definedName>
    <definedName name="PEOPLE_MOBScenarioD67" hidden="1">IF(AND('[17]PEOPLE MOB'!$BG$70&gt;'[17]PEOPLE MOB'!$BM$70,'[17]PEOPLE MOB'!$BG$70&lt;='[17]PEOPLE MOB'!$BN$70),"D","")</definedName>
    <definedName name="PEOPLE_MOBScenarioD68" hidden="1">IF(AND('[17]PEOPLE MOB'!$BG$71&gt;'[17]PEOPLE MOB'!$BM$71,'[17]PEOPLE MOB'!$BG$71&lt;='[17]PEOPLE MOB'!$BN$71),"D","")</definedName>
    <definedName name="PEOPLE_MOBScenarioD69" hidden="1">IF(AND('[17]PEOPLE MOB'!$BG$69&gt;'[17]PEOPLE MOB'!$BM$69,'[17]PEOPLE MOB'!$BG$69&lt;='[17]PEOPLE MOB'!$BN$69),"D","")</definedName>
    <definedName name="PEOPLE_MOBScenarioE57" hidden="1">IF(AND('[17]PEOPLE MOB'!$BG$57&gt;='[17]PEOPLE MOB'!$BK$57,'[17]PEOPLE MOB'!$BG$57&lt;='[17]PEOPLE MOB'!$BL$57),"E","")</definedName>
    <definedName name="PEOPLE_MOBScenarioE58" hidden="1">IF(AND('[17]PEOPLE MOB'!$BG$58&gt;='[17]PEOPLE MOB'!$BK$58,'[17]PEOPLE MOB'!$BG$58&lt;='[17]PEOPLE MOB'!$BL$58),"E","")</definedName>
    <definedName name="PEOPLE_MOBScenarioE59" hidden="1">IF(AND('[17]PEOPLE MOB'!$BG$59&gt;='[17]PEOPLE MOB'!$BK$59,'[17]PEOPLE MOB'!$BG$59&lt;='[17]PEOPLE MOB'!$BL$59),"E","")</definedName>
    <definedName name="PEOPLE_MOBScenarioE60" hidden="1">IF(AND('[17]PEOPLE MOB'!$BG$63&gt;='[17]PEOPLE MOB'!$BK$63,'[17]PEOPLE MOB'!$BG$63&lt;='[17]PEOPLE MOB'!$BL$63),"E","")</definedName>
    <definedName name="PEOPLE_MOBScenarioE61" hidden="1">IF(AND('[17]PEOPLE MOB'!$BG$61&gt;='[17]PEOPLE MOB'!$BK$61,'[17]PEOPLE MOB'!$BG$61&lt;='[17]PEOPLE MOB'!$BL$61),"E","")</definedName>
    <definedName name="PEOPLE_MOBScenarioE62" hidden="1">IF(AND('[17]PEOPLE MOB'!$BG$62&gt;='[17]PEOPLE MOB'!$BK$62,'[17]PEOPLE MOB'!$BG$62&lt;='[17]PEOPLE MOB'!$BL$62),"E","")</definedName>
    <definedName name="PEOPLE_MOBScenarioE64" hidden="1">IF(AND('[17]PEOPLE MOB'!$BG$67&gt;='[17]PEOPLE MOB'!$BK$67,'[17]PEOPLE MOB'!$BG$67&lt;='[17]PEOPLE MOB'!$BL$67),"E","")</definedName>
    <definedName name="PEOPLE_MOBScenarioE65" hidden="1">IF(AND('[17]PEOPLE MOB'!$BG$68&gt;='[17]PEOPLE MOB'!$BK$68,'[17]PEOPLE MOB'!$BG$68&lt;='[17]PEOPLE MOB'!$BL$68),"E","")</definedName>
    <definedName name="PEOPLE_MOBScenarioE66" hidden="1">IF(AND('[17]PEOPLE MOB'!$BG$66&gt;='[17]PEOPLE MOB'!$BK$66,'[17]PEOPLE MOB'!$BG$66&lt;='[17]PEOPLE MOB'!$BL$66),"E","")</definedName>
    <definedName name="PEOPLE_MOBScenarioE67" hidden="1">IF(AND('[17]PEOPLE MOB'!$BG$70&gt;='[17]PEOPLE MOB'!$BK$70,'[17]PEOPLE MOB'!$BG$70&lt;='[17]PEOPLE MOB'!$BL$70),"E","")</definedName>
    <definedName name="PEOPLE_MOBScenarioE68" hidden="1">IF(AND('[17]PEOPLE MOB'!$BG$71&gt;='[17]PEOPLE MOB'!$BK$71,'[17]PEOPLE MOB'!$BG$71&lt;='[17]PEOPLE MOB'!$BL$71),"E","")</definedName>
    <definedName name="PEOPLE_MOBScenarioE69" hidden="1">IF(AND('[17]PEOPLE MOB'!$BG$69&gt;='[17]PEOPLE MOB'!$BK$69,'[17]PEOPLE MOB'!$BG$69&lt;='[17]PEOPLE MOB'!$BL$69),"E","")</definedName>
    <definedName name="Per_ano" localSheetId="0">'[10]Master Ano'!$14:$14</definedName>
    <definedName name="Per_ano">#REF!</definedName>
    <definedName name="perdecomp2" localSheetId="0" hidden="1">{#N/A,#N/A,FALSE,"Aging Summary";#N/A,#N/A,FALSE,"Ratio Analysis";#N/A,#N/A,FALSE,"Test 120 Day Accts";#N/A,#N/A,FALSE,"Tickmarks"}</definedName>
    <definedName name="perdecomp2" hidden="1">{#N/A,#N/A,FALSE,"Aging Summary";#N/A,#N/A,FALSE,"Ratio Analysis";#N/A,#N/A,FALSE,"Test 120 Day Accts";#N/A,#N/A,FALSE,"Tickmarks"}</definedName>
    <definedName name="peso" hidden="1">#REF!</definedName>
    <definedName name="PLANILHA" hidden="1">{"EconCons",#N/A,TRUE,"Econômico - Consolidado";"EconCim",#N/A,TRUE,"Econômico - Cimento";"EconCal",#N/A,TRUE,"Econômico - Cal e Outros";"CaixaCons",#N/A,TRUE,"Caixa - Consolidado";"CaixaCim",#N/A,TRUE,"Caixa - Cimento";"CaixaCal",#N/A,TRUE,"Caixa - Cal e Outros";"InvestCons",#N/A,TRUE,"Invest Consolidado"}</definedName>
    <definedName name="pmser" hidden="1">{#N/A,#N/A,FALSE,"Eastern";#N/A,#N/A,FALSE,"Western"}</definedName>
    <definedName name="pmser_1" hidden="1">{#N/A,#N/A,FALSE,"Eastern";#N/A,#N/A,FALSE,"Western"}</definedName>
    <definedName name="pmser_2" hidden="1">{#N/A,#N/A,FALSE,"Eastern";#N/A,#N/A,FALSE,"Western"}</definedName>
    <definedName name="pmser_3" hidden="1">{#N/A,#N/A,FALSE,"Eastern";#N/A,#N/A,FALSE,"Western"}</definedName>
    <definedName name="pmser_4" hidden="1">{#N/A,#N/A,FALSE,"Eastern";#N/A,#N/A,FALSE,"Western"}</definedName>
    <definedName name="pmser_5" hidden="1">{#N/A,#N/A,FALSE,"Eastern";#N/A,#N/A,FALSE,"Western"}</definedName>
    <definedName name="pol" hidden="1">{#N/A,#N/A,FALSE,"Eastern";#N/A,#N/A,FALSE,"Western"}</definedName>
    <definedName name="pol_1" hidden="1">{#N/A,#N/A,FALSE,"Eastern";#N/A,#N/A,FALSE,"Western"}</definedName>
    <definedName name="pol_2" hidden="1">{#N/A,#N/A,FALSE,"Eastern";#N/A,#N/A,FALSE,"Western"}</definedName>
    <definedName name="pol_3" hidden="1">{#N/A,#N/A,FALSE,"Eastern";#N/A,#N/A,FALSE,"Western"}</definedName>
    <definedName name="pol_4" hidden="1">{#N/A,#N/A,FALSE,"Eastern";#N/A,#N/A,FALSE,"Western"}</definedName>
    <definedName name="pol_5" hidden="1">{#N/A,#N/A,FALSE,"Eastern";#N/A,#N/A,FALSE,"Western"}</definedName>
    <definedName name="Ponta" hidden="1">{"Votoran",#N/A,FALSE,"Votoran";"Salto",#N/A,FALSE,"Salto";"Jaguaré",#N/A,FALSE,"Jaguaré";"Cubatão",#N/A,FALSE,"Cubatão";"Rio Negro",#N/A,FALSE,"Rio Negro";"MVR CPII",#N/A,FALSE,"MVR CPII";"MVR CPIII",#N/A,FALSE,"MVR CPIII"}</definedName>
    <definedName name="pp" hidden="1">{#N/A,#N/A,FALSE,"ENERGIA";#N/A,#N/A,FALSE,"PERDIDAS";#N/A,#N/A,FALSE,"CLIENTES";#N/A,#N/A,FALSE,"ESTADO";#N/A,#N/A,FALSE,"TECNICA"}</definedName>
    <definedName name="pp_1" hidden="1">{#N/A,#N/A,FALSE,"Eastern";#N/A,#N/A,FALSE,"Western"}</definedName>
    <definedName name="pp_2" hidden="1">{#N/A,#N/A,FALSE,"Eastern";#N/A,#N/A,FALSE,"Western"}</definedName>
    <definedName name="pp_3" hidden="1">{#N/A,#N/A,FALSE,"Eastern";#N/A,#N/A,FALSE,"Western"}</definedName>
    <definedName name="pp_4" hidden="1">{#N/A,#N/A,FALSE,"Eastern";#N/A,#N/A,FALSE,"Western"}</definedName>
    <definedName name="pp_5" hidden="1">{#N/A,#N/A,FALSE,"Eastern";#N/A,#N/A,FALSE,"Western"}</definedName>
    <definedName name="pppp" hidden="1">{#N/A,#N/A,FALSE,"Inmovilizado material";#N/A,#N/A,FALSE,"Inmovilizado inmaterial ";#N/A,#N/A,FALSE,"Participaciones";#N/A,#N/A,FALSE,"Fondo Comercio";#N/A,#N/A,FALSE,"Cilentes y deudores emp. grupo";#N/A,#N/A,FALSE,"Fondos Própios";#N/A,#N/A,FALSE,"Movimiento Reservas";#N/A,#N/A,FALSE,"Socios Externos";#N/A,#N/A,FALSE,"Socios Externos Movimiento";#N/A,#N/A,FALSE,"Obligaciones Saldos";#N/A,#N/A,FALSE,"Ingresos y Gtos Extras";#N/A,#N/A,FALSE,"Gtos e Ingr empresas grupo"}</definedName>
    <definedName name="PPPPP" hidden="1">{#N/A,#N/A,FALSE,"Inmovilizado material";#N/A,#N/A,FALSE,"Inmovilizado inmaterial ";#N/A,#N/A,FALSE,"Participaciones";#N/A,#N/A,FALSE,"Fondo Comercio";#N/A,#N/A,FALSE,"Cilentes y deudores emp. grupo";#N/A,#N/A,FALSE,"Fondos Própios";#N/A,#N/A,FALSE,"Movimiento Reservas";#N/A,#N/A,FALSE,"Socios Externos";#N/A,#N/A,FALSE,"Socios Externos Movimiento";#N/A,#N/A,FALSE,"Obligaciones Saldos";#N/A,#N/A,FALSE,"Ingresos y Gtos Extras";#N/A,#N/A,FALSE,"Gtos e Ingr empresas grupo"}</definedName>
    <definedName name="PPPPPP" hidden="1">{"Votoran",#N/A,FALSE,"Votoran";"Salto",#N/A,FALSE,"Salto";"Jaguaré",#N/A,FALSE,"Jaguaré";"Cubatão",#N/A,FALSE,"Cubatão";"Rio Negro",#N/A,FALSE,"Rio Negro";"MVR CPII",#N/A,FALSE,"MVR CPII";"MVR CPIII",#N/A,FALSE,"MVR CPIII"}</definedName>
    <definedName name="PPV" hidden="1">{#N/A,#N/A,FALSE,"Count";#N/A,#N/A,FALSE,"Cash-Flow";#N/A,#N/A,FALSE,"Assumptions";#N/A,#N/A,FALSE,"Right"}</definedName>
    <definedName name="Premissas" hidden="1">{"summary1",#N/A,TRUE,"Comps";"summary2",#N/A,TRUE,"Comps";"summary3",#N/A,TRUE,"Comps"}</definedName>
    <definedName name="Premissas_1" hidden="1">{#N/A,#N/A,FALSE,"model"}</definedName>
    <definedName name="Premissas_2" hidden="1">{#N/A,#N/A,FALSE,"model"}</definedName>
    <definedName name="Premissas_3" hidden="1">{#N/A,#N/A,FALSE,"model"}</definedName>
    <definedName name="Premissas_4" hidden="1">{#N/A,#N/A,FALSE,"model"}</definedName>
    <definedName name="Premissas_5" hidden="1">{#N/A,#N/A,FALSE,"model"}</definedName>
    <definedName name="PriorityDivisor52" hidden="1">(MAX('[20]GEN. &amp; FIN. SAFE'!$BW$59,'[20]GEN. &amp; FIN. SAFE'!$BH$59,'[20]LIST OF PRIORITIES'!$I$52)-MIN('[20]GEN. &amp; FIN. SAFE'!$BU$59,'[20]GEN. &amp; FIN. SAFE'!$BH$59,'[20]LIST OF PRIORITIES'!$I$52))</definedName>
    <definedName name="PriorityDivisor53" hidden="1">(MAX('[17]INDUSTRIAL(I)'!$BW$61,'[17]INDUSTRIAL(I)'!$BH$61,#REF!)-MIN('[17]INDUSTRIAL(I)'!$BU$61,'[17]INDUSTRIAL(I)'!$BH$61,#REF!))</definedName>
    <definedName name="PriorityScenarioA51" hidden="1">IF(AND('[20]LIST OF PRIORITIES'!$I$52&gt;'[17]PEOPLE MOB'!$BS$63,'[20]LIST OF PRIORITIES'!$I$52&lt;='[17]PEOPLE MOB'!$BT$63),"A","")</definedName>
    <definedName name="PriorityScenarioA54" hidden="1">IF(AND('[20]LIST OF PRIORITIES'!$I$54&gt;[20]STRATEGY!$BS$57,'[20]LIST OF PRIORITIES'!$I$54&lt;=[20]STRATEGY!$BT$57),"A","")</definedName>
    <definedName name="PriorityScenarioB51" hidden="1">IF(AND('[20]LIST OF PRIORITIES'!$I$52&gt;'[17]PEOPLE MOB'!$BQ$63,'[20]LIST OF PRIORITIES'!$I$52&lt;='[17]PEOPLE MOB'!$BR$63),"B","")</definedName>
    <definedName name="PriorityScenarioB54" hidden="1">IF(AND('[20]LIST OF PRIORITIES'!$I$54&gt;[20]STRATEGY!$BQ$57,'[20]LIST OF PRIORITIES'!$I$54&lt;=[20]STRATEGY!$BR$57),"B","")</definedName>
    <definedName name="PriorityScenarioC51" hidden="1">IF(AND('[20]LIST OF PRIORITIES'!$I$52&gt;'[17]PEOPLE MOB'!$BO$63,'[20]LIST OF PRIORITIES'!$I$52&lt;='[17]PEOPLE MOB'!$BP$63),"C","")</definedName>
    <definedName name="PriorityScenarioC54" hidden="1">IF(AND('[20]LIST OF PRIORITIES'!$I$54&gt;[20]STRATEGY!$BO$57,'[20]LIST OF PRIORITIES'!$I$54&lt;=[20]STRATEGY!$BP$57),"C","")</definedName>
    <definedName name="PriorityScenarioD51" hidden="1">IF(AND('[20]LIST OF PRIORITIES'!$I$52&gt;'[17]PEOPLE MOB'!$BM$63,'[20]LIST OF PRIORITIES'!$I$52&lt;='[17]PEOPLE MOB'!$BN$63),"D","")</definedName>
    <definedName name="PriorityScenarioD54" hidden="1">IF(AND('[20]LIST OF PRIORITIES'!$I$54&gt;[20]STRATEGY!$BM$57,'[20]LIST OF PRIORITIES'!$I$54&lt;=[20]STRATEGY!$BN$57),"D","")</definedName>
    <definedName name="PriorityScenarioE51" hidden="1">IF(AND('[20]LIST OF PRIORITIES'!$I$52&gt;'[17]PEOPLE MOB'!$BK$63,'[20]LIST OF PRIORITIES'!$I$52&lt;='[17]PEOPLE MOB'!$BL$63),"E","")</definedName>
    <definedName name="PriorityScenarioE54" hidden="1">IF(AND('[20]LIST OF PRIORITIES'!$I$54&gt;[20]STRATEGY!$BK$57,'[20]LIST OF PRIORITIES'!$I$54&lt;=[20]STRATEGY!$BL$57),"E","")</definedName>
    <definedName name="prm" hidden="1">{#N/A,#N/A,FALSE,"model"}</definedName>
    <definedName name="prm_1" hidden="1">{#N/A,#N/A,FALSE,"model"}</definedName>
    <definedName name="prm_2" hidden="1">{#N/A,#N/A,FALSE,"model"}</definedName>
    <definedName name="prm_3" hidden="1">{#N/A,#N/A,FALSE,"model"}</definedName>
    <definedName name="prm_4" hidden="1">{#N/A,#N/A,FALSE,"model"}</definedName>
    <definedName name="prm_5" hidden="1">{#N/A,#N/A,FALSE,"model"}</definedName>
    <definedName name="prn" hidden="1">{#N/A,#N/A,FALSE,"model"}</definedName>
    <definedName name="prn_1" hidden="1">{#N/A,#N/A,FALSE,"model"}</definedName>
    <definedName name="prn_2" hidden="1">{#N/A,#N/A,FALSE,"model"}</definedName>
    <definedName name="prn_3" hidden="1">{#N/A,#N/A,FALSE,"model"}</definedName>
    <definedName name="prn_4" hidden="1">{#N/A,#N/A,FALSE,"model"}</definedName>
    <definedName name="prn_5" hidden="1">{#N/A,#N/A,FALSE,"model"}</definedName>
    <definedName name="Prov_inded_2005" localSheetId="0" hidden="1">{#N/A,#N/A,FALSE,"HEADALU";#N/A,#N/A,FALSE,"REVHEAD";#N/A,#N/A,FALSE,"ESTAGIARIOS";#N/A,#N/A,FALSE,"VAGAS"}</definedName>
    <definedName name="Prov_inded_2005" hidden="1">{#N/A,#N/A,FALSE,"HEADALU";#N/A,#N/A,FALSE,"REVHEAD";#N/A,#N/A,FALSE,"ESTAGIARIOS";#N/A,#N/A,FALSE,"VAGAS"}</definedName>
    <definedName name="q" hidden="1">{#N/A,#N/A,FALSE,"Output";#N/A,#N/A,FALSE,"Cover Sheet";#N/A,#N/A,FALSE,"Current Mkt. Projections"}</definedName>
    <definedName name="qeazr" hidden="1">{#N/A,#N/A,FALSE,"Eastern";#N/A,#N/A,FALSE,"Western"}</definedName>
    <definedName name="qeazr_1" hidden="1">{#N/A,#N/A,FALSE,"Eastern";#N/A,#N/A,FALSE,"Western"}</definedName>
    <definedName name="qeazr_2" hidden="1">{#N/A,#N/A,FALSE,"Eastern";#N/A,#N/A,FALSE,"Western"}</definedName>
    <definedName name="qeazr_3" hidden="1">{#N/A,#N/A,FALSE,"Eastern";#N/A,#N/A,FALSE,"Western"}</definedName>
    <definedName name="qeazr_4" hidden="1">{#N/A,#N/A,FALSE,"Eastern";#N/A,#N/A,FALSE,"Western"}</definedName>
    <definedName name="qeazr_5" hidden="1">{#N/A,#N/A,FALSE,"Eastern";#N/A,#N/A,FALSE,"Western"}</definedName>
    <definedName name="QQQ" localSheetId="0" hidden="1">{#N/A,#N/A,FALSE,"Aging Summary";#N/A,#N/A,FALSE,"Ratio Analysis";#N/A,#N/A,FALSE,"Test 120 Day Accts";#N/A,#N/A,FALSE,"Tickmarks"}</definedName>
    <definedName name="QQQ" hidden="1">{#N/A,#N/A,FALSE,"Aging Summary";#N/A,#N/A,FALSE,"Ratio Analysis";#N/A,#N/A,FALSE,"Test 120 Day Accts";#N/A,#N/A,FALSE,"Tickmarks"}</definedName>
    <definedName name="QQQQ" hidden="1">{#N/A,#N/A,FALSE,"Menu"}</definedName>
    <definedName name="qqqqqqqqqq" hidden="1">{#N/A,#N/A,FALSE,"LLAVE";#N/A,#N/A,FALSE,"EERR";#N/A,#N/A,FALSE,"ESP";#N/A,#N/A,FALSE,"EOAF";#N/A,#N/A,FALSE,"CASH";#N/A,#N/A,FALSE,"FINANZAS";#N/A,#N/A,FALSE,"DEUDA";#N/A,#N/A,FALSE,"INVERSION";#N/A,#N/A,FALSE,"PERSONAL"}</definedName>
    <definedName name="qw" hidden="1">{"'PRODUCTIONCOST SHEET'!$B$3:$G$48"}</definedName>
    <definedName name="qw_1" hidden="1">{"'PRODUCTIONCOST SHEET'!$B$3:$G$48"}</definedName>
    <definedName name="qw_2" hidden="1">{"'PRODUCTIONCOST SHEET'!$B$3:$G$48"}</definedName>
    <definedName name="qw_3" hidden="1">{"'PRODUCTIONCOST SHEET'!$B$3:$G$48"}</definedName>
    <definedName name="qw_4" hidden="1">{"'PRODUCTIONCOST SHEET'!$B$3:$G$48"}</definedName>
    <definedName name="qw_5" hidden="1">{"'PRODUCTIONCOST SHEET'!$B$3:$G$48"}</definedName>
    <definedName name="qwee" hidden="1">{"EconCons",#N/A,TRUE,"Econômico - Consolidado";"EconCim",#N/A,TRUE,"Econômico - Cimento";"EconCal",#N/A,TRUE,"Econômico - Cal e Outros";"CaixaCons",#N/A,TRUE,"Caixa - Consolidado";"CaixaCim",#N/A,TRUE,"Caixa - Cimento";"CaixaCal",#N/A,TRUE,"Caixa - Cal e Outros";"InvestCons",#N/A,TRUE,"Invest Consolidado"}</definedName>
    <definedName name="qweqwe" hidden="1">{"Econ Consolidado",#N/A,FALSE,"Econ Consol";"Fluxo de Caixa",#N/A,FALSE,"Fluxo Caixa";"Investimentos",#N/A,FALSE,"Investimentos"}</definedName>
    <definedName name="qwerty" hidden="1">{#N/A,#N/A,FALSE,"LLAVE";#N/A,#N/A,FALSE,"EERR";#N/A,#N/A,FALSE,"ESP";#N/A,#N/A,FALSE,"EOAF";#N/A,#N/A,FALSE,"CASH";#N/A,#N/A,FALSE,"FINANZAS";#N/A,#N/A,FALSE,"DEUDA";#N/A,#N/A,FALSE,"INVERSION";#N/A,#N/A,FALSE,"PERSONAL"}</definedName>
    <definedName name="qwertyu" hidden="1">{#N/A,#N/A,FALSE,"ENERGIA";#N/A,#N/A,FALSE,"PERDIDAS";#N/A,#N/A,FALSE,"CLIENTES";#N/A,#N/A,FALSE,"ESTADO";#N/A,#N/A,FALSE,"TECNICA"}</definedName>
    <definedName name="qwertyuio" hidden="1">{#N/A,#N/A,FALSE,"LLAVE";#N/A,#N/A,FALSE,"EERR";#N/A,#N/A,FALSE,"ESP";#N/A,#N/A,FALSE,"EOAF";#N/A,#N/A,FALSE,"CASH";#N/A,#N/A,FALSE,"FINANZAS";#N/A,#N/A,FALSE,"DEUDA";#N/A,#N/A,FALSE,"INVERSION";#N/A,#N/A,FALSE,"PERSONAL"}</definedName>
    <definedName name="qwerwert" hidden="1">{#N/A,#N/A,FALSE,"DI 2 YEAR MASTER SCHEDULE"}</definedName>
    <definedName name="qwerwert_1" hidden="1">{#N/A,#N/A,FALSE,"DI 2 YEAR MASTER SCHEDULE"}</definedName>
    <definedName name="qwerwert_2" hidden="1">{#N/A,#N/A,FALSE,"DI 2 YEAR MASTER SCHEDULE"}</definedName>
    <definedName name="qwerwert_3" hidden="1">{#N/A,#N/A,FALSE,"DI 2 YEAR MASTER SCHEDULE"}</definedName>
    <definedName name="qwerwert_4" hidden="1">{#N/A,#N/A,FALSE,"DI 2 YEAR MASTER SCHEDULE"}</definedName>
    <definedName name="qwerwert_5" hidden="1">{#N/A,#N/A,FALSE,"DI 2 YEAR MASTER SCHEDULE"}</definedName>
    <definedName name="raoahs" hidden="1">{"SCH73",#N/A,FALSE,"eva";"SCH74",#N/A,FALSE,"eva";"SCH75",#N/A,FALSE,"eva"}</definedName>
    <definedName name="Ratios_2" hidden="1">{"'TG'!$A$1:$L$37"}</definedName>
    <definedName name="RBTESTE" hidden="1">{#N/A,#N/A,FALSE,"ENERGIA";#N/A,#N/A,FALSE,"PERDIDAS";#N/A,#N/A,FALSE,"CLIENTES";#N/A,#N/A,FALSE,"ESTADO";#N/A,#N/A,FALSE,"TECNICA"}</definedName>
    <definedName name="re"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_1"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_2"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_3"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_4"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_5"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Regiane" hidden="1">{#N/A,#N/A,FALSE,"Acum Julio - 00"}</definedName>
    <definedName name="regions" hidden="1">[21]Setup!$B$2:$B$9</definedName>
    <definedName name="Rekstur_efnah" localSheetId="0" hidden="1">{#N/A,#N/A,FALSE,"Aging Summary";#N/A,#N/A,FALSE,"Ratio Analysis";#N/A,#N/A,FALSE,"Test 120 Day Accts";#N/A,#N/A,FALSE,"Tickmarks"}</definedName>
    <definedName name="Rekstur_efnah" hidden="1">{#N/A,#N/A,FALSE,"Aging Summary";#N/A,#N/A,FALSE,"Ratio Analysis";#N/A,#N/A,FALSE,"Test 120 Day Accts";#N/A,#N/A,FALSE,"Tickmarks"}</definedName>
    <definedName name="reltado" hidden="1">{#N/A,#N/A,FALSE,"LLAVE";#N/A,#N/A,FALSE,"EERR";#N/A,#N/A,FALSE,"ESP";#N/A,#N/A,FALSE,"EOAF";#N/A,#N/A,FALSE,"CASH";#N/A,#N/A,FALSE,"FINANZAS";#N/A,#N/A,FALSE,"DEUDA";#N/A,#N/A,FALSE,"INVERSION";#N/A,#N/A,FALSE,"PERSONAL"}</definedName>
    <definedName name="Reprev" hidden="1">{#N/A,#N/A,FALSE,"ENERGIA";#N/A,#N/A,FALSE,"PERDIDAS";#N/A,#N/A,FALSE,"CLIENTES";#N/A,#N/A,FALSE,"ESTADO";#N/A,#N/A,FALSE,"TECNICA"}</definedName>
    <definedName name="rer" hidden="1">{#N/A,#N/A,FALSE,"1321";#N/A,#N/A,FALSE,"1324";#N/A,#N/A,FALSE,"1333";#N/A,#N/A,FALSE,"1371"}</definedName>
    <definedName name="Resultados_Capac_No_Satelital" localSheetId="0" hidden="1">{#N/A,#N/A,FALSE,"Aging Summary";#N/A,#N/A,FALSE,"Ratio Analysis";#N/A,#N/A,FALSE,"Test 120 Day Accts";#N/A,#N/A,FALSE,"Tickmarks"}</definedName>
    <definedName name="Resultados_Capac_No_Satelital" hidden="1">{#N/A,#N/A,FALSE,"Aging Summary";#N/A,#N/A,FALSE,"Ratio Analysis";#N/A,#N/A,FALSE,"Test 120 Day Accts";#N/A,#N/A,FALSE,"Tickmarks"}</definedName>
    <definedName name="RH" hidden="1">{#N/A,#N/A,FALSE,"Dutos";#N/A,#N/A,FALSE,"Terminais"}</definedName>
    <definedName name="RiskAfterRecalcMacro" hidden="1">""</definedName>
    <definedName name="RiskAfterSimMacro" hidden="1">""</definedName>
    <definedName name="RiskBeforeRecalcMacro" hidden="1">""</definedName>
    <definedName name="RiskBeforeSimMacro" hidden="1">""</definedName>
    <definedName name="RiskCollectDistributionSamples" hidden="1">2</definedName>
    <definedName name="RiskFixedSeed" hidden="1">1</definedName>
    <definedName name="RiskHasSettings" hidden="1">6</definedName>
    <definedName name="RiskIsInput" hidden="1">FALSE</definedName>
    <definedName name="RiskIsOptimization" hidden="1">FALSE</definedName>
    <definedName name="RiskIsOutput" hidden="1">FALSE</definedName>
    <definedName name="RiskIsStatistics" hidden="1">FALSE</definedName>
    <definedName name="RiskMinimizeOnStart" hidden="1">FALSE</definedName>
    <definedName name="RiskMonitorConvergence" hidden="1">FALSE</definedName>
    <definedName name="RiskMultipleCPUSupportEnabled" hidden="1">TRUE</definedName>
    <definedName name="RiskNumIterations" hidden="1">1000</definedName>
    <definedName name="RiskNumSimulations" hidden="1">1</definedName>
    <definedName name="RiskPauseOnError" hidden="1">FALSE</definedName>
    <definedName name="RiskRunAfterRecalcMacro" hidden="1">FALSE</definedName>
    <definedName name="RiskRunAfterSimMacro" hidden="1">FALSE</definedName>
    <definedName name="RiskRunBeforeRecalcMacro" hidden="1">FALSE</definedName>
    <definedName name="RiskRunBeforeSimMacro" hidden="1">FALSE</definedName>
    <definedName name="RiskSamplingType" hidden="1">3</definedName>
    <definedName name="RiskStandardRecalc" hidden="1">1</definedName>
    <definedName name="RiskUpdateDisplay" hidden="1">FALSE</definedName>
    <definedName name="RiskUseDifferentSeedForEachSim" hidden="1">FALSE</definedName>
    <definedName name="RiskUseFixedSeed" hidden="1">FALSE</definedName>
    <definedName name="RiskUseMultipleCPUs" hidden="1">TRUE</definedName>
    <definedName name="rm"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rm"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Roberta" hidden="1">{"SCH44",#N/A,FALSE,"5b5f";"SCH45",#N/A,FALSE,"5b5f"}</definedName>
    <definedName name="roberto" hidden="1">{"SCH44",#N/A,FALSE,"5b5f";"SCH45",#N/A,FALSE,"5b5f"}</definedName>
    <definedName name="RONGAS" hidden="1">'[25]COMPAGAS '!#REF!</definedName>
    <definedName name="RowLevel" hidden="1">1</definedName>
    <definedName name="rrr" hidden="1">{#N/A,#N/A,FALSE,"Inmovilizado material";#N/A,#N/A,FALSE,"Inmovilizado inmaterial ";#N/A,#N/A,FALSE,"Participaciones";#N/A,#N/A,FALSE,"Fondo Comercio";#N/A,#N/A,FALSE,"Cilentes y deudores emp. grupo";#N/A,#N/A,FALSE,"Fondos Própios";#N/A,#N/A,FALSE,"Movimiento Reservas";#N/A,#N/A,FALSE,"Socios Externos";#N/A,#N/A,FALSE,"Socios Externos Movimiento";#N/A,#N/A,FALSE,"Obligaciones Saldos";#N/A,#N/A,FALSE,"Ingresos y Gtos Extras";#N/A,#N/A,FALSE,"Gtos e Ingr empresas grupo"}</definedName>
    <definedName name="RRRR" hidden="1">{#N/A,#N/A,FALSE,"Inmovilizado material";#N/A,#N/A,FALSE,"Inmovilizado inmaterial ";#N/A,#N/A,FALSE,"Participaciones";#N/A,#N/A,FALSE,"Fondo Comercio";#N/A,#N/A,FALSE,"Cilentes y deudores emp. grupo";#N/A,#N/A,FALSE,"Fondos Própios";#N/A,#N/A,FALSE,"Movimiento Reservas";#N/A,#N/A,FALSE,"Socios Externos";#N/A,#N/A,FALSE,"Socios Externos Movimiento";#N/A,#N/A,FALSE,"Obligaciones Saldos";#N/A,#N/A,FALSE,"Ingresos y Gtos Extras";#N/A,#N/A,FALSE,"Gtos e Ingr empresas grupo"}</definedName>
    <definedName name="rrt" hidden="1">{"Econ Consolidado",#N/A,FALSE,"Econ Consol";"Fluxo de Caixa",#N/A,FALSE,"Fluxo Caixa";"Investimentos",#N/A,FALSE,"Investimentos"}</definedName>
    <definedName name="RV" hidden="1">{"Rio Branco",#N/A,FALSE,"Rio Branco";"Itajaí",#N/A,FALSE,"Itajaí";"Pinheiro Machado",#N/A,FALSE,"PMachado";"Esteio",#N/A,FALSE,"Esteio"}</definedName>
    <definedName name="sadF" hidden="1">{"summary1",#N/A,TRUE,"Comps";"summary2",#N/A,TRUE,"Comps";"summary3",#N/A,TRUE,"Comps"}</definedName>
    <definedName name="sadF_1" hidden="1">{"summary1",#N/A,TRUE,"Comps";"summary2",#N/A,TRUE,"Comps";"summary3",#N/A,TRUE,"Comps"}</definedName>
    <definedName name="sadF_2" hidden="1">{"summary1",#N/A,TRUE,"Comps";"summary2",#N/A,TRUE,"Comps";"summary3",#N/A,TRUE,"Comps"}</definedName>
    <definedName name="sadF_3" hidden="1">{"summary1",#N/A,TRUE,"Comps";"summary2",#N/A,TRUE,"Comps";"summary3",#N/A,TRUE,"Comps"}</definedName>
    <definedName name="sadF_4" hidden="1">{"summary1",#N/A,TRUE,"Comps";"summary2",#N/A,TRUE,"Comps";"summary3",#N/A,TRUE,"Comps"}</definedName>
    <definedName name="sadF_5" hidden="1">{"summary1",#N/A,TRUE,"Comps";"summary2",#N/A,TRUE,"Comps";"summary3",#N/A,TRUE,"Comps"}</definedName>
    <definedName name="sadfasdf" hidden="1">{"Rio Branco",#N/A,FALSE,"Rio Branco";"Itajaí",#N/A,FALSE,"Itajaí";"Pinheiro Machado",#N/A,FALSE,"PMachado";"Esteio",#N/A,FALSE,"Esteio"}</definedName>
    <definedName name="SAPBEXdnldView" hidden="1">"00O2TNWABJ32182ONH5J9KWY9"</definedName>
    <definedName name="SAPBEXhrIndnt" hidden="1">1</definedName>
    <definedName name="SAPBEXrevision" hidden="1">3</definedName>
    <definedName name="SAPBEXsysID" hidden="1">"ASP"</definedName>
    <definedName name="SAPBEXwbID" hidden="1">"1DHHQVH7P8PTLQ5IDAR04R12I"</definedName>
    <definedName name="SC_Currency" hidden="1">#REF!</definedName>
    <definedName name="scdscds" hidden="1">'[16]Equity set 04'!$J$1:$J$65536</definedName>
    <definedName name="scscs" hidden="1">'[16]Equity set 04'!$G$1:$G$65536</definedName>
    <definedName name="scsdc" hidden="1">#REF!</definedName>
    <definedName name="scsdcds" hidden="1">'[16]Equity set 04'!$S$1:$S$65536</definedName>
    <definedName name="sddfg" hidden="1">{"Econ Consolidado",#N/A,FALSE,"Econ Consol";"Fluxo de Caixa",#N/A,FALSE,"Fluxo Caixa";"Investimentos",#N/A,FALSE,"Investimentos"}</definedName>
    <definedName name="sdf" localSheetId="0" hidden="1">{#N/A,#N/A,FALSE,"HEADALU";#N/A,#N/A,FALSE,"REVHEAD";#N/A,#N/A,FALSE,"ESTAGIARIOS";#N/A,#N/A,FALSE,"VAGAS"}</definedName>
    <definedName name="sdf" hidden="1">{#N/A,#N/A,FALSE,"HEADALU";#N/A,#N/A,FALSE,"REVHEAD";#N/A,#N/A,FALSE,"ESTAGIARIOS";#N/A,#N/A,FALSE,"VAGAS"}</definedName>
    <definedName name="SDG" hidden="1">{#N/A,#N/A,FALSE,"Dutos";#N/A,#N/A,FALSE,"Terminais"}</definedName>
    <definedName name="sencount" hidden="1">1</definedName>
    <definedName name="SeptemberSBEP">'[12]Data SBEP'!$3399:$3813</definedName>
    <definedName name="serv2" hidden="1">'[26]PIS-99'!#REF!</definedName>
    <definedName name="sfgsy" hidden="1">{#N/A,#N/A,FALSE,"PRJCTED QTRLY QTY's"}</definedName>
    <definedName name="sfgsy_1" hidden="1">{#N/A,#N/A,FALSE,"PRJCTED QTRLY QTY's"}</definedName>
    <definedName name="sfgsy_2" hidden="1">{#N/A,#N/A,FALSE,"PRJCTED QTRLY QTY's"}</definedName>
    <definedName name="sfgsy_3" hidden="1">{#N/A,#N/A,FALSE,"PRJCTED QTRLY QTY's"}</definedName>
    <definedName name="sfgsy_4" hidden="1">{#N/A,#N/A,FALSE,"PRJCTED QTRLY QTY's"}</definedName>
    <definedName name="sfgsy_5" hidden="1">{#N/A,#N/A,FALSE,"PRJCTED QTRLY QTY's"}</definedName>
    <definedName name="Simulador" hidden="1">{"Rio Branco",#N/A,FALSE,"Rio Branco";"Itajaí",#N/A,FALSE,"Itajaí";"Pinheiro Machado",#N/A,FALSE,"PMachado";"Esteio",#N/A,FALSE,"Esteio"}</definedName>
    <definedName name="sio" hidden="1">{#N/A,#N/A,FALSE,"Menu"}</definedName>
    <definedName name="siom" hidden="1">{#N/A,#N/A,FALSE,"Menu"}</definedName>
    <definedName name="sioma" hidden="1">{#N/A,#N/A,FALSE,"Menu"}</definedName>
    <definedName name="Sjóðstreymi" localSheetId="0" hidden="1">{#N/A,#N/A,FALSE,"Aging Summary";#N/A,#N/A,FALSE,"Ratio Analysis";#N/A,#N/A,FALSE,"Test 120 Day Accts";#N/A,#N/A,FALSE,"Tickmarks"}</definedName>
    <definedName name="Sjóðstreymi" hidden="1">{#N/A,#N/A,FALSE,"Aging Summary";#N/A,#N/A,FALSE,"Ratio Analysis";#N/A,#N/A,FALSE,"Test 120 Day Accts";#N/A,#N/A,FALSE,"Tickmarks"}</definedName>
    <definedName name="Skýringar" localSheetId="0" hidden="1">{#N/A,#N/A,FALSE,"Aging Summary";#N/A,#N/A,FALSE,"Ratio Analysis";#N/A,#N/A,FALSE,"Test 120 Day Accts";#N/A,#N/A,FALSE,"Tickmarks"}</definedName>
    <definedName name="Skýringar" hidden="1">{#N/A,#N/A,FALSE,"Aging Summary";#N/A,#N/A,FALSE,"Ratio Analysis";#N/A,#N/A,FALSE,"Test 120 Day Accts";#N/A,#N/A,FALSE,"Tickmarks"}</definedName>
    <definedName name="solver_cvg" hidden="1">0.001</definedName>
    <definedName name="solver_drv" hidden="1">1</definedName>
    <definedName name="solver_est" hidden="1">1</definedName>
    <definedName name="solver_itr" hidden="1">100</definedName>
    <definedName name="solver_lin" hidden="1">2</definedName>
    <definedName name="solver_neg" hidden="1">2</definedName>
    <definedName name="solver_num" hidden="1">0</definedName>
    <definedName name="solver_nwt" hidden="1">1</definedName>
    <definedName name="solver_pre" hidden="1">0.000001</definedName>
    <definedName name="solver_scl" hidden="1">2</definedName>
    <definedName name="solver_sho" hidden="1">2</definedName>
    <definedName name="solver_tim" hidden="1">100</definedName>
    <definedName name="solver_tol" hidden="1">0.05</definedName>
    <definedName name="solver_typ" hidden="1">3</definedName>
    <definedName name="solver_val" hidden="1">19.66</definedName>
    <definedName name="srm" hidden="1">{#N/A,#N/A,FALSE,"SIM95"}</definedName>
    <definedName name="ss"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STRATEGYActualA56" hidden="1">IF(AND([20]STRATEGY!$BH$56&gt;[20]STRATEGY!$BS$56,[20]STRATEGY!$BH$56&lt;=[20]STRATEGY!$BT$56),"A","")</definedName>
    <definedName name="STRATEGYActualA57" hidden="1">IF(AND([20]STRATEGY!$BH$57&gt;[20]STRATEGY!$BS$57,[20]STRATEGY!$BH$57&lt;=[20]STRATEGY!$BT$57),"A","")</definedName>
    <definedName name="STRATEGYActualA58" hidden="1">IF(AND([20]STRATEGY!$BH$58&gt;[20]STRATEGY!$BS$58,[20]STRATEGY!$BH$58&lt;=[20]STRATEGY!$BT$58),"A","")</definedName>
    <definedName name="STRATEGYActualA59" hidden="1">IF(AND([20]STRATEGY!$BH$59&gt;[20]STRATEGY!$BS$59,[20]STRATEGY!$BH$59&lt;=[20]STRATEGY!$BT$59),"A","")</definedName>
    <definedName name="STRATEGYActualA61" hidden="1">IF(AND([20]STRATEGY!$BH$61&gt;[20]STRATEGY!$BS$61,[20]STRATEGY!$BH$61&lt;=[20]STRATEGY!$BT$61),"A","")</definedName>
    <definedName name="STRATEGYActualA62" hidden="1">IF(AND([20]STRATEGY!$BH$62&gt;[20]STRATEGY!$BS$62,[20]STRATEGY!$BH$62&lt;=[20]STRATEGY!$BT$62),"A","")</definedName>
    <definedName name="STRATEGYActualA64" hidden="1">IF(AND([20]STRATEGY!$BH$64&gt;[20]STRATEGY!$BS$64,[20]STRATEGY!$BH$64&lt;=[20]STRATEGY!$BT$64),"A","")</definedName>
    <definedName name="STRATEGYActualA65" hidden="1">IF(AND([20]STRATEGY!$BH$65&gt;[20]STRATEGY!$BS$65,[20]STRATEGY!$BH$65&lt;=[20]STRATEGY!$BT$65),"A","")</definedName>
    <definedName name="STRATEGYActualA67" hidden="1">IF(AND([20]STRATEGY!$BH$67&gt;[20]STRATEGY!$BS$67,[20]STRATEGY!$BH$67&lt;=[20]STRATEGY!$BT$67),"A","")</definedName>
    <definedName name="STRATEGYActualA68" hidden="1">IF(AND([20]STRATEGY!$BH$68&gt;[20]STRATEGY!$BS$68,[20]STRATEGY!$BH$68&lt;=[20]STRATEGY!$BT$68),"A","")</definedName>
    <definedName name="STRATEGYActualA70" hidden="1">IF(AND([20]STRATEGY!$BH$70&gt;=[20]STRATEGY!$BS$70,[20]STRATEGY!$BH$70&lt;=[20]STRATEGY!$BT$70),"A","")</definedName>
    <definedName name="STRATEGYActualA71" hidden="1">IF(AND([20]STRATEGY!$BH$71&gt;=[20]STRATEGY!$BS$71,[20]STRATEGY!$BH$71&lt;=[20]STRATEGY!$BT$71),"A","")</definedName>
    <definedName name="STRATEGYActualB56" hidden="1">IF(AND([20]STRATEGY!$BH$56&gt;[20]STRATEGY!$BQ$56,[20]STRATEGY!$BH$56&lt;=[20]STRATEGY!$BR$56),"B","")</definedName>
    <definedName name="STRATEGYActualB57" hidden="1">IF(AND([20]STRATEGY!$BH$57&gt;[20]STRATEGY!$BQ$57,[20]STRATEGY!$BH$57&lt;=[20]STRATEGY!$BR$57),"B","")</definedName>
    <definedName name="STRATEGYActualB58" hidden="1">IF(AND([20]STRATEGY!$BH$58&gt;[20]STRATEGY!$BQ$58,[20]STRATEGY!$BH$58&lt;=[20]STRATEGY!$BR$58),"B","")</definedName>
    <definedName name="STRATEGYActualB59" hidden="1">IF(AND([20]STRATEGY!$BH$59&gt;[20]STRATEGY!$BQ$59,[20]STRATEGY!$BH$59&lt;=[20]STRATEGY!$BR$59),"B","")</definedName>
    <definedName name="STRATEGYActualB61" hidden="1">IF(AND([20]STRATEGY!$BH$61&gt;[20]STRATEGY!$BQ$61,[20]STRATEGY!$BH$61&lt;=[20]STRATEGY!$BR$61),"B","")</definedName>
    <definedName name="STRATEGYActualB62" hidden="1">IF(AND([20]STRATEGY!$BH$62&gt;[20]STRATEGY!$BQ$62,[20]STRATEGY!$BH$62&lt;=[20]STRATEGY!$BR$62),"B","")</definedName>
    <definedName name="STRATEGYActualB64" hidden="1">IF(AND([20]STRATEGY!$BH$64&gt;[20]STRATEGY!$BQ$64,[20]STRATEGY!$BH$64&lt;=[20]STRATEGY!$BR$64),"B","")</definedName>
    <definedName name="STRATEGYActualB65" hidden="1">IF(AND([20]STRATEGY!$BH$65&gt;[20]STRATEGY!$BQ$65,[20]STRATEGY!$BH$65&lt;=[20]STRATEGY!$BR$65),"B","")</definedName>
    <definedName name="STRATEGYActualB67" hidden="1">IF(AND([20]STRATEGY!$BH$67&gt;[20]STRATEGY!$BQ$67,[20]STRATEGY!$BH$67&lt;=[20]STRATEGY!$BR$67),"B","")</definedName>
    <definedName name="STRATEGYActualB68" hidden="1">IF(AND([20]STRATEGY!$BH$68&gt;[20]STRATEGY!$BQ$68,[20]STRATEGY!$BH$68&lt;=[20]STRATEGY!$BR$68),"B","")</definedName>
    <definedName name="STRATEGYActualB70" hidden="1">IF(AND([20]STRATEGY!$BH$70&gt;[20]STRATEGY!$BQ$70,[20]STRATEGY!$BH$70&lt;=[20]STRATEGY!$BR$70),"B","")</definedName>
    <definedName name="STRATEGYActualB71" hidden="1">IF(AND([20]STRATEGY!$BH$71&gt;[20]STRATEGY!$BQ$71,[20]STRATEGY!$BH$71&lt;=[20]STRATEGY!$BR$71),"B","")</definedName>
    <definedName name="STRATEGYActualC56" hidden="1">IF(AND([20]STRATEGY!$BH$56&gt;[20]STRATEGY!$BO$56,[20]STRATEGY!$BH$56&lt;=[20]STRATEGY!$BP$56),"C","")</definedName>
    <definedName name="STRATEGYActualC57" hidden="1">IF(AND([20]STRATEGY!$BH$57&gt;[20]STRATEGY!$BO$57,[20]STRATEGY!$BH$57&lt;=[20]STRATEGY!$BP$57),"C","")</definedName>
    <definedName name="STRATEGYActualC58" hidden="1">IF(AND([20]STRATEGY!$BH$58&gt;[20]STRATEGY!$BO$58,[20]STRATEGY!$BH$58&lt;=[20]STRATEGY!$BP$58),"C","")</definedName>
    <definedName name="STRATEGYActualC59" hidden="1">IF(AND([20]STRATEGY!$BH$59&gt;[20]STRATEGY!$BO$59,[20]STRATEGY!$BH$59&lt;=[20]STRATEGY!$BP$59),"C","")</definedName>
    <definedName name="STRATEGYActualC61" hidden="1">IF(AND([20]STRATEGY!$BH$61&gt;[20]STRATEGY!$BO$61,[20]STRATEGY!$BH$61&lt;=[20]STRATEGY!$BP$61),"C","")</definedName>
    <definedName name="STRATEGYActualC62" hidden="1">IF(AND([20]STRATEGY!$BH$62&gt;[20]STRATEGY!$BO$62,[20]STRATEGY!$BH$62&lt;=[20]STRATEGY!$BP$62),"C","")</definedName>
    <definedName name="STRATEGYActualC64" hidden="1">IF(AND([20]STRATEGY!$BH$64&gt;[20]STRATEGY!$BO$64,[20]STRATEGY!$BH$64&lt;=[20]STRATEGY!$BP$64),"C","")</definedName>
    <definedName name="STRATEGYActualC65" hidden="1">IF(AND([20]STRATEGY!$BH$65&gt;[20]STRATEGY!$BO$65,[20]STRATEGY!$BH$65&lt;=[20]STRATEGY!$BP$65),"C","")</definedName>
    <definedName name="STRATEGYActualC67" hidden="1">IF(AND([20]STRATEGY!$BH$67&gt;[20]STRATEGY!$BO$67,[20]STRATEGY!$BH$67&lt;=[20]STRATEGY!$BP$67),"C","")</definedName>
    <definedName name="STRATEGYActualC68" hidden="1">IF(AND([20]STRATEGY!$BH$68&gt;[20]STRATEGY!$BO$68,[20]STRATEGY!$BH$68&lt;=[20]STRATEGY!$BP$68),"C","")</definedName>
    <definedName name="STRATEGYActualC70" hidden="1">IF(AND([20]STRATEGY!$BH$70&gt;[20]STRATEGY!$BO$70,[20]STRATEGY!$BH$70&lt;=[20]STRATEGY!$BP$70),"C","")</definedName>
    <definedName name="STRATEGYActualC71" hidden="1">IF(AND([20]STRATEGY!$BH$71&gt;[20]STRATEGY!$BO$71,[20]STRATEGY!$BH$71&lt;=[20]STRATEGY!$BP$71),"C","")</definedName>
    <definedName name="STRATEGYActualD56" hidden="1">IF(AND([20]STRATEGY!$BH$56&gt;[20]STRATEGY!$BM$56,[20]STRATEGY!$BH$56&lt;=[20]STRATEGY!$BN$56),"D","")</definedName>
    <definedName name="STRATEGYActualD57" hidden="1">IF(AND([20]STRATEGY!$BH$57&gt;[20]STRATEGY!$BM$57,[20]STRATEGY!$BH$57&lt;=[20]STRATEGY!$BN$57),"D","")</definedName>
    <definedName name="STRATEGYActualD58" hidden="1">IF(AND([20]STRATEGY!$BH$58&gt;[20]STRATEGY!$BM$58,[20]STRATEGY!$BH$58&lt;=[20]STRATEGY!$BN$58),"D","")</definedName>
    <definedName name="STRATEGYActualD59" hidden="1">IF(AND([20]STRATEGY!$BH$59&gt;[20]STRATEGY!$BM$59,[20]STRATEGY!$BH$59&lt;=[20]STRATEGY!$BN$59),"D","")</definedName>
    <definedName name="STRATEGYActualD61" hidden="1">IF(AND([20]STRATEGY!$BH$61&gt;[20]STRATEGY!$BM$61,[20]STRATEGY!$BH$61&lt;=[20]STRATEGY!$BN$61),"D","")</definedName>
    <definedName name="STRATEGYActualD62" hidden="1">IF(AND([20]STRATEGY!$BH$62&gt;[20]STRATEGY!$BM$62,[20]STRATEGY!$BH$62&lt;=[20]STRATEGY!$BN$62),"D","")</definedName>
    <definedName name="STRATEGYActualD64" hidden="1">IF(AND([20]STRATEGY!$BH$64&gt;[20]STRATEGY!$BM$64,[20]STRATEGY!$BH$64&lt;=[20]STRATEGY!$BN$64),"D","")</definedName>
    <definedName name="STRATEGYActualD65" hidden="1">IF(AND([20]STRATEGY!$BH$65&gt;[20]STRATEGY!$BM$65,[20]STRATEGY!$BH$65&lt;=[20]STRATEGY!$BN$65),"D","")</definedName>
    <definedName name="STRATEGYActualD67" hidden="1">IF(AND([20]STRATEGY!$BH$67&gt;[20]STRATEGY!$BM$67,[20]STRATEGY!$BH$67&lt;=[20]STRATEGY!$BN$67),"D","")</definedName>
    <definedName name="STRATEGYActualD68" hidden="1">IF(AND([20]STRATEGY!$BH$68&gt;[20]STRATEGY!$BM$68,[20]STRATEGY!$BH$68&lt;=[20]STRATEGY!$BN$68),"D","")</definedName>
    <definedName name="STRATEGYActualD70" hidden="1">IF(AND([20]STRATEGY!$BH$70&gt;[20]STRATEGY!$BM$70,[20]STRATEGY!$BH$70&lt;=[20]STRATEGY!$BN$70),"D","")</definedName>
    <definedName name="STRATEGYActualD71" hidden="1">IF(AND([20]STRATEGY!$BH$71&gt;[20]STRATEGY!$BM$71,[20]STRATEGY!$BH$71&lt;=[20]STRATEGY!$BN$71),"D","")</definedName>
    <definedName name="STRATEGYActualE56" hidden="1">IF(AND([20]STRATEGY!$BH$56&gt;=[20]STRATEGY!$BK$56,[20]STRATEGY!$BH$56&lt;=[20]STRATEGY!$BL$56),"E","")</definedName>
    <definedName name="STRATEGYActualE57" hidden="1">IF(AND([20]STRATEGY!$BH$57&gt;=[20]STRATEGY!$BK$57,[20]STRATEGY!$BH$57&lt;=[20]STRATEGY!$BL$57),"E","")</definedName>
    <definedName name="STRATEGYActualE58" hidden="1">IF(AND([20]STRATEGY!$BH$58&gt;=[20]STRATEGY!$BK$58,[20]STRATEGY!$BH$58&lt;=[20]STRATEGY!$BL$58),"E","")</definedName>
    <definedName name="STRATEGYActualE59" hidden="1">IF(AND([20]STRATEGY!$BH$59&gt;=[20]STRATEGY!$BK$59,[20]STRATEGY!$BH$59&lt;=[20]STRATEGY!$BL$59),"E","")</definedName>
    <definedName name="STRATEGYActualE61" hidden="1">IF(AND([20]STRATEGY!$BH$61&gt;=[20]STRATEGY!$BK$61,[20]STRATEGY!$BH$61&lt;=[20]STRATEGY!$BL$61),"E","")</definedName>
    <definedName name="STRATEGYActualE62" hidden="1">IF(AND([20]STRATEGY!$BH$62&gt;=[20]STRATEGY!$BK$62,[20]STRATEGY!$BH$62&lt;=[20]STRATEGY!$BL$62),"E","")</definedName>
    <definedName name="STRATEGYActualE64" hidden="1">IF(AND([20]STRATEGY!$BH$64&gt;=[20]STRATEGY!$BK$64,[20]STRATEGY!$BH$64&lt;=[20]STRATEGY!$BL$64),"E","")</definedName>
    <definedName name="STRATEGYActualE65" hidden="1">IF(AND([20]STRATEGY!$BH$65&gt;=[20]STRATEGY!$BK$65,[20]STRATEGY!$BH$65&lt;=[20]STRATEGY!$BL$65),"E","")</definedName>
    <definedName name="STRATEGYActualE67" hidden="1">IF(AND([20]STRATEGY!$BH$67&gt;=[20]STRATEGY!$BK$67,[20]STRATEGY!$BH$67&lt;=[20]STRATEGY!$BL$67),"E","")</definedName>
    <definedName name="STRATEGYActualE68" hidden="1">IF(AND([20]STRATEGY!$BH$68&gt;=[20]STRATEGY!$BK$68,[20]STRATEGY!$BH$68&lt;=[20]STRATEGY!$BL$68),"E","")</definedName>
    <definedName name="STRATEGYActualE70" hidden="1">IF(AND([20]STRATEGY!$BH$70&gt;[20]STRATEGY!$BK$70,[20]STRATEGY!$BH$70&lt;=[20]STRATEGY!$BL$70),"E","")</definedName>
    <definedName name="STRATEGYActualE71" hidden="1">IF(AND([20]STRATEGY!$BH$71&gt;[20]STRATEGY!$BK$71,[20]STRATEGY!$BH$71&lt;=[20]STRATEGY!$BL$71),"E","")</definedName>
    <definedName name="STRATEGYRow56AText" hidden="1">[20]STRATEGY!$DC$56</definedName>
    <definedName name="STRATEGYRow56BText" hidden="1">[20]STRATEGY!$DD$56</definedName>
    <definedName name="STRATEGYRow56CText" hidden="1">[20]STRATEGY!$DE$56</definedName>
    <definedName name="STRATEGYRow56DText" hidden="1">[20]STRATEGY!$DF$56</definedName>
    <definedName name="STRATEGYRow56EText" hidden="1">[20]STRATEGY!$DG$56</definedName>
    <definedName name="STRATEGYRow56ValueClassedPve" hidden="1">"Competitors market shares &amp; profiles"</definedName>
    <definedName name="STRATEGYRow57AText" hidden="1">[20]STRATEGY!$DC$57</definedName>
    <definedName name="STRATEGYRow57BText" hidden="1">[20]STRATEGY!$DD$57</definedName>
    <definedName name="STRATEGYRow57CText" hidden="1">[20]STRATEGY!$DE$57</definedName>
    <definedName name="STRATEGYRow57DText" hidden="1">[20]STRATEGY!$DF$57</definedName>
    <definedName name="STRATEGYRow57EText" hidden="1">[20]STRATEGY!$DG$57</definedName>
    <definedName name="STRATEGYRow57ValueClassedPve" hidden="1">"Import risk-Margin"</definedName>
    <definedName name="STRATEGYRow58AText" hidden="1">[20]STRATEGY!$DC$58</definedName>
    <definedName name="STRATEGYRow58BText" hidden="1">[20]STRATEGY!$DD$58</definedName>
    <definedName name="STRATEGYRow58CText" hidden="1">[20]STRATEGY!$DE$58</definedName>
    <definedName name="STRATEGYRow58DText" hidden="1">[20]STRATEGY!$DF$58</definedName>
    <definedName name="STRATEGYRow58EText" hidden="1">[20]STRATEGY!$DG$58</definedName>
    <definedName name="STRATEGYRow58ValueClassedPve" hidden="1">"Import risk-Port"</definedName>
    <definedName name="STRATEGYRow59AText" hidden="1">[20]STRATEGY!$DC$59</definedName>
    <definedName name="STRATEGYRow59BText" hidden="1">[20]STRATEGY!$DD$59</definedName>
    <definedName name="STRATEGYRow59CText" hidden="1">[20]STRATEGY!$DE$59</definedName>
    <definedName name="STRATEGYRow59DText" hidden="1">[20]STRATEGY!$DF$59</definedName>
    <definedName name="STRATEGYRow59EText" hidden="1">[20]STRATEGY!$DG$59</definedName>
    <definedName name="STRATEGYRow59ValueClassedPve" hidden="1">"Cementitious Risk"</definedName>
    <definedName name="STRATEGYRow61AText" hidden="1">[20]STRATEGY!$DC$61</definedName>
    <definedName name="STRATEGYRow61BText" hidden="1">[20]STRATEGY!$DD$61</definedName>
    <definedName name="STRATEGYRow61CText" hidden="1">[20]STRATEGY!$DE$61</definedName>
    <definedName name="STRATEGYRow61DText" hidden="1">[20]STRATEGY!$DF$61</definedName>
    <definedName name="STRATEGYRow61EText" hidden="1">[20]STRATEGY!$DG$61</definedName>
    <definedName name="STRATEGYRow61ValueClassedPve" hidden="1">"% sales as delivered cost leader (economic) - Plant #1"</definedName>
    <definedName name="STRATEGYRow62AText" hidden="1">[20]STRATEGY!$DC$62</definedName>
    <definedName name="STRATEGYRow62BText" hidden="1">[20]STRATEGY!$DD$62</definedName>
    <definedName name="STRATEGYRow62CText" hidden="1">[20]STRATEGY!$DE$62</definedName>
    <definedName name="STRATEGYRow62DText" hidden="1">[20]STRATEGY!$DF$62</definedName>
    <definedName name="STRATEGYRow62EText" hidden="1">[20]STRATEGY!$DG$62</definedName>
    <definedName name="STRATEGYRow62ValueClassedPve" hidden="1">"% sales as delivered cost leader (actual) - Plant #1"</definedName>
    <definedName name="STRATEGYRow64AText" hidden="1">[20]STRATEGY!$DC$64</definedName>
    <definedName name="STRATEGYRow64BText" hidden="1">[20]STRATEGY!$DD$64</definedName>
    <definedName name="STRATEGYRow64CText" hidden="1">[20]STRATEGY!$DE$64</definedName>
    <definedName name="STRATEGYRow64DText" hidden="1">[20]STRATEGY!$DF$64</definedName>
    <definedName name="STRATEGYRow64EText" hidden="1">[20]STRATEGY!$DG$64</definedName>
    <definedName name="STRATEGYRow64ValueClassedPve" hidden="1">"% sales as delivered cost leader (economic) - Plant #2"</definedName>
    <definedName name="STRATEGYRow65AText" hidden="1">[20]STRATEGY!$DC$65</definedName>
    <definedName name="STRATEGYRow65BText" hidden="1">[20]STRATEGY!$DD$65</definedName>
    <definedName name="STRATEGYRow65CText" hidden="1">[20]STRATEGY!$DE$65</definedName>
    <definedName name="STRATEGYRow65DText" hidden="1">[20]STRATEGY!$DF$65</definedName>
    <definedName name="STRATEGYRow65EText" hidden="1">[20]STRATEGY!$DG$65</definedName>
    <definedName name="STRATEGYRow65ValueClassedPve" hidden="1">"% sales as delivered cost leader (actual) - Plant #2"</definedName>
    <definedName name="STRATEGYRow67AText" hidden="1">[20]STRATEGY!$DC$67</definedName>
    <definedName name="STRATEGYRow67BText" hidden="1">[20]STRATEGY!$DD$67</definedName>
    <definedName name="STRATEGYRow67CText" hidden="1">[20]STRATEGY!$DE$67</definedName>
    <definedName name="STRATEGYRow67DText" hidden="1">[20]STRATEGY!$DF$67</definedName>
    <definedName name="STRATEGYRow67EText" hidden="1">[20]STRATEGY!$DG$67</definedName>
    <definedName name="STRATEGYRow67ValueClassedPve" hidden="1">"% sales as delivered cost leader (economic) - Plant #3"</definedName>
    <definedName name="STRATEGYRow68AText" hidden="1">[20]STRATEGY!$DC$68</definedName>
    <definedName name="STRATEGYRow68BText" hidden="1">[20]STRATEGY!$DD$68</definedName>
    <definedName name="STRATEGYRow68CText" hidden="1">[20]STRATEGY!$DE$68</definedName>
    <definedName name="STRATEGYRow68DText" hidden="1">[20]STRATEGY!$DF$68</definedName>
    <definedName name="STRATEGYRow68EText" hidden="1">[20]STRATEGY!$DG$68</definedName>
    <definedName name="STRATEGYRow68ValueClassedPve" hidden="1">"% sales as delivered cost leader (actual) - Plant #3"</definedName>
    <definedName name="STRATEGYRow70AText" hidden="1">[20]STRATEGY!$DC$70</definedName>
    <definedName name="STRATEGYRow70BText" hidden="1">[20]STRATEGY!$DD$70</definedName>
    <definedName name="STRATEGYRow70CText" hidden="1">[20]STRATEGY!$DE$70</definedName>
    <definedName name="STRATEGYRow70DText" hidden="1">[20]STRATEGY!$DF$70</definedName>
    <definedName name="STRATEGYRow70EText" hidden="1">[20]STRATEGY!$DG$70</definedName>
    <definedName name="STRATEGYRow70ValueClassedNve" hidden="1">"Strict Working capital (% Sales)"</definedName>
    <definedName name="STRATEGYRow71AText" hidden="1">[20]STRATEGY!$DC$71</definedName>
    <definedName name="STRATEGYRow71BText" hidden="1">[20]STRATEGY!$DD$71</definedName>
    <definedName name="STRATEGYRow71CText" hidden="1">[20]STRATEGY!$DE$71</definedName>
    <definedName name="STRATEGYRow71DText" hidden="1">[20]STRATEGY!$DF$71</definedName>
    <definedName name="STRATEGYRow71EText" hidden="1">[20]STRATEGY!$DG$71</definedName>
    <definedName name="STRATEGYRow71ValueClassedNve" hidden="1">"Overdue ratio (Overdue/receivables)"</definedName>
    <definedName name="STRATEGYScenarioA56" hidden="1">IF(AND([20]STRATEGY!$BG$56&gt;[20]STRATEGY!$BS$56,[20]STRATEGY!$BG$56&lt;=[20]STRATEGY!$BT$56),"A","")</definedName>
    <definedName name="STRATEGYScenarioA57" hidden="1">IF(AND([20]STRATEGY!$BG$57&gt;[20]STRATEGY!$BS$57,[20]STRATEGY!$BG$57&lt;=[20]STRATEGY!$BT$57),"A","")</definedName>
    <definedName name="STRATEGYScenarioA58" hidden="1">IF(AND([20]STRATEGY!$BG$58&gt;[20]STRATEGY!$BS$58,[20]STRATEGY!$BG$58&lt;=[20]STRATEGY!$BT$58),"A","")</definedName>
    <definedName name="STRATEGYScenarioA59" hidden="1">IF(AND([20]STRATEGY!$BG$59&gt;[20]STRATEGY!$BS$59,[20]STRATEGY!$BG$59&lt;=[20]STRATEGY!$BT$59),"A","")</definedName>
    <definedName name="STRATEGYScenarioA61" hidden="1">IF(AND([20]STRATEGY!$BG$61&gt;[20]STRATEGY!$BS$61,[20]STRATEGY!$BG$61&lt;=[20]STRATEGY!$BT$61),"A","")</definedName>
    <definedName name="STRATEGYScenarioA62" hidden="1">IF(AND([20]STRATEGY!$BG$62&gt;[20]STRATEGY!$BS$62,[20]STRATEGY!$BG$62&lt;=[20]STRATEGY!$BT$62),"A","")</definedName>
    <definedName name="STRATEGYScenarioA64" hidden="1">IF(AND([20]STRATEGY!$BG$64&gt;[20]STRATEGY!$BS$64,[20]STRATEGY!$BG$64&lt;=[20]STRATEGY!$BT$64),"A","")</definedName>
    <definedName name="STRATEGYScenarioA65" hidden="1">IF(AND([20]STRATEGY!$BG$65&gt;[20]STRATEGY!$BS$65,[20]STRATEGY!$BG$65&lt;=[20]STRATEGY!$BT$65),"A","")</definedName>
    <definedName name="STRATEGYScenarioA67" hidden="1">IF(AND([20]STRATEGY!$BG$67&gt;[20]STRATEGY!$BS$67,[20]STRATEGY!$BG$67&lt;=[20]STRATEGY!$BT$67),"A","")</definedName>
    <definedName name="STRATEGYScenarioA68" hidden="1">IF(AND([20]STRATEGY!$BG$68&gt;[20]STRATEGY!$BS$68,[20]STRATEGY!$BG$68&lt;=[20]STRATEGY!$BT$68),"A","")</definedName>
    <definedName name="STRATEGYScenarioA70" hidden="1">IF(AND([20]STRATEGY!$BG$70&gt;=[20]STRATEGY!$BS$70,[20]STRATEGY!$BG$70&lt;=[20]STRATEGY!$BT$70),"A","")</definedName>
    <definedName name="STRATEGYScenarioA71" hidden="1">IF(AND([20]STRATEGY!$BG$71&gt;=[20]STRATEGY!$BS$71,[20]STRATEGY!$BG$71&lt;=[20]STRATEGY!$BT$71),"A","")</definedName>
    <definedName name="STRATEGYScenarioB56" hidden="1">IF(AND([20]STRATEGY!$BG$56&gt;[20]STRATEGY!$BQ$56,[20]STRATEGY!$BG$56&lt;=[20]STRATEGY!$BR$56),"B","")</definedName>
    <definedName name="STRATEGYScenarioB57" hidden="1">IF(AND([20]STRATEGY!$BG$57&gt;[20]STRATEGY!$BQ$57,[20]STRATEGY!$BG$57&lt;=[20]STRATEGY!$BR$57),"B","")</definedName>
    <definedName name="STRATEGYScenarioB58" hidden="1">IF(AND([20]STRATEGY!$BG$58&gt;[20]STRATEGY!$BQ$58,[20]STRATEGY!$BG$58&lt;=[20]STRATEGY!$BR$58),"B","")</definedName>
    <definedName name="STRATEGYScenarioB59" hidden="1">IF(AND([20]STRATEGY!$BG$59&gt;[20]STRATEGY!$BQ$59,[20]STRATEGY!$BG$59&lt;=[20]STRATEGY!$BR$59),"B","")</definedName>
    <definedName name="STRATEGYScenarioB61" hidden="1">IF(AND([20]STRATEGY!$BG$61&gt;[20]STRATEGY!$BQ$61,[20]STRATEGY!$BG$61&lt;=[20]STRATEGY!$BR$61),"B","")</definedName>
    <definedName name="STRATEGYScenarioB62" hidden="1">IF(AND([20]STRATEGY!$BG$62&gt;[20]STRATEGY!$BQ$62,[20]STRATEGY!$BG$62&lt;=[20]STRATEGY!$BR$62),"B","")</definedName>
    <definedName name="STRATEGYScenarioB64" hidden="1">IF(AND([20]STRATEGY!$BG$64&gt;[20]STRATEGY!$BQ$64,[20]STRATEGY!$BG$64&lt;=[20]STRATEGY!$BR$64),"B","")</definedName>
    <definedName name="STRATEGYScenarioB65" hidden="1">IF(AND([20]STRATEGY!$BG$65&gt;[20]STRATEGY!$BQ$65,[20]STRATEGY!$BG$65&lt;=[20]STRATEGY!$BR$65),"B","")</definedName>
    <definedName name="STRATEGYScenarioB67" hidden="1">IF(AND([20]STRATEGY!$BG$67&gt;[20]STRATEGY!$BQ$67,[20]STRATEGY!$BG$67&lt;=[20]STRATEGY!$BR$67),"B","")</definedName>
    <definedName name="STRATEGYScenarioB68" hidden="1">IF(AND([20]STRATEGY!$BG$68&gt;[20]STRATEGY!$BQ$68,[20]STRATEGY!$BG$68&lt;=[20]STRATEGY!$BR$68),"B","")</definedName>
    <definedName name="STRATEGYScenarioB70" hidden="1">IF(AND([20]STRATEGY!$BG$70&gt;[20]STRATEGY!$BQ$70,[20]STRATEGY!$BG$70&lt;=[20]STRATEGY!$BR$70),"B","")</definedName>
    <definedName name="STRATEGYScenarioB71" hidden="1">IF(AND([20]STRATEGY!$BG$71&gt;[20]STRATEGY!$BQ$71,[20]STRATEGY!$BG$71&lt;=[20]STRATEGY!$BR$71),"B","")</definedName>
    <definedName name="STRATEGYScenarioC56" hidden="1">IF(AND([20]STRATEGY!$BG$56&gt;[20]STRATEGY!$BO$56,[20]STRATEGY!$BG$56&lt;=[20]STRATEGY!$BP$56),"C","")</definedName>
    <definedName name="STRATEGYScenarioC57" hidden="1">IF(AND([20]STRATEGY!$BG$57&gt;[20]STRATEGY!$BO$57,[20]STRATEGY!$BG$57&lt;=[20]STRATEGY!$BP$57),"C","")</definedName>
    <definedName name="STRATEGYScenarioC58" hidden="1">IF(AND([20]STRATEGY!$BG$58&gt;[20]STRATEGY!$BO$58,[20]STRATEGY!$BG$58&lt;=[20]STRATEGY!$BP$58),"C","")</definedName>
    <definedName name="STRATEGYScenarioC59" hidden="1">IF(AND([20]STRATEGY!$BG$59&gt;[20]STRATEGY!$BO$59,[20]STRATEGY!$BG$59&lt;=[20]STRATEGY!$BP$59),"C","")</definedName>
    <definedName name="STRATEGYScenarioC61" hidden="1">IF(AND([20]STRATEGY!$BG$61&gt;[20]STRATEGY!$BO$61,[20]STRATEGY!$BG$61&lt;=[20]STRATEGY!$BP$61),"C","")</definedName>
    <definedName name="STRATEGYScenarioC62" hidden="1">IF(AND([20]STRATEGY!$BG$62&gt;[20]STRATEGY!$BO$62,[20]STRATEGY!$BG$62&lt;=[20]STRATEGY!$BP$62),"C","")</definedName>
    <definedName name="STRATEGYScenarioC64" hidden="1">IF(AND([20]STRATEGY!$BG$64&gt;[20]STRATEGY!$BO$64,[20]STRATEGY!$BG$64&lt;=[20]STRATEGY!$BP$64),"C","")</definedName>
    <definedName name="STRATEGYScenarioC65" hidden="1">IF(AND([20]STRATEGY!$BG$65&gt;[20]STRATEGY!$BO$65,[20]STRATEGY!$BG$65&lt;=[20]STRATEGY!$BP$65),"C","")</definedName>
    <definedName name="STRATEGYScenarioC67" hidden="1">IF(AND([20]STRATEGY!$BG$67&gt;[20]STRATEGY!$BO$67,[20]STRATEGY!$BG$67&lt;=[20]STRATEGY!$BP$67),"C","")</definedName>
    <definedName name="STRATEGYScenarioC68" hidden="1">IF(AND([20]STRATEGY!$BG$68&gt;[20]STRATEGY!$BO$68,[20]STRATEGY!$BG$68&lt;=[20]STRATEGY!$BP$68),"C","")</definedName>
    <definedName name="STRATEGYScenarioC70" hidden="1">IF(AND([20]STRATEGY!$BG$70&gt;[20]STRATEGY!$BO$70,[20]STRATEGY!$BG$70&lt;=[20]STRATEGY!$BP$70),"C","")</definedName>
    <definedName name="STRATEGYScenarioC71" hidden="1">IF(AND([20]STRATEGY!$BG$71&gt;[20]STRATEGY!$BO$71,[20]STRATEGY!$BG$71&lt;=[20]STRATEGY!$BP$71),"C","")</definedName>
    <definedName name="STRATEGYScenarioD56" hidden="1">IF(AND([20]STRATEGY!$BG$56&gt;[20]STRATEGY!$BM$56,[20]STRATEGY!$BG$56&lt;=[20]STRATEGY!$BN$56),"D","")</definedName>
    <definedName name="STRATEGYScenarioD57" hidden="1">IF(AND([20]STRATEGY!$BG$57&gt;[20]STRATEGY!$BM$57,[20]STRATEGY!$BG$57&lt;=[20]STRATEGY!$BN$57),"D","")</definedName>
    <definedName name="STRATEGYScenarioD58" hidden="1">IF(AND([20]STRATEGY!$BG$58&gt;[20]STRATEGY!$BM$58,[20]STRATEGY!$BG$58&lt;=[20]STRATEGY!$BN$58),"D","")</definedName>
    <definedName name="STRATEGYScenarioD59" hidden="1">IF(AND([20]STRATEGY!$BG$59&gt;[20]STRATEGY!$BM$59,[20]STRATEGY!$BG$59&lt;=[20]STRATEGY!$BN$59),"D","")</definedName>
    <definedName name="STRATEGYScenarioD61" hidden="1">IF(AND([20]STRATEGY!$BG$61&gt;[20]STRATEGY!$BM$61,[20]STRATEGY!$BG$61&lt;=[20]STRATEGY!$BN$61),"D","")</definedName>
    <definedName name="STRATEGYScenarioD62" hidden="1">IF(AND([20]STRATEGY!$BG$62&gt;[20]STRATEGY!$BM$62,[20]STRATEGY!$BG$62&lt;=[20]STRATEGY!$BN$62),"D","")</definedName>
    <definedName name="STRATEGYScenarioD64" hidden="1">IF(AND([20]STRATEGY!$BG$64&gt;[20]STRATEGY!$BM$64,[20]STRATEGY!$BG$64&lt;=[20]STRATEGY!$BN$64),"D","")</definedName>
    <definedName name="STRATEGYScenarioD65" hidden="1">IF(AND([20]STRATEGY!$BG$65&gt;[20]STRATEGY!$BM$65,[20]STRATEGY!$BG$65&lt;=[20]STRATEGY!$BN$65),"D","")</definedName>
    <definedName name="STRATEGYScenarioD67" hidden="1">IF(AND([20]STRATEGY!$BG$67&gt;[20]STRATEGY!$BM$67,[20]STRATEGY!$BG$67&lt;=[20]STRATEGY!$BN$67),"D","")</definedName>
    <definedName name="STRATEGYScenarioD68" hidden="1">IF(AND([20]STRATEGY!$BG$68&gt;[20]STRATEGY!$BM$68,[20]STRATEGY!$BG$68&lt;=[20]STRATEGY!$BN$68),"D","")</definedName>
    <definedName name="STRATEGYScenarioD70" hidden="1">IF(AND([20]STRATEGY!$BG$70&gt;[20]STRATEGY!$BM$70,[20]STRATEGY!$BG$70&lt;=[20]STRATEGY!$BN$70),"D","")</definedName>
    <definedName name="STRATEGYScenarioD71" hidden="1">IF(AND([20]STRATEGY!$BG$71&gt;[20]STRATEGY!$BM$71,[20]STRATEGY!$BG$71&lt;=[20]STRATEGY!$BN$71),"D","")</definedName>
    <definedName name="STRATEGYScenarioE56" hidden="1">IF(AND([20]STRATEGY!$BG$56&gt;=[20]STRATEGY!$BK$56,[20]STRATEGY!$BG$56&lt;=[20]STRATEGY!$BL$56),"E","")</definedName>
    <definedName name="STRATEGYScenarioE57" hidden="1">IF(AND([20]STRATEGY!$BG$57&gt;=[20]STRATEGY!$BK$57,[20]STRATEGY!$BG$57&lt;=[20]STRATEGY!$BL$57),"E","")</definedName>
    <definedName name="STRATEGYScenarioE58" hidden="1">IF(AND([20]STRATEGY!$BG$58&gt;=[20]STRATEGY!$BK$58,[20]STRATEGY!$BG$58&lt;=[20]STRATEGY!$BL$58),"E","")</definedName>
    <definedName name="STRATEGYScenarioE59" hidden="1">IF(AND([20]STRATEGY!$BG$59&gt;=[20]STRATEGY!$BK$59,[20]STRATEGY!$BG$59&lt;=[20]STRATEGY!$BL$59),"E","")</definedName>
    <definedName name="STRATEGYScenarioE61" hidden="1">IF(AND([20]STRATEGY!$BG$61&gt;=[20]STRATEGY!$BK$61,[20]STRATEGY!$BG$61&lt;=[20]STRATEGY!$BL$61),"E","")</definedName>
    <definedName name="STRATEGYScenarioE62" hidden="1">IF(AND([20]STRATEGY!$BG$62&gt;=[20]STRATEGY!$BK$62,[20]STRATEGY!$BG$62&lt;=[20]STRATEGY!$BL$62),"E","")</definedName>
    <definedName name="STRATEGYScenarioE64" hidden="1">IF(AND([20]STRATEGY!$BG$64&gt;=[20]STRATEGY!$BK$64,[20]STRATEGY!$BG$64&lt;=[20]STRATEGY!$BL$64),"E","")</definedName>
    <definedName name="STRATEGYScenarioE65" hidden="1">IF(AND([20]STRATEGY!$BG$65&gt;=[20]STRATEGY!$BK$65,[20]STRATEGY!$BG$65&lt;=[20]STRATEGY!$BL$65),"E","")</definedName>
    <definedName name="STRATEGYScenarioE67" hidden="1">IF(AND([20]STRATEGY!$BG$67&gt;=[20]STRATEGY!$BK$67,[20]STRATEGY!$BG$67&lt;=[20]STRATEGY!$BL$67),"E","")</definedName>
    <definedName name="STRATEGYScenarioE68" hidden="1">IF(AND([20]STRATEGY!$BG$68&gt;=[20]STRATEGY!$BK$68,[20]STRATEGY!$BG$68&lt;=[20]STRATEGY!$BL$68),"E","")</definedName>
    <definedName name="STRATEGYScenarioE70" hidden="1">IF(AND([20]STRATEGY!$BG$70&gt;[20]STRATEGY!$BK$70,[20]STRATEGY!$BG$70&lt;=[20]STRATEGY!$BL$70),"E","")</definedName>
    <definedName name="STRATEGYScenarioE71" hidden="1">IF(AND([20]STRATEGY!$BG$71&gt;[20]STRATEGY!$BK$71,[20]STRATEGY!$BG$71&lt;=[20]STRATEGY!$BL$71),"E","")</definedName>
    <definedName name="SUST_DEV___OTHERActual56" hidden="1">(('[17]SUST DEV &amp; OTHER'!$BH$56="E")+('[17]SUST DEV &amp; OTHER'!$BH$56="D")*2+('[17]SUST DEV &amp; OTHER'!$BH$56="C")*3+('[17]SUST DEV &amp; OTHER'!$BH$56="B")*4+('[17]SUST DEV &amp; OTHER'!$BH$56="A")*5-0.5)</definedName>
    <definedName name="SUST_DEV___OTHERActualA59" hidden="1">IF(AND('[17]SUST DEV &amp; OTHER'!$BH$59&gt;'[17]SUST DEV &amp; OTHER'!$BS$59,'[17]SUST DEV &amp; OTHER'!$BH$59&lt;='[17]SUST DEV &amp; OTHER'!$BT$59),"A","")</definedName>
    <definedName name="SUST_DEV___OTHERActualA60" hidden="1">IF(AND('[17]SUST DEV &amp; OTHER'!$BH$60&gt;'[17]SUST DEV &amp; OTHER'!$BS$60,'[17]SUST DEV &amp; OTHER'!$BH$60&lt;='[17]SUST DEV &amp; OTHER'!$BT$60),"A","")</definedName>
    <definedName name="SUST_DEV___OTHERActualA61" hidden="1">IF(AND('[17]SUST DEV &amp; OTHER'!$BH$61&gt;'[17]SUST DEV &amp; OTHER'!$BS$61,'[17]SUST DEV &amp; OTHER'!$BH$61&lt;='[17]SUST DEV &amp; OTHER'!$BT$61),"A","")</definedName>
    <definedName name="SUST_DEV___OTHERActualB59" hidden="1">IF(AND('[17]SUST DEV &amp; OTHER'!$BH$59&gt;'[17]SUST DEV &amp; OTHER'!$BQ$59,'[17]SUST DEV &amp; OTHER'!$BH$59&lt;='[17]SUST DEV &amp; OTHER'!$BR$59),"B","")</definedName>
    <definedName name="SUST_DEV___OTHERActualB60" hidden="1">IF(AND('[17]SUST DEV &amp; OTHER'!$BH$60&gt;'[17]SUST DEV &amp; OTHER'!$BQ$60,'[17]SUST DEV &amp; OTHER'!$BH$60&lt;='[17]SUST DEV &amp; OTHER'!$BR$60),"B","")</definedName>
    <definedName name="SUST_DEV___OTHERActualB61" hidden="1">IF(AND('[17]SUST DEV &amp; OTHER'!$BH$61&gt;'[17]SUST DEV &amp; OTHER'!$BQ$61,'[17]SUST DEV &amp; OTHER'!$BH$61&lt;='[17]SUST DEV &amp; OTHER'!$BR$61),"B","")</definedName>
    <definedName name="SUST_DEV___OTHERActualC59" hidden="1">IF(AND('[17]SUST DEV &amp; OTHER'!$BH$59&gt;'[17]SUST DEV &amp; OTHER'!$BO$59,'[17]SUST DEV &amp; OTHER'!$BH$59&lt;='[17]SUST DEV &amp; OTHER'!$BP$59),"C","")</definedName>
    <definedName name="SUST_DEV___OTHERActualC60" hidden="1">IF(AND('[17]SUST DEV &amp; OTHER'!$BH$60&gt;'[17]SUST DEV &amp; OTHER'!$BO$60,'[17]SUST DEV &amp; OTHER'!$BH$60&lt;='[17]SUST DEV &amp; OTHER'!$BP$60),"C","")</definedName>
    <definedName name="SUST_DEV___OTHERActualC61" hidden="1">IF(AND('[17]SUST DEV &amp; OTHER'!$BH$61&gt;'[17]SUST DEV &amp; OTHER'!$BO$61,'[17]SUST DEV &amp; OTHER'!$BH$61&lt;='[17]SUST DEV &amp; OTHER'!$BP$61),"C","")</definedName>
    <definedName name="SUST_DEV___OTHERActualD59" hidden="1">IF(AND('[17]SUST DEV &amp; OTHER'!$BH$59&gt;'[17]SUST DEV &amp; OTHER'!$BM$59,'[17]SUST DEV &amp; OTHER'!$BH$59&lt;='[17]SUST DEV &amp; OTHER'!$BN$59),"D","")</definedName>
    <definedName name="SUST_DEV___OTHERActualD60" hidden="1">IF(AND('[17]SUST DEV &amp; OTHER'!$BH$60&gt;'[17]SUST DEV &amp; OTHER'!$BM$60,'[17]SUST DEV &amp; OTHER'!$BH$60&lt;='[17]SUST DEV &amp; OTHER'!$BN$60),"D","")</definedName>
    <definedName name="SUST_DEV___OTHERActualD61" hidden="1">IF(AND('[17]SUST DEV &amp; OTHER'!$BH$61&gt;'[17]SUST DEV &amp; OTHER'!$BM$61,'[17]SUST DEV &amp; OTHER'!$BH$61&lt;='[17]SUST DEV &amp; OTHER'!$BN$61),"D","")</definedName>
    <definedName name="SUST_DEV___OTHERActualE59" hidden="1">IF(AND('[17]SUST DEV &amp; OTHER'!$BH$59&gt;='[17]SUST DEV &amp; OTHER'!$BK$59,'[17]SUST DEV &amp; OTHER'!$BH$59&lt;='[17]SUST DEV &amp; OTHER'!$BL$59),"E","")</definedName>
    <definedName name="SUST_DEV___OTHERActualE60" hidden="1">IF(AND('[17]SUST DEV &amp; OTHER'!$BH$60&gt;='[17]SUST DEV &amp; OTHER'!$BK$60,'[17]SUST DEV &amp; OTHER'!$BH$60&lt;='[17]SUST DEV &amp; OTHER'!$BL$60),"E","")</definedName>
    <definedName name="SUST_DEV___OTHERActualE61" hidden="1">IF(AND('[17]SUST DEV &amp; OTHER'!$BH$61&gt;='[17]SUST DEV &amp; OTHER'!$BK$61,'[17]SUST DEV &amp; OTHER'!$BH$61&lt;='[17]SUST DEV &amp; OTHER'!$BL$61),"E","")</definedName>
    <definedName name="SUST_DEV___OTHERRow56LetterClassedNve" hidden="1">"Stakeholders relationships maturity indicator (plant level)"</definedName>
    <definedName name="SUST_DEV___OTHERRow59ValueClassedPve" hidden="1">"% of alternative  fuels"</definedName>
    <definedName name="SUST_DEV___OTHERRow60ValueClassedPve" hidden="1">"Alternative Fuels gross savings/t KK"</definedName>
    <definedName name="SUST_DEV___OTHERRow61ValueClassedPve" hidden="1">"Alternative Raw Materials gross savings/t KK"</definedName>
    <definedName name="SUST_DEV___OTHERScenario56" hidden="1">(('[17]SUST DEV &amp; OTHER'!$BG$56="E")+('[17]SUST DEV &amp; OTHER'!$BG$56="D")*2+('[17]SUST DEV &amp; OTHER'!$BG$56="C")*3+('[17]SUST DEV &amp; OTHER'!$BG$56="B")*4+('[17]SUST DEV &amp; OTHER'!$BG$56="A")*5-0.5)</definedName>
    <definedName name="SUST_DEV___OTHERScenarioA59" hidden="1">IF(AND('[17]SUST DEV &amp; OTHER'!$BG$59&gt;'[17]SUST DEV &amp; OTHER'!$BS$59,'[17]SUST DEV &amp; OTHER'!$BG$59&lt;='[17]SUST DEV &amp; OTHER'!$BT$59),"A","")</definedName>
    <definedName name="SUST_DEV___OTHERScenarioA60" hidden="1">IF(AND('[17]SUST DEV &amp; OTHER'!$BG$60&gt;'[17]SUST DEV &amp; OTHER'!$BS$60,'[17]SUST DEV &amp; OTHER'!$BG$60&lt;='[17]SUST DEV &amp; OTHER'!$BT$60),"A","")</definedName>
    <definedName name="SUST_DEV___OTHERScenarioA61" hidden="1">IF(AND('[17]SUST DEV &amp; OTHER'!$BG$61&gt;'[17]SUST DEV &amp; OTHER'!$BS$61,'[17]SUST DEV &amp; OTHER'!$BG$61&lt;='[17]SUST DEV &amp; OTHER'!$BT$61),"A","")</definedName>
    <definedName name="SUST_DEV___OTHERScenarioB59" hidden="1">IF(AND('[17]SUST DEV &amp; OTHER'!$BG$59&gt;'[17]SUST DEV &amp; OTHER'!$BQ$59,'[17]SUST DEV &amp; OTHER'!$BG$59&lt;='[17]SUST DEV &amp; OTHER'!$BR$59),"B","")</definedName>
    <definedName name="SUST_DEV___OTHERScenarioB60" hidden="1">IF(AND('[17]SUST DEV &amp; OTHER'!$BG$60&gt;'[17]SUST DEV &amp; OTHER'!$BQ$60,'[17]SUST DEV &amp; OTHER'!$BG$60&lt;='[17]SUST DEV &amp; OTHER'!$BR$60),"B","")</definedName>
    <definedName name="SUST_DEV___OTHERScenarioB61" hidden="1">IF(AND('[17]SUST DEV &amp; OTHER'!$BG$61&gt;'[17]SUST DEV &amp; OTHER'!$BQ$61,'[17]SUST DEV &amp; OTHER'!$BG$61&lt;='[17]SUST DEV &amp; OTHER'!$BR$61),"B","")</definedName>
    <definedName name="SUST_DEV___OTHERScenarioC59" hidden="1">IF(AND('[17]SUST DEV &amp; OTHER'!$BG$59&gt;'[17]SUST DEV &amp; OTHER'!$BO$59,'[17]SUST DEV &amp; OTHER'!$BG$59&lt;='[17]SUST DEV &amp; OTHER'!$BP$59),"C","")</definedName>
    <definedName name="SUST_DEV___OTHERScenarioC60" hidden="1">IF(AND('[17]SUST DEV &amp; OTHER'!$BG$60&gt;'[17]SUST DEV &amp; OTHER'!$BO$60,'[17]SUST DEV &amp; OTHER'!$BG$60&lt;='[17]SUST DEV &amp; OTHER'!$BP$60),"C","")</definedName>
    <definedName name="SUST_DEV___OTHERScenarioC61" hidden="1">IF(AND('[17]SUST DEV &amp; OTHER'!$BG$61&gt;'[17]SUST DEV &amp; OTHER'!$BO$61,'[17]SUST DEV &amp; OTHER'!$BG$61&lt;='[17]SUST DEV &amp; OTHER'!$BP$61),"C","")</definedName>
    <definedName name="SUST_DEV___OTHERScenarioD59" hidden="1">IF(AND('[17]SUST DEV &amp; OTHER'!$BG$59&gt;'[17]SUST DEV &amp; OTHER'!$BM$59,'[17]SUST DEV &amp; OTHER'!$BG$59&lt;='[17]SUST DEV &amp; OTHER'!$BN$59),"D","")</definedName>
    <definedName name="SUST_DEV___OTHERScenarioD60" hidden="1">IF(AND('[17]SUST DEV &amp; OTHER'!$BG$60&gt;'[17]SUST DEV &amp; OTHER'!$BM$60,'[17]SUST DEV &amp; OTHER'!$BG$60&lt;='[17]SUST DEV &amp; OTHER'!$BN$60),"D","")</definedName>
    <definedName name="SUST_DEV___OTHERScenarioD61" hidden="1">IF(AND('[17]SUST DEV &amp; OTHER'!$BG$61&gt;'[17]SUST DEV &amp; OTHER'!$BM$61,'[17]SUST DEV &amp; OTHER'!$BG$61&lt;='[17]SUST DEV &amp; OTHER'!$BN$61),"D","")</definedName>
    <definedName name="SUST_DEV___OTHERScenarioE59" hidden="1">IF(AND('[17]SUST DEV &amp; OTHER'!$BG$59&gt;='[17]SUST DEV &amp; OTHER'!$BK$59,'[17]SUST DEV &amp; OTHER'!$BG$59&lt;='[17]SUST DEV &amp; OTHER'!$BL$59),"E","")</definedName>
    <definedName name="SUST_DEV___OTHERScenarioE60" hidden="1">IF(AND('[17]SUST DEV &amp; OTHER'!$BG$60&gt;='[17]SUST DEV &amp; OTHER'!$BK$60,'[17]SUST DEV &amp; OTHER'!$BG$60&lt;='[17]SUST DEV &amp; OTHER'!$BL$60),"E","")</definedName>
    <definedName name="SUST_DEV___OTHERScenarioE61" hidden="1">IF(AND('[17]SUST DEV &amp; OTHER'!$BG$61&gt;='[17]SUST DEV &amp; OTHER'!$BK$61,'[17]SUST DEV &amp; OTHER'!$BG$61&lt;='[17]SUST DEV &amp; OTHER'!$BL$61),"E","")</definedName>
    <definedName name="swrhs" hidden="1">{#N/A,#N/A,FALSE,"Dutos";#N/A,#N/A,FALSE,"Terminais"}</definedName>
    <definedName name="t" hidden="1">{"'TG'!$A$1:$L$37"}</definedName>
    <definedName name="tadeu" hidden="1">{"Econ Consolidado",#N/A,FALSE,"Econ Consol";"Fluxo de Caixa",#N/A,FALSE,"Fluxo Caixa";"Investimentos",#N/A,FALSE,"Investimentos"}</definedName>
    <definedName name="TAN" localSheetId="0" hidden="1">{#N/A,#N/A,FALSE,"GRefetivo";#N/A,#N/A,FALSE,"PLefetivo";#N/A,#N/A,FALSE,"GRabsent";#N/A,#N/A,FALSE,"GRmovpes";#N/A,#N/A,FALSE,"GReh";#N/A,#N/A,FALSE,"PLhe";#N/A,#N/A,FALSE,"Aumentos";#N/A,#N/A,FALSE,"Sugest"}</definedName>
    <definedName name="TAN" hidden="1">{#N/A,#N/A,FALSE,"GRefetivo";#N/A,#N/A,FALSE,"PLefetivo";#N/A,#N/A,FALSE,"GRabsent";#N/A,#N/A,FALSE,"GRmovpes";#N/A,#N/A,FALSE,"GReh";#N/A,#N/A,FALSE,"PLhe";#N/A,#N/A,FALSE,"Aumentos";#N/A,#N/A,FALSE,"Sugest"}</definedName>
    <definedName name="tax" hidden="1">{"SCH44",#N/A,FALSE,"5b5f";"SCH45",#N/A,FALSE,"5b5f"}</definedName>
    <definedName name="TBdbName" hidden="1">"1DE8FCF9957C11D6A89E0000863F3148.mdb"</definedName>
    <definedName name="TECNOFIBRAS" hidden="1">{"'PXR_6500'!$A$1:$I$124"}</definedName>
    <definedName name="TECNOFIBRAS2" hidden="1">{"'PXR_6500'!$A$1:$I$124"}</definedName>
    <definedName name="tejfsdfsd" hidden="1">{#N/A,#N/A,FALSE,"Acum Julio - 00"}</definedName>
    <definedName name="telop" hidden="1">{#N/A,#N/A,FALSE,"Eastern";#N/A,#N/A,FALSE,"Western"}</definedName>
    <definedName name="telop_1" hidden="1">{#N/A,#N/A,FALSE,"Eastern";#N/A,#N/A,FALSE,"Western"}</definedName>
    <definedName name="telop_2" hidden="1">{#N/A,#N/A,FALSE,"Eastern";#N/A,#N/A,FALSE,"Western"}</definedName>
    <definedName name="telop_3" hidden="1">{#N/A,#N/A,FALSE,"Eastern";#N/A,#N/A,FALSE,"Western"}</definedName>
    <definedName name="telop_4" hidden="1">{#N/A,#N/A,FALSE,"Eastern";#N/A,#N/A,FALSE,"Western"}</definedName>
    <definedName name="telop_5" hidden="1">{#N/A,#N/A,FALSE,"Eastern";#N/A,#N/A,FALSE,"Western"}</definedName>
    <definedName name="test" hidden="1">{"'PXR_6500'!$A$1:$I$124"}</definedName>
    <definedName name="testcapital" hidden="1">{"IT",#N/A,FALSE,"GRAPHS";"Services",#N/A,FALSE,"GRAPHS";"Subsurface",#N/A,FALSE,"GRAPHS";"Production",#N/A,FALSE,"GRAPHS";"Facilities",#N/A,FALSE,"GRAPHS";"Pipeline &amp; Terminal",#N/A,FALSE,"GRAPHS";"Safety",#N/A,FALSE,"GRAPHS";"Commercial",#N/A,FALSE,"GRAPHS"}</definedName>
    <definedName name="teste" hidden="1">{"CaixaCons",#N/A,FALSE,"Caixa - Consolidado";"CaixaCim",#N/A,FALSE,"Caixa - Cimento";"CaixaCal",#N/A,FALSE,"Caixa - Cal e Outros";"CaixaVC",#N/A,FALSE,"Caixa - VC"}</definedName>
    <definedName name="teste2" hidden="1">[2]Plan1!#REF!</definedName>
    <definedName name="TextRefCopyRangeCount" hidden="1">1</definedName>
    <definedName name="thy" hidden="1">{#N/A,#N/A,FALSE,"Dutos";#N/A,#N/A,FALSE,"Terminais"}</definedName>
    <definedName name="tn" hidden="1">{"Rio Branco",#N/A,FALSE,"Rio Branco";"Itajaí",#N/A,FALSE,"Itajaí";"Pinheiro Machado",#N/A,FALSE,"PMachado";"Esteio",#N/A,FALSE,"Esteio"}</definedName>
    <definedName name="toto" hidden="1">{"summary1",#N/A,TRUE,"Comps";"summary2",#N/A,TRUE,"Comps";"summary3",#N/A,TRUE,"Comps"}</definedName>
    <definedName name="toto_1" hidden="1">{"summary1",#N/A,TRUE,"Comps";"summary2",#N/A,TRUE,"Comps";"summary3",#N/A,TRUE,"Comps"}</definedName>
    <definedName name="toto_2" hidden="1">{"summary1",#N/A,TRUE,"Comps";"summary2",#N/A,TRUE,"Comps";"summary3",#N/A,TRUE,"Comps"}</definedName>
    <definedName name="toto_3" hidden="1">{"summary1",#N/A,TRUE,"Comps";"summary2",#N/A,TRUE,"Comps";"summary3",#N/A,TRUE,"Comps"}</definedName>
    <definedName name="toto_4" hidden="1">{"summary1",#N/A,TRUE,"Comps";"summary2",#N/A,TRUE,"Comps";"summary3",#N/A,TRUE,"Comps"}</definedName>
    <definedName name="toto_5" hidden="1">{"summary1",#N/A,TRUE,"Comps";"summary2",#N/A,TRUE,"Comps";"summary3",#N/A,TRUE,"Comps"}</definedName>
    <definedName name="tre" hidden="1">{#N/A,#N/A,FALSE,"Eastern";#N/A,#N/A,FALSE,"Western"}</definedName>
    <definedName name="tre_1" hidden="1">{#N/A,#N/A,FALSE,"Eastern";#N/A,#N/A,FALSE,"Western"}</definedName>
    <definedName name="tre_2" hidden="1">{#N/A,#N/A,FALSE,"Eastern";#N/A,#N/A,FALSE,"Western"}</definedName>
    <definedName name="tre_3" hidden="1">{#N/A,#N/A,FALSE,"Eastern";#N/A,#N/A,FALSE,"Western"}</definedName>
    <definedName name="tre_4" hidden="1">{#N/A,#N/A,FALSE,"Eastern";#N/A,#N/A,FALSE,"Western"}</definedName>
    <definedName name="tre_5" hidden="1">{#N/A,#N/A,FALSE,"Eastern";#N/A,#N/A,FALSE,"Western"}</definedName>
    <definedName name="trenytbnx"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enytbnx_1"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enytbnx_2"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enytbnx_3"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enytbnx_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enytbnx_5"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TRHRDH" hidden="1">{#N/A,#N/A,FALSE,"Dutos";#N/A,#N/A,FALSE,"Terminais"}</definedName>
    <definedName name="Tri" localSheetId="0">'[24]Master Trimestre Abertura'!$23:$23</definedName>
    <definedName name="Tri">'[11]Master Trimestre Abertura'!$23:$23</definedName>
    <definedName name="Tri_Ano" localSheetId="0">'[10]Master Trimestre Abertura'!$15:$15</definedName>
    <definedName name="Tri_Final" localSheetId="0">'[10]Master Trimestre Abertura'!$16:$16</definedName>
    <definedName name="TRIAL10" hidden="1">{"SCH44",#N/A,FALSE,"5b5f";"SCH45",#N/A,FALSE,"5b5f"}</definedName>
    <definedName name="TRIAL11" hidden="1">{"sch56",#N/A,FALSE,"savings";"sch64",#N/A,FALSE,"savings"}</definedName>
    <definedName name="TRIAL12" hidden="1">{"SCH31",#N/A,FALSE,"ebitrecs";"SCH32",#N/A,FALSE,"ebitrecs";"SCH33",#N/A,FALSE,"ebitrecs";"SCH34",#N/A,FALSE,"ebitrecs";"SCH35",#N/A,FALSE,"ebitrecs";"SCH36",#N/A,FALSE,"ebitrecs";"SCH37",#N/A,FALSE,"ebitrecs";"SCH38",#N/A,FALSE,"ebitrecs"}</definedName>
    <definedName name="trial122" hidden="1">{"SCH29",#N/A,FALSE,"segments";"SCH30",#N/A,FALSE,"segments"}</definedName>
    <definedName name="TRIAL13" hidden="1">{"SCH73",#N/A,FALSE,"eva";"SCH74",#N/A,FALSE,"eva";"SCH75",#N/A,FALSE,"eva"}</definedName>
    <definedName name="TRIAL14" hidden="1">{"SCH49",#N/A,FALSE,"eva"}</definedName>
    <definedName name="TRIAL15" hidden="1">{"SCH93",#N/A,FALSE,"monthly";"SCH94",#N/A,FALSE,"monthly";"SCH95",#N/A,FALSE,"monthly";"SCH96",#N/A,FALSE,"monthly";"SCH97",#N/A,FALSE,"monthly";"SCH104",#N/A,FALSE,"monthly";"SCH105",#N/A,FALSE,"monthly";"SCH106",#N/A,FALSE,"monthly";"SCH107",#N/A,FALSE,"monthly";"SCH108",#N/A,FALSE,"monthly";"SCH109",#N/A,FALSE,"monthly";"SCH110",#N/A,FALSE,"monthly"}</definedName>
    <definedName name="TRIAL151" hidden="1">{"SCH93",#N/A,FALSE,"monthly";"SCH94",#N/A,FALSE,"monthly";"SCH95",#N/A,FALSE,"monthly";"SCH96",#N/A,FALSE,"monthly";"SCH97",#N/A,FALSE,"monthly";"SCH104",#N/A,FALSE,"monthly";"SCH105",#N/A,FALSE,"monthly";"SCH106",#N/A,FALSE,"monthly";"SCH107",#N/A,FALSE,"monthly";"SCH108",#N/A,FALSE,"monthly";"SCH109",#N/A,FALSE,"monthly";"SCH110",#N/A,FALSE,"monthly"}</definedName>
    <definedName name="TRIAL16" hidden="1">{"SCH15",#N/A,FALSE,"SCH15,16,85,86";"SCH16",#N/A,FALSE,"SCH15,16,85,86";"SCH85",#N/A,FALSE,"SCH15,16,85,86";"SCH86",#N/A,FALSE,"SCH15,16,85,86"}</definedName>
    <definedName name="TRIAL17" hidden="1">{"SCH13",#N/A,FALSE,"SCH13";"SCH14",#N/A,FALSE,"SCH14";"SCH15",#N/A,FALSE,"SCH15,16,85,86";"SCH16",#N/A,FALSE,"SCH15,16,85,86";"SCH85",#N/A,FALSE,"SCH15,16,85,86";"SCH86",#N/A,FALSE,"SCH15,16,85,86";"SCH17",#N/A,FALSE,"SCH17,87";"SCH87",#N/A,FALSE,"SCH17,87";"SCH18",#N/A,FALSE,"SCH18,88";"SCH88",#N/A,FALSE,"SCH18,88";"SCH19",#N/A,FALSE,"SCH19,20,89,90";"SCH20",#N/A,FALSE,"SCH19,20,89,90";"SCH89",#N/A,FALSE,"SCH19,20,89,90";"SCH90",#N/A,FALSE,"SCH19,20,89,90";"SCH21",#N/A,FALSE,"SCH21";"SCH22",#N/A,FALSE,"SCH22";"SCH23",#N/A,FALSE,"SCH23";"SCH24",#N/A,FALSE,"SCH24";"SCH25",#N/A,FALSE,"SCH25";"SCH26",#N/A,FALSE,"SCH26";"SCH91",#N/A,FALSE,"SCH91";"SCH92",#N/A,FALSE,"SCH92";"SCH118",#N/A,FALSE,"SCH118";"SCH119",#N/A,FALSE,"SCH119"}</definedName>
    <definedName name="TRIAL18" hidden="1">{"SCH46",#N/A,FALSE,"sch46"}</definedName>
    <definedName name="TRIAL19" hidden="1">{"SCH51",#N/A,FALSE,"monthly"}</definedName>
    <definedName name="TRIAL20" hidden="1">{"SCH52",#N/A,FALSE,"sch52"}</definedName>
    <definedName name="TRIAL21" hidden="1">{"SCH29",#N/A,FALSE,"segments";"SCH30",#N/A,FALSE,"segments"}</definedName>
    <definedName name="TRIAL22" hidden="1">{"SCH27",#N/A,FALSE,"summary";"SCH39",#N/A,FALSE,"summary";"SCH41",#N/A,FALSE,"summary"}</definedName>
    <definedName name="TRIAL23" hidden="1">{"SCH54",#N/A,FALSE,"upside";"SCH55",#N/A,FALSE,"upside"}</definedName>
    <definedName name="TRIAL24" hidden="1">{"SCH47",#N/A,FALSE,"value";"sch48",#N/A,FALSE,"value"}</definedName>
    <definedName name="TRIAL25" hidden="1">{"SCH28",#N/A,FALSE,"monthly";"SCH40",#N/A,FALSE,"monthly";"SCH42",#N/A,FALSE,"monthly";"SCH43",#N/A,FALSE,"monthly";"SCH50",#N/A,FALSE,"monthly";"SCH51",#N/A,FALSE,"monthly";"SCH53",#N/A,FALSE,"monthly";"SCH66",#N/A,FALSE,"monthly";"SCH67",#N/A,FALSE,"monthly";"SCH68",#N/A,FALSE,"monthly";"SCH69",#N/A,FALSE,"monthly";"SCH70",#N/A,FALSE,"monthly";"SCH71",#N/A,FALSE,"monthly";"SCH72",#N/A,FALSE,"monthly"}</definedName>
    <definedName name="trial30" hidden="1">{"SCH73",#N/A,FALSE,"eva";"SCH74",#N/A,FALSE,"eva";"SCH75",#N/A,FALSE,"eva"}</definedName>
    <definedName name="trial31" hidden="1">{"SCH44",#N/A,FALSE,"5b5f";"SCH45",#N/A,FALSE,"5b5f"}</definedName>
    <definedName name="trial32" hidden="1">{"SCH44",#N/A,FALSE,"5b5f";"SCH45",#N/A,FALSE,"5b5f"}</definedName>
    <definedName name="trial34" hidden="1">{"sch56",#N/A,FALSE,"savings";"sch64",#N/A,FALSE,"savings"}</definedName>
    <definedName name="trial35" hidden="1">{"SCH31",#N/A,FALSE,"ebitrecs";"SCH32",#N/A,FALSE,"ebitrecs";"SCH33",#N/A,FALSE,"ebitrecs";"SCH34",#N/A,FALSE,"ebitrecs";"SCH35",#N/A,FALSE,"ebitrecs";"SCH36",#N/A,FALSE,"ebitrecs";"SCH37",#N/A,FALSE,"ebitrecs";"SCH38",#N/A,FALSE,"ebitrecs"}</definedName>
    <definedName name="trial36" hidden="1">{"SCH73",#N/A,FALSE,"eva";"SCH74",#N/A,FALSE,"eva";"SCH75",#N/A,FALSE,"eva"}</definedName>
    <definedName name="trial37" hidden="1">{"SCH49",#N/A,FALSE,"eva"}</definedName>
    <definedName name="trial38" hidden="1">{"SCH93",#N/A,FALSE,"monthly";"SCH94",#N/A,FALSE,"monthly";"SCH95",#N/A,FALSE,"monthly";"SCH96",#N/A,FALSE,"monthly";"SCH97",#N/A,FALSE,"monthly";"SCH104",#N/A,FALSE,"monthly";"SCH105",#N/A,FALSE,"monthly";"SCH106",#N/A,FALSE,"monthly";"SCH107",#N/A,FALSE,"monthly";"SCH108",#N/A,FALSE,"monthly";"SCH109",#N/A,FALSE,"monthly";"SCH110",#N/A,FALSE,"monthly"}</definedName>
    <definedName name="trial39" hidden="1">{"SCH15",#N/A,FALSE,"SCH15,16,85,86";"SCH16",#N/A,FALSE,"SCH15,16,85,86";"SCH85",#N/A,FALSE,"SCH15,16,85,86";"SCH86",#N/A,FALSE,"SCH15,16,85,86"}</definedName>
    <definedName name="trial40" hidden="1">{"SCH15",#N/A,FALSE,"SCH15,16,85,86";"SCH16",#N/A,FALSE,"SCH15,16,85,86";"SCH85",#N/A,FALSE,"SCH15,16,85,86";"SCH86",#N/A,FALSE,"SCH15,16,85,86"}</definedName>
    <definedName name="trial41" hidden="1">{"SCH13",#N/A,FALSE,"SCH13";"SCH14",#N/A,FALSE,"SCH14";"SCH15",#N/A,FALSE,"SCH15,16,85,86";"SCH16",#N/A,FALSE,"SCH15,16,85,86";"SCH85",#N/A,FALSE,"SCH15,16,85,86";"SCH86",#N/A,FALSE,"SCH15,16,85,86";"SCH17",#N/A,FALSE,"SCH17,87";"SCH87",#N/A,FALSE,"SCH17,87";"SCH18",#N/A,FALSE,"SCH18,88";"SCH88",#N/A,FALSE,"SCH18,88";"SCH19",#N/A,FALSE,"SCH19,20,89,90";"SCH20",#N/A,FALSE,"SCH19,20,89,90";"SCH89",#N/A,FALSE,"SCH19,20,89,90";"SCH90",#N/A,FALSE,"SCH19,20,89,90";"SCH21",#N/A,FALSE,"SCH21";"SCH22",#N/A,FALSE,"SCH22";"SCH23",#N/A,FALSE,"SCH23";"SCH24",#N/A,FALSE,"SCH24";"SCH25",#N/A,FALSE,"SCH25";"SCH26",#N/A,FALSE,"SCH26";"SCH91",#N/A,FALSE,"SCH91";"SCH92",#N/A,FALSE,"SCH92";"SCH118",#N/A,FALSE,"SCH118";"SCH119",#N/A,FALSE,"SCH119"}</definedName>
    <definedName name="trial42" hidden="1">{"SCH46",#N/A,FALSE,"sch46"}</definedName>
    <definedName name="trial43" hidden="1">{"SCH51",#N/A,FALSE,"monthly"}</definedName>
    <definedName name="trial44" hidden="1">{"SCH52",#N/A,FALSE,"sch52"}</definedName>
    <definedName name="trial45" hidden="1">{"SCH29",#N/A,FALSE,"segments";"SCH30",#N/A,FALSE,"segments"}</definedName>
    <definedName name="trial46" hidden="1">{"SCH27",#N/A,FALSE,"summary";"SCH39",#N/A,FALSE,"summary";"SCH41",#N/A,FALSE,"summary"}</definedName>
    <definedName name="trial47" hidden="1">{"SCH54",#N/A,FALSE,"upside";"SCH55",#N/A,FALSE,"upside"}</definedName>
    <definedName name="trial48" hidden="1">{"SCH47",#N/A,FALSE,"value";"sch48",#N/A,FALSE,"value"}</definedName>
    <definedName name="trial49" hidden="1">{"SCH28",#N/A,FALSE,"monthly";"SCH40",#N/A,FALSE,"monthly";"SCH42",#N/A,FALSE,"monthly";"SCH43",#N/A,FALSE,"monthly";"SCH50",#N/A,FALSE,"monthly";"SCH51",#N/A,FALSE,"monthly";"SCH53",#N/A,FALSE,"monthly";"SCH66",#N/A,FALSE,"monthly";"SCH67",#N/A,FALSE,"monthly";"SCH68",#N/A,FALSE,"monthly";"SCH69",#N/A,FALSE,"monthly";"SCH70",#N/A,FALSE,"monthly";"SCH71",#N/A,FALSE,"monthly";"SCH72",#N/A,FALSE,"monthly"}</definedName>
    <definedName name="tt" hidden="1">{"EconCons",#N/A,TRUE,"Econômico - Consolidado";"EconCim",#N/A,TRUE,"Econômico - Cimento";"EconCal",#N/A,TRUE,"Econômico - Cal e Outros";"CaixaCons",#N/A,TRUE,"Caixa - Consolidado";"CaixaCim",#N/A,TRUE,"Caixa - Cimento";"CaixaCal",#N/A,TRUE,"Caixa - Cal e Outros";"InvestCons",#N/A,TRUE,"Invest Consolidado"}</definedName>
    <definedName name="TTT" localSheetId="0" hidden="1">{#N/A,#N/A,FALSE,"GRefetivo";#N/A,#N/A,FALSE,"PLefetivo";#N/A,#N/A,FALSE,"GRabsent";#N/A,#N/A,FALSE,"GRmovpes";#N/A,#N/A,FALSE,"GReh";#N/A,#N/A,FALSE,"PLhe";#N/A,#N/A,FALSE,"Aumentos";#N/A,#N/A,FALSE,"Sugest"}</definedName>
    <definedName name="TTT" hidden="1">{#N/A,#N/A,FALSE,"GRefetivo";#N/A,#N/A,FALSE,"PLefetivo";#N/A,#N/A,FALSE,"GRabsent";#N/A,#N/A,FALSE,"GRmovpes";#N/A,#N/A,FALSE,"GReh";#N/A,#N/A,FALSE,"PLhe";#N/A,#N/A,FALSE,"Aumentos";#N/A,#N/A,FALSE,"Sugest"}</definedName>
    <definedName name="tttt" hidden="1">{"Econ Consolidado",#N/A,FALSE,"Econ Consol";"Fluxo de Caixa",#N/A,FALSE,"Fluxo Caixa";"Investimentos",#N/A,FALSE,"Investimentos"}</definedName>
    <definedName name="U_anx2" hidden="1">{#N/A,#N/A,FALSE,"CONTRIB.SOCIAL ACUM.";#N/A,#N/A,FALSE,"CONTRIB.SOCIAL";#N/A,#N/A,FALSE,"APUR.LUCRO REAL ACUM.";#N/A,#N/A,FALSE,"APUR.LUCRO REAL";#N/A,#N/A,FALSE,"DEMOST.RESULT ACUM.";#N/A,#N/A,FALSE,"DEMONST.RESULT.";#N/A,#N/A,FALSE,"PASSIVO";#N/A,#N/A,FALSE,"ATIVO"}</definedName>
    <definedName name="Uiz" hidden="1">{"Econ Consolidado",#N/A,FALSE,"Econ Consol";"Fluxo de Caixa",#N/A,FALSE,"Fluxo Caixa";"Investimentos",#N/A,FALSE,"Investimentos"}</definedName>
    <definedName name="UNI_FILT_OFFSPEC" hidden="1">2</definedName>
    <definedName name="UNI_FILT_ONSPEC" hidden="1">1</definedName>
    <definedName name="UNI_NOTHING" hidden="1">0</definedName>
    <definedName name="UNI_PRES_FILTER" hidden="1">1</definedName>
    <definedName name="UNI_PRES_HEADINGS" hidden="1">16</definedName>
    <definedName name="UNI_PRES_INVERT" hidden="1">2</definedName>
    <definedName name="UNI_PRES_MATRIX" hidden="1">4</definedName>
    <definedName name="UNI_PRES_MERGED" hidden="1">8</definedName>
    <definedName name="UNI_PRES_OUTLIERS" hidden="1">32</definedName>
    <definedName name="UNI_RET_ATTRIB" hidden="1">64</definedName>
    <definedName name="UNI_RET_CONF" hidden="1">32</definedName>
    <definedName name="UNI_RET_DESC" hidden="1">4</definedName>
    <definedName name="UNI_RET_EQUIP" hidden="1">1</definedName>
    <definedName name="UNI_RET_OFFSPEC" hidden="1">512</definedName>
    <definedName name="UNI_RET_ONSPEC" hidden="1">256</definedName>
    <definedName name="UNI_RET_PROP" hidden="1">32</definedName>
    <definedName name="UNI_RET_PROPDESC" hidden="1">64</definedName>
    <definedName name="UNI_RET_SMPLPNT" hidden="1">4</definedName>
    <definedName name="UNI_RET_SPECMAX" hidden="1">2048</definedName>
    <definedName name="UNI_RET_SPECMIN" hidden="1">1024</definedName>
    <definedName name="UNI_RET_TAG" hidden="1">1</definedName>
    <definedName name="UNI_RET_TESTTIME" hidden="1">128</definedName>
    <definedName name="UNI_RET_TIME" hidden="1">8</definedName>
    <definedName name="UNI_RET_UNIT" hidden="1">2</definedName>
    <definedName name="UNI_RET_VALUE" hidden="1">16</definedName>
    <definedName name="US_Cost_DVA">OFFSET('[27]US - Cost Chart'!$A$5,,'[27]US - Cost Chart'!$B$12,,'[27]US - Cost Chart'!$B$13)</definedName>
    <definedName name="US_Costs_Inferior">OFFSET('[27]US - Cost Chart'!$A$6,,'[27]US - Cost Chart'!$B$12,,'[27]US - Cost Chart'!$B$13)</definedName>
    <definedName name="US_Costs_Superior_Negativo">OFFSET('[27]US - Cost Chart'!$A$10,,'[27]US - Cost Chart'!$B$12,,'[27]US - Cost Chart'!$B$13)</definedName>
    <definedName name="US_Costs_Superior_Positivo">OFFSET('[27]US - Cost Chart'!$A$9,,'[27]US - Cost Chart'!$B$12,,'[27]US - Cost Chart'!$B$13)</definedName>
    <definedName name="US_LE_Cost_DVA">OFFSET('[27]US (LE) - Cost Chart'!$A$5,,'[27]US (LE) - Cost Chart'!$B$12,,'[27]US (LE) - Cost Chart'!$B$13)</definedName>
    <definedName name="US_LE_Cost_Inferior">OFFSET('[27]US (LE) - Cost Chart'!$A$6,,'[27]US (LE) - Cost Chart'!$B$12,,'[27]US (LE) - Cost Chart'!$B$13)</definedName>
    <definedName name="US_LE_Costs_Superior_Negativo">OFFSET('[27]US (LE) - Cost Chart'!$A$10,,'[27]US (LE) - Cost Chart'!$B$12,,'[27]US (LE) - Cost Chart'!$B$13)</definedName>
    <definedName name="US_LE_Costs_Superior_Positivo">OFFSET('[27]US (LE) - Cost Chart'!$A$9,,'[27]US (LE) - Cost Chart'!$B$12,,'[27]US (LE) - Cost Chart'!$B$13)</definedName>
    <definedName name="utfuktv" hidden="1">{#N/A,#N/A,FALSE,"Dutos";#N/A,#N/A,FALSE,"Terminais"}</definedName>
    <definedName name="utfutf" hidden="1">{#N/A,#N/A,FALSE,"Dutos";#N/A,#N/A,FALSE,"Terminais"}</definedName>
    <definedName name="uuu" hidden="1">{#N/A,#N/A,FALSE,"RELATÓRIO";#N/A,#N/A,FALSE,"RELATÓRIO"}</definedName>
    <definedName name="uyim" hidden="1">{"Japan_Capers_Ed_Pub",#N/A,FALSE,"DI 2 YEAR MASTER SCHEDULE"}</definedName>
    <definedName name="uyim_1" hidden="1">{"Japan_Capers_Ed_Pub",#N/A,FALSE,"DI 2 YEAR MASTER SCHEDULE"}</definedName>
    <definedName name="uyim_2" hidden="1">{"Japan_Capers_Ed_Pub",#N/A,FALSE,"DI 2 YEAR MASTER SCHEDULE"}</definedName>
    <definedName name="uyim_3" hidden="1">{"Japan_Capers_Ed_Pub",#N/A,FALSE,"DI 2 YEAR MASTER SCHEDULE"}</definedName>
    <definedName name="uyim_4" hidden="1">{"Japan_Capers_Ed_Pub",#N/A,FALSE,"DI 2 YEAR MASTER SCHEDULE"}</definedName>
    <definedName name="uyim_5" hidden="1">{"Japan_Capers_Ed_Pub",#N/A,FALSE,"DI 2 YEAR MASTER SCHEDULE"}</definedName>
    <definedName name="v" hidden="1">{#N/A,#N/A,FALSE,"Output";#N/A,#N/A,FALSE,"Cover Sheet";#N/A,#N/A,FALSE,"Current Mkt. Projections"}</definedName>
    <definedName name="Valmir" hidden="1">{"Econ Consolidado",#N/A,FALSE,"Econ Consol";"Fluxo de Caixa",#N/A,FALSE,"Fluxo Caixa";"Investimentos",#N/A,FALSE,"Investimentos"}</definedName>
    <definedName name="VBA_VERSION" hidden="1">"1.10.1e"</definedName>
    <definedName name="vdavdvfsvfaerbrqewb" hidden="1">{"fdsup://directions/FAT Viewer?action=UPDATE&amp;creator=factset&amp;DYN_ARGS=TRUE&amp;DOC_NAME=FAT:FQL_AUDITING_CLIENT_TEMPLATE.FAT&amp;display_string=Audit&amp;VAR:KEY=KVWJIXKPUX&amp;VAR:QUERY=UkdGX1RBWF9SQVRFKEFOTiwwLCwsLCwsTk9BVURJVCk=&amp;WINDOW=FIRST_POPUP&amp;HEIGHT=450&amp;WIDTH=450&amp;","START_MAXIMIZED=FALSE&amp;VAR:CALENDAR=US&amp;VAR:SYMBOL=GOOG&amp;VAR:INDEX=0"}</definedName>
    <definedName name="veiculo" localSheetId="0" hidden="1">{"VENTAS1",#N/A,FALSE,"VENTAS";"VENTAS2",#N/A,FALSE,"VENTAS";"VENTAS3",#N/A,FALSE,"VENTAS";"VENTAS4",#N/A,FALSE,"VENTAS";"VENTAS5",#N/A,FALSE,"VENTAS";"VENTAS6",#N/A,FALSE,"VENTAS";"VENTAS7",#N/A,FALSE,"VENTAS";"VENTAS8",#N/A,FALSE,"VENTAS"}</definedName>
    <definedName name="veiculo" hidden="1">{"VENTAS1",#N/A,FALSE,"VENTAS";"VENTAS2",#N/A,FALSE,"VENTAS";"VENTAS3",#N/A,FALSE,"VENTAS";"VENTAS4",#N/A,FALSE,"VENTAS";"VENTAS5",#N/A,FALSE,"VENTAS";"VENTAS6",#N/A,FALSE,"VENTAS";"VENTAS7",#N/A,FALSE,"VENTAS";"VENTAS8",#N/A,FALSE,"VENTAS"}</definedName>
    <definedName name="VERLUCRO"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ERLUCRO_1"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ERLUCRO_2"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ERLUCRO_3"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ERLUCRO_4"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ERLUCRO_5"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VGHK" hidden="1">{#N/A,#N/A,FALSE,"Dutos";#N/A,#N/A,FALSE,"Terminais"}</definedName>
    <definedName name="vjkvk"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vjkvk"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vvvvvvvvv" hidden="1">{"Econ Consolidado",#N/A,FALSE,"Econ Consol";"Fluxo de Caixa",#N/A,FALSE,"Fluxo Caixa";"Investimentos",#N/A,FALSE,"Investimentos"}</definedName>
    <definedName name="w" hidden="1">{"EconCons",#N/A,TRUE,"Econômico - Consolidado";"CaixaCons",#N/A,TRUE,"Caixa - Consolidado";"InvestCons",#N/A,TRUE,"Invest Consolidado"}</definedName>
    <definedName name="w_1" hidden="1">{#N/A,#N/A,FALSE,"model"}</definedName>
    <definedName name="w_2" hidden="1">{#N/A,#N/A,FALSE,"model"}</definedName>
    <definedName name="w_3" hidden="1">{#N/A,#N/A,FALSE,"model"}</definedName>
    <definedName name="w_4" hidden="1">{#N/A,#N/A,FALSE,"model"}</definedName>
    <definedName name="w_5" hidden="1">{#N/A,#N/A,FALSE,"model"}</definedName>
    <definedName name="we" hidden="1">{#N/A,#N/A,FALSE,"1321";#N/A,#N/A,FALSE,"1324";#N/A,#N/A,FALSE,"1333";#N/A,#N/A,FALSE,"1371"}</definedName>
    <definedName name="wedr" hidden="1">{"CaixaCons",#N/A,FALSE,"Caixa - Consolidado";"CaixaCim",#N/A,FALSE,"Caixa - Cimento";"CaixaCal",#N/A,FALSE,"Caixa - Cal e Outros";"CaixaVC",#N/A,FALSE,"Caixa - VC"}</definedName>
    <definedName name="weqr" hidden="1">{#N/A,#N/A,FALSE,"DI 2 YEAR MASTER SCHEDULE"}</definedName>
    <definedName name="weqr_1" hidden="1">{#N/A,#N/A,FALSE,"DI 2 YEAR MASTER SCHEDULE"}</definedName>
    <definedName name="weqr_2" hidden="1">{#N/A,#N/A,FALSE,"DI 2 YEAR MASTER SCHEDULE"}</definedName>
    <definedName name="weqr_3" hidden="1">{#N/A,#N/A,FALSE,"DI 2 YEAR MASTER SCHEDULE"}</definedName>
    <definedName name="weqr_4" hidden="1">{#N/A,#N/A,FALSE,"DI 2 YEAR MASTER SCHEDULE"}</definedName>
    <definedName name="weqr_5" hidden="1">{#N/A,#N/A,FALSE,"DI 2 YEAR MASTER SCHEDULE"}</definedName>
    <definedName name="wer"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wer"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wfewfdew" hidden="1">8</definedName>
    <definedName name="wnr" hidden="1">{"EconCons",#N/A,TRUE,"Econômico - Consolidado";"EconCim",#N/A,TRUE,"Econômico - Cimento";"EconCal",#N/A,TRUE,"Econômico - Cal e Outros";"CaixaCons",#N/A,TRUE,"Caixa - Consolidado";"CaixaCim",#N/A,TRUE,"Caixa - Cimento";"CaixaCal",#N/A,TRUE,"Caixa - Cal e Outros";"InvestCons",#N/A,TRUE,"Invest Consolidado"}</definedName>
    <definedName name="wq" hidden="1">{"'PXR_6500'!$A$1:$I$124"}</definedName>
    <definedName name="wqewer" hidden="1">{#N/A,#N/A,FALSE,"DI 2 YEAR MASTER SCHEDULE"}</definedName>
    <definedName name="wqewer_1" hidden="1">{#N/A,#N/A,FALSE,"DI 2 YEAR MASTER SCHEDULE"}</definedName>
    <definedName name="wqewer_2" hidden="1">{#N/A,#N/A,FALSE,"DI 2 YEAR MASTER SCHEDULE"}</definedName>
    <definedName name="wqewer_3" hidden="1">{#N/A,#N/A,FALSE,"DI 2 YEAR MASTER SCHEDULE"}</definedName>
    <definedName name="wqewer_4" hidden="1">{#N/A,#N/A,FALSE,"DI 2 YEAR MASTER SCHEDULE"}</definedName>
    <definedName name="wqewer_5" hidden="1">{#N/A,#N/A,FALSE,"DI 2 YEAR MASTER SCHEDULE"}</definedName>
    <definedName name="wrn.01." hidden="1">{#N/A,#N/A,FALSE,"1321";#N/A,#N/A,FALSE,"1324";#N/A,#N/A,FALSE,"1333";#N/A,#N/A,FALSE,"1371"}</definedName>
    <definedName name="wrn.083." hidden="1">{#N/A,#N/A,FALSE,"CONTRIB.SOCIAL ACUM.";#N/A,#N/A,FALSE,"CONTRIB.SOCIAL";#N/A,#N/A,FALSE,"APUR.LUCRO REAL ACUM.";#N/A,#N/A,FALSE,"APUR.LUCRO REAL";#N/A,#N/A,FALSE,"DEMOST.RESULT ACUM.";#N/A,#N/A,FALSE,"DEMONST.RESULT.";#N/A,#N/A,FALSE,"PASSIVO";#N/A,#N/A,FALSE,"ATIVO"}</definedName>
    <definedName name="wrn.083._1" hidden="1">{#N/A,#N/A,FALSE,"CONTRIB.SOCIAL ACUM.";#N/A,#N/A,FALSE,"CONTRIB.SOCIAL";#N/A,#N/A,FALSE,"APUR.LUCRO REAL ACUM.";#N/A,#N/A,FALSE,"APUR.LUCRO REAL";#N/A,#N/A,FALSE,"DEMOST.RESULT ACUM.";#N/A,#N/A,FALSE,"DEMONST.RESULT.";#N/A,#N/A,FALSE,"PASSIVO";#N/A,#N/A,FALSE,"ATIVO"}</definedName>
    <definedName name="wrn.083._2" hidden="1">{#N/A,#N/A,FALSE,"CONTRIB.SOCIAL ACUM.";#N/A,#N/A,FALSE,"CONTRIB.SOCIAL";#N/A,#N/A,FALSE,"APUR.LUCRO REAL ACUM.";#N/A,#N/A,FALSE,"APUR.LUCRO REAL";#N/A,#N/A,FALSE,"DEMOST.RESULT ACUM.";#N/A,#N/A,FALSE,"DEMONST.RESULT.";#N/A,#N/A,FALSE,"PASSIVO";#N/A,#N/A,FALSE,"ATIVO"}</definedName>
    <definedName name="wrn.2_5_99._.Scenarios." hidden="1">{#N/A,"Scenario 4; Book Value",FALSE,"Stream INPUTS";#N/A,"Scenario 4; Market Value",FALSE,"Stream INPUTS";#N/A,"Scenario 5; Book Value",FALSE,"Stream INPUTS";#N/A,"Scenario 5; Market Value",FALSE,"Stream INPUTS"}</definedName>
    <definedName name="wrn.5BY5." hidden="1">{"SCH44",#N/A,FALSE,"5b5f";"SCH45",#N/A,FALSE,"5b5f"}</definedName>
    <definedName name="wrn.Accretion._.Dilution." hidden="1">{#N/A,#N/A,TRUE,"Snapshot";#N/A,#N/A,TRUE,"PE at Different Premiums";#N/A,#N/A,TRUE,"EBITDA at Different Premiums";#N/A,#N/A,TRUE,"Long Form Dilution";#N/A,#N/A,TRUE,"AVP";#N/A,#N/A,TRUE,"Has-Gets";#N/A,#N/A,TRUE,"Contribution"}</definedName>
    <definedName name="wrn.Accretion._.Dilution._1" hidden="1">{#N/A,#N/A,TRUE,"Snapshot";#N/A,#N/A,TRUE,"PE at Different Premiums";#N/A,#N/A,TRUE,"EBITDA at Different Premiums";#N/A,#N/A,TRUE,"Long Form Dilution";#N/A,#N/A,TRUE,"AVP";#N/A,#N/A,TRUE,"Has-Gets";#N/A,#N/A,TRUE,"Contribution"}</definedName>
    <definedName name="wrn.Accretion._.Dilution._2" hidden="1">{#N/A,#N/A,TRUE,"Snapshot";#N/A,#N/A,TRUE,"PE at Different Premiums";#N/A,#N/A,TRUE,"EBITDA at Different Premiums";#N/A,#N/A,TRUE,"Long Form Dilution";#N/A,#N/A,TRUE,"AVP";#N/A,#N/A,TRUE,"Has-Gets";#N/A,#N/A,TRUE,"Contribution"}</definedName>
    <definedName name="wrn.Accretion._.Dilution._3" hidden="1">{#N/A,#N/A,TRUE,"Snapshot";#N/A,#N/A,TRUE,"PE at Different Premiums";#N/A,#N/A,TRUE,"EBITDA at Different Premiums";#N/A,#N/A,TRUE,"Long Form Dilution";#N/A,#N/A,TRUE,"AVP";#N/A,#N/A,TRUE,"Has-Gets";#N/A,#N/A,TRUE,"Contribution"}</definedName>
    <definedName name="wrn.Accretion._.Dilution._4" hidden="1">{#N/A,#N/A,TRUE,"Snapshot";#N/A,#N/A,TRUE,"PE at Different Premiums";#N/A,#N/A,TRUE,"EBITDA at Different Premiums";#N/A,#N/A,TRUE,"Long Form Dilution";#N/A,#N/A,TRUE,"AVP";#N/A,#N/A,TRUE,"Has-Gets";#N/A,#N/A,TRUE,"Contribution"}</definedName>
    <definedName name="wrn.Accretion._.Dilution._5" hidden="1">{#N/A,#N/A,TRUE,"Snapshot";#N/A,#N/A,TRUE,"PE at Different Premiums";#N/A,#N/A,TRUE,"EBITDA at Different Premiums";#N/A,#N/A,TRUE,"Long Form Dilution";#N/A,#N/A,TRUE,"AVP";#N/A,#N/A,TRUE,"Has-Gets";#N/A,#N/A,TRUE,"Contribution"}</definedName>
    <definedName name="wrn.ACIONCONSELHO._.01."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1._1"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1._2"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1._3"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1._4"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1._5" hidden="1">{"CAPA CONSELHO(FISCAL)ACIONISTAS",#N/A,TRUE,"capa (2)";"CAPITAL 2002",#N/A,TRUE,"capital (2)";"INDICES2002",#N/A,TRUE,"índices bal (2)";"BAL(B)2002",#N/A,TRUE,"BAL B (2)";"RESULTADO 01",#N/A,TRUE,"resultado";"RESULTADO mes a mes (B)2002",#N/A,TRUE,"resultado";"DOAR(B)2002",#N/A,TRUE,"DOAR B (2)";"MUTAÇÃO(B)2002",#N/A,TRUE,"mutação B (2)";"ESTOQUE(B)2002",#N/A,TRUE,"estoque";"PERMANENTE(B)2002",#N/A,TRUE,"permanente B (2)";"PERFIL(B)2002",#N/A,TRUE,"PERFIL B (2)";"EBITDA 01",#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_1"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_2"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_3"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_4"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2._5" hidden="1">{"CAPA CONSELHO(FISCAL)ACIONISTAS",#N/A,TRUE,"capa (2)";"CAPITAL 2002",#N/A,TRUE,"capital (2)";"INDICES2002",#N/A,TRUE,"índices bal (2)";"BAL(B)2002",#N/A,TRUE,"BAL B (2)";"RESULTADO 02",#N/A,TRUE,"resultado";"RESULTADO mes a mes (B)2002",#N/A,TRUE,"resultado";"DOAR(B)2002",#N/A,TRUE,"DOAR B (2)";"MUTAÇÃO(B)2002",#N/A,TRUE,"mutação B (2)";"ESTOQUE(B)2002",#N/A,TRUE,"estoque";"PERMANENTE(B)2002",#N/A,TRUE,"permanente B (2)";"PERFIL(B)2002",#N/A,TRUE,"PERFIL B (2)";"EBITDA 02",#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_1"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_2"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_3"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_4"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4._5" hidden="1">{"CAPA CONSELHO(FISCAL)ACIONISTAS",#N/A,TRUE,"capa (2)";"CAPITAL 2002",#N/A,TRUE,"capital (2)";"INDICES2002",#N/A,TRUE,"índices bal (2)";"BAL(B)2002",#N/A,TRUE,"BAL B (2)";"RESULTADO 04",#N/A,TRUE,"resultado";"RESULTADO mes a mes (B)2002",#N/A,TRUE,"resultado";"DOAR(B)2002",#N/A,TRUE,"DOAR B (2)";"ESTOQUE(B)2002",#N/A,TRUE,"mutação B (2)";"ESTOQUE(B)2002",#N/A,TRUE,"estoque";"PERMANENTE(B)2002",#N/A,TRUE,"permanente B (2)";"PERFIL(B)2002",#N/A,TRUE,"PERFIL B (2)";"EBITDA 04",#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_1"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_2"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_3"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_4"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CIONCONSELHO._.05._5" hidden="1">{"CAPA CONSELHO(FISCAL)ACIONISTAS",#N/A,TRUE,"capa (2)";"CAPITAL 2002",#N/A,TRUE,"capital (2)";"INDICES2002",#N/A,TRUE,"índices bal (2)";"BAL(B)2002",#N/A,TRUE,"BAL B (2)";"RESULTADO 05",#N/A,TRUE,"resultado";"RESULTADO mes a mes (B)2002",#N/A,TRUE,"resultado";"DOAR(B)2002",#N/A,TRUE,"DOAR B (2)";"MUTAÇÃO(B)2002",#N/A,TRUE,"mutação B (2)";"ESTOQUE(B)2002",#N/A,TRUE,"estoque";"PERMANENTE(B)2002",#N/A,TRUE,"permanente B (2)";"PERFIL(B)2002",#N/A,TRUE,"PERFIL B (2)";"EBITDA 05",#N/A,TRUE,"ebitda";"FLUXO(B)2002",#N/A,TRUE,"FLUXO B (2)";"PROVISÕES2002",#N/A,TRUE,"prov-contas a receber";"CAPA CONTROLADORA",#N/A,TRUE,"capa (2)";"BAL(A)2002",#N/A,TRUE,"BAL A (2)";"RESULTADO mes a mes (A)2002",#N/A,TRUE,"resultado";"MUTAÇÃO(A)2002",#N/A,TRUE,"mutação A (2)";"DOAR(A)2002",#N/A,TRUE,"DOAR A (2)";"ESTOQUE(A)2002",#N/A,TRUE,"estoque";"PERMANENTE(A)2002",#N/A,TRUE,"permanente A (2)"}</definedName>
    <definedName name="wrn.administracion." hidden="1">{#N/A,#N/A,FALSE,"CARATULA GENERAL";#N/A,#N/A,FALSE,"GSxDIRECCION";#N/A,#N/A,FALSE,"Caratula";#N/A,#N/A,FALSE,"GSxCTRO";#N/A,#N/A,FALSE,"GsAdm.Centr";#N/A,#N/A,FALSE,"Dir.Gral";#N/A,#N/A,FALSE,"AdmyFzas";#N/A,#N/A,FALSE,"Sistemas";#N/A,#N/A,FALSE,"RRHH"}</definedName>
    <definedName name="wrn.Advertising._.Acum._.Julio._.00." hidden="1">{#N/A,#N/A,FALSE,"Acum Julio - 00"}</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ging._.and._.Trend._.Analysis._1" hidden="1">{#N/A,#N/A,FALSE,"Aging Summary";#N/A,#N/A,FALSE,"Ratio Analysis";#N/A,#N/A,FALSE,"Test 120 Day Accts";#N/A,#N/A,FALSE,"Tickmarks"}</definedName>
    <definedName name="wrn.Aging._.and._.Trend._.Analysis._2" hidden="1">{#N/A,#N/A,FALSE,"Aging Summary";#N/A,#N/A,FALSE,"Ratio Analysis";#N/A,#N/A,FALSE,"Test 120 Day Accts";#N/A,#N/A,FALSE,"Tickmarks"}</definedName>
    <definedName name="wrn.Aging._.and._.Trend._.Analysis._3" hidden="1">{#N/A,#N/A,FALSE,"Aging Summary";#N/A,#N/A,FALSE,"Ratio Analysis";#N/A,#N/A,FALSE,"Test 120 Day Accts";#N/A,#N/A,FALSE,"Tickmarks"}</definedName>
    <definedName name="wrn.Aging._.and._.Trend._.Analysis._4" hidden="1">{#N/A,#N/A,FALSE,"Aging Summary";#N/A,#N/A,FALSE,"Ratio Analysis";#N/A,#N/A,FALSE,"Test 120 Day Accts";#N/A,#N/A,FALSE,"Tickmarks"}</definedName>
    <definedName name="wrn.Aging._.and._.Trend._.Analysis._5" hidden="1">{#N/A,#N/A,FALSE,"Aging Summary";#N/A,#N/A,FALSE,"Ratio Analysis";#N/A,#N/A,FALSE,"Test 120 Day Accts";#N/A,#N/A,FALSE,"Tickmarks"}</definedName>
    <definedName name="wrn.Aging._.and._.Trend._.Analysis2" localSheetId="0" hidden="1">{#N/A,#N/A,FALSE,"Aging Summary";#N/A,#N/A,FALSE,"Ratio Analysis";#N/A,#N/A,FALSE,"Test 120 Day Accts";#N/A,#N/A,FALSE,"Tickmarks"}</definedName>
    <definedName name="wrn.Aging._.and._.Trend._.Analysis2" hidden="1">{#N/A,#N/A,FALSE,"Aging Summary";#N/A,#N/A,FALSE,"Ratio Analysis";#N/A,#N/A,FALSE,"Test 120 Day Accts";#N/A,#N/A,FALSE,"Tickmarks"}</definedName>
    <definedName name="wrn.all." hidden="1">{"cf",#N/A,FALSE,"Annual";"is",#N/A,FALSE,"Annual";"geo",#N/A,FALSE,"Annual";"jwt",#N/A,FALSE,"Annual";"om",#N/A,FALSE,"Annual";"other",#N/A,FALSE,"Annual";"omcontd",#N/A,FALSE,"Annual"}</definedName>
    <definedName name="wrn.ALL._.GRAPHS." hidden="1">{"IT",#N/A,FALSE,"GRAPHS";"Services",#N/A,FALSE,"GRAPHS";"Subsurface",#N/A,FALSE,"GRAPHS";"Production",#N/A,FALSE,"GRAPHS";"Facilities",#N/A,FALSE,"GRAPHS";"Pipeline &amp; Terminal",#N/A,FALSE,"GRAPHS";"Safety",#N/A,FALSE,"GRAPHS";"Commercial",#N/A,FALSE,"GRAPHS"}</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_1"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_2"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_3"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_4"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Pages._5"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All._.Scenarios." hidden="1">{#N/A,"Mine Allocated; Keep AC",FALSE,"Transaction Summary";#N/A,"Mine Allocated; Sell AC",FALSE,"Transaction Summary";#N/A,"Commodity; Keep AC",FALSE,"Transaction Summary";#N/A,"Commodity; Sell AC",FALSE,"Transaction Summary";#N/A,"Step-Up; Keep AC",FALSE,"Transaction Summary";#N/A,"Step-Up; Sell AC",FALSE,"Transaction Summary"}</definedName>
    <definedName name="wrn.All._.Stock_10_12_14." hidden="1">{"Has Gets","$10, All Stock, Purchase",FALSE,"Has Gets";"Has Gets","$10, All Stock, Pooling",FALSE,"Has Gets";"Has Gets","$12, All Stock, Purchase",FALSE,"Has Gets";"Has Gets","$12, All Stock, Pooling",FALSE,"Has Gets";"Has Gets","$14, All Stock, Purchase",FALSE,"Has Gets";"Has Gets","$14, All Stock, Pooling",FALSE,"Has Gets"}</definedName>
    <definedName name="wrn.ALL.FIN2." hidden="1">{"SCH35",#N/A,FALSE,"5X3";"SCH36",#N/A,FALSE,"5X3";"SCH37",#N/A,FALSE,"5X3";"SCH38",#N/A,FALSE,"5X3";"SCH39A",#N/A,FALSE,"5X3";"SCH39B",#N/A,FALSE,"5X3";"SCH40",#N/A,FALSE,"5X3"}</definedName>
    <definedName name="wrn.ALL_HR." hidden="1">{"SCH66",#N/A,FALSE,"SCH66";"sch66a",#N/A,FALSE,"SCH66A";"SCH67",#N/A,FALSE,"SCH67";"SCH68",#N/A,FALSE,"SCH68";"SCH69",#N/A,FALSE,"SCH69";"sch701",#N/A,FALSE,"SCH70";"sch702",#N/A,FALSE,"SCH70";"SCH81",#N/A,FALSE,"SCH81";"SCH821",#N/A,FALSE,"SCH82";"SCH822",#N/A,FALSE,"SCH82"}</definedName>
    <definedName name="wrn.All_Plandol." hidden="1">{"sch24",#N/A,FALSE,"summary";"sch40",#N/A,FALSE,"summary";"sch42",#N/A,FALSE,"summary";"sch25",#N/A,FALSE,"monthly";"sch41",#N/A,FALSE,"monthly";"sch43",#N/A,FALSE,"monthly";"sch44",#N/A,FALSE,"monthly";"sch56",#N/A,FALSE,"monthly";"sch57",#N/A,FALSE,"monthly";"sch59",#N/A,FALSE,"monthly";"sch76",#N/A,FALSE,"monthly";"sch77",#N/A,FALSE,"monthly";"sch78",#N/A,FALSE,"monthly";"sch79",#N/A,FALSE,"monthly";"sch80",#N/A,FALSE,"monthly";"sch32",#N/A,FALSE,"ebitrecs";"sch33",#N/A,FALSE,"ebitrecs";"sch34",#N/A,FALSE,"ebitrecs";"sch35",#N/A,FALSE,"ebitrecs";"sch36",#N/A,FALSE,"ebitrecs";"sch37",#N/A,FALSE,"ebitrecs";"sch38",#N/A,FALSE,"ebitrecs";"sch39",#N/A,FALSE,"ebitrecs";"sch53",#N/A,FALSE,"value";"sch60",#N/A,FALSE,"upside";"sch61",#N/A,FALSE,"upside";"sch54",#N/A,FALSE,"value";"sch45",#N/A,FALSE,"5b5f";"sch46",#N/A,FALSE,"5b5f";"sch47",#N/A,FALSE,"5b5f";"sch48",#N/A,FALSE,"5b5f";"sch49",#N/A,FALSE,"5b5f";"sch501",#N/A,FALSE,"5b5f";"sch502",#N/A,FALSE,"5b5f";"sch51",#N/A,FALSE,"5b5f";"sch55",#N/A,FALSE,"eva";"sch63",#N/A,FALSE,"eva";"sch64",#N/A,FALSE,"eva";"sch65",#N/A,FALSE,"eva";"sch6",#N/A,FALSE,"SCH6";"sch26",#N/A,FALSE,"SCH26";"sch7",#N/A,FALSE,"SCH7";"sch27",#N/A,FALSE,"SCH27";"sch28",#N/A,FALSE,"SCH28";"sch29",#N/A,FALSE,"SCH29";"sch30",#N/A,FALSE,"SCH30";"sch31",#N/A,FALSE,"SCH31";"sch521",#N/A,FALSE,"SCH52";"sch522",#N/A,FALSE,"SCH52";"sch523",#N/A,FALSE,"SCH52";"sch58",#N/A,FALSE,"SCH58";"sch62",#N/A,FALSE,"SCH62"}</definedName>
    <definedName name="wrn.ANALISIS._.SENSIBILIDAD." hidden="1">{#N/A,#N/A,FALSE,"BALANCE";#N/A,#N/A,FALSE,"CUENTA DE PYG";#N/A,#N/A,FALSE,"RATIOS"}</definedName>
    <definedName name="wrn.bal." hidden="1">{#N/A,#N/A,FALSE,"BalanBC";#N/A,#N/A,FALSE,"Mutação PL BC";#N/A,#N/A,FALSE,"BalanCF";#N/A,#N/A,FALSE,"Mutação PL CF";#N/A,#N/A,FALSE,"BalanCONS"}</definedName>
    <definedName name="wrn.bal97." hidden="1">{#N/A,#N/A,FALSE,"balan BC ";#N/A,#N/A,FALSE,"balan CF";#N/A,#N/A,FALSE,"balan Consolidado";#N/A,#N/A,FALSE,"Mutação PL  gerencial";#N/A,#N/A,FALSE,"DOAR BC";#N/A,#N/A,FALSE,"DOAR CF";#N/A,#N/A,FALSE,"DOAR CONS.1997";#N/A,#N/A,FALSE,"Indices de BalançoBC";#N/A,#N/A,FALSE,"Indices de BalançoCF";#N/A,#N/A,FALSE,"Indices de BalançoBC + CF";#N/A,#N/A,FALSE,"Inform.Adic. Mutuos"}</definedName>
    <definedName name="wrn.balancete." hidden="1">{#N/A,#N/A,FALSE,"balan BC ";#N/A,#N/A,FALSE,"balan CF";#N/A,#N/A,FALSE,"balan Consolidado"}</definedName>
    <definedName name="wrn.BALANCO." hidden="1">{#N/A,#N/A,FALSE,"Analise dos Indices de Liquidez";#N/A,#N/A,FALSE,"Bal.BC 94 e 95 s.alterações"}</definedName>
    <definedName name="wrn.BALANÇO." hidden="1">{#N/A,#N/A,FALSE,"balanco ";#N/A,#N/A,FALSE,"Mutação do PL";#N/A,#N/A,FALSE,"Doar ";#N/A,#N/A,FALSE,"Dem.Resultado"}</definedName>
    <definedName name="wrn.BALANÇOS." hidden="1">{#N/A,#N/A,FALSE,"B061196P";#N/A,#N/A,FALSE,"B061196";#N/A,#N/A,FALSE,"Relatório1";#N/A,#N/A,FALSE,"Relatório2";#N/A,#N/A,FALSE,"Relatório3";#N/A,#N/A,FALSE,"Relatório4 ";#N/A,#N/A,FALSE,"Relatório5";#N/A,#N/A,FALSE,"Relatório6";#N/A,#N/A,FALSE,"Relatório7";#N/A,#N/A,FALSE,"Relatório8"}</definedName>
    <definedName name="wrn.Basic._.Report." hidden="1">{#N/A,#N/A,FALSE,"New Depr Sch-150% DB";#N/A,#N/A,FALSE,"Cash Flows RLP";#N/A,#N/A,FALSE,"IRR";#N/A,#N/A,FALSE,"Proforma IS";#N/A,#N/A,FALSE,"Assumptions"}</definedName>
    <definedName name="wrn.Board._.Pack." hidden="1">{"Board Income Statement",#N/A,FALSE,"Board Summary";"Board Balance Sheet",#N/A,FALSE,"Board Summary";"Board Cash Flow",#N/A,FALSE,"Board Summary"}</definedName>
    <definedName name="wrn.Board._.Pack._1" hidden="1">{"Board Income Statement",#N/A,FALSE,"Board Summary";"Board Balance Sheet",#N/A,FALSE,"Board Summary";"Board Cash Flow",#N/A,FALSE,"Board Summary"}</definedName>
    <definedName name="wrn.Board._.Pack._2" hidden="1">{"Board Income Statement",#N/A,FALSE,"Board Summary";"Board Balance Sheet",#N/A,FALSE,"Board Summary";"Board Cash Flow",#N/A,FALSE,"Board Summary"}</definedName>
    <definedName name="wrn.Board._.Pack._3" hidden="1">{"Board Income Statement",#N/A,FALSE,"Board Summary";"Board Balance Sheet",#N/A,FALSE,"Board Summary";"Board Cash Flow",#N/A,FALSE,"Board Summary"}</definedName>
    <definedName name="wrn.Board._.Pack._4" hidden="1">{"Board Income Statement",#N/A,FALSE,"Board Summary";"Board Balance Sheet",#N/A,FALSE,"Board Summary";"Board Cash Flow",#N/A,FALSE,"Board Summary"}</definedName>
    <definedName name="wrn.Board._.Pack._5" hidden="1">{"Board Income Statement",#N/A,FALSE,"Board Summary";"Board Balance Sheet",#N/A,FALSE,"Board Summary";"Board Cash Flow",#N/A,FALSE,"Board Summary"}</definedName>
    <definedName name="wrn.Caixa." hidden="1">{"CaixaCons",#N/A,FALSE,"Caixa - Consolidado";"CaixaCim",#N/A,FALSE,"Caixa - Cimento";"CaixaCal",#N/A,FALSE,"Caixa - Cal e Outros";"CaixaVC",#N/A,FALSE,"Caixa - VC"}</definedName>
    <definedName name="wrn.CapersPlotter." hidden="1">{#N/A,#N/A,FALSE,"DI 2 YEAR MASTER SCHEDULE"}</definedName>
    <definedName name="wrn.CapersPlotter._1" hidden="1">{#N/A,#N/A,FALSE,"DI 2 YEAR MASTER SCHEDULE"}</definedName>
    <definedName name="wrn.CapersPlotter._2" hidden="1">{#N/A,#N/A,FALSE,"DI 2 YEAR MASTER SCHEDULE"}</definedName>
    <definedName name="wrn.CapersPlotter._3" hidden="1">{#N/A,#N/A,FALSE,"DI 2 YEAR MASTER SCHEDULE"}</definedName>
    <definedName name="wrn.CapersPlotter._4" hidden="1">{#N/A,#N/A,FALSE,"DI 2 YEAR MASTER SCHEDULE"}</definedName>
    <definedName name="wrn.CapersPlotter._5" hidden="1">{#N/A,#N/A,FALSE,"DI 2 YEAR MASTER SCHEDULE"}</definedName>
    <definedName name="wrn.Carrefour._.Worse._.Case." hidden="1">{#N/A,#N/A,TRUE,"DIVIDER PAGE";#N/A,#N/A,TRUE,"Exist + Reg A IS";#N/A,#N/A,TRUE,"Summary IS exc. B";#N/A,#N/A,TRUE,"New Stores";#N/A,#N/A,TRUE,"Existing DCF";#N/A,#N/A,TRUE,"Region A DCF";#N/A,#N/A,TRUE,"Existing + Reg. A DCF"}</definedName>
    <definedName name="wrn.Carrefour._.Worse._.Case._1" hidden="1">{#N/A,#N/A,TRUE,"DIVIDER PAGE";#N/A,#N/A,TRUE,"Exist + Reg A IS";#N/A,#N/A,TRUE,"Summary IS exc. B";#N/A,#N/A,TRUE,"New Stores";#N/A,#N/A,TRUE,"Existing DCF";#N/A,#N/A,TRUE,"Region A DCF";#N/A,#N/A,TRUE,"Existing + Reg. A DCF"}</definedName>
    <definedName name="wrn.Carrefour._.Worse._.Case._2" hidden="1">{#N/A,#N/A,TRUE,"DIVIDER PAGE";#N/A,#N/A,TRUE,"Exist + Reg A IS";#N/A,#N/A,TRUE,"Summary IS exc. B";#N/A,#N/A,TRUE,"New Stores";#N/A,#N/A,TRUE,"Existing DCF";#N/A,#N/A,TRUE,"Region A DCF";#N/A,#N/A,TRUE,"Existing + Reg. A DCF"}</definedName>
    <definedName name="wrn.Carrefour._.Worse._.Case._3" hidden="1">{#N/A,#N/A,TRUE,"DIVIDER PAGE";#N/A,#N/A,TRUE,"Exist + Reg A IS";#N/A,#N/A,TRUE,"Summary IS exc. B";#N/A,#N/A,TRUE,"New Stores";#N/A,#N/A,TRUE,"Existing DCF";#N/A,#N/A,TRUE,"Region A DCF";#N/A,#N/A,TRUE,"Existing + Reg. A DCF"}</definedName>
    <definedName name="wrn.Carrefour._.Worse._.Case._4" hidden="1">{#N/A,#N/A,TRUE,"DIVIDER PAGE";#N/A,#N/A,TRUE,"Exist + Reg A IS";#N/A,#N/A,TRUE,"Summary IS exc. B";#N/A,#N/A,TRUE,"New Stores";#N/A,#N/A,TRUE,"Existing DCF";#N/A,#N/A,TRUE,"Region A DCF";#N/A,#N/A,TRUE,"Existing + Reg. A DCF"}</definedName>
    <definedName name="wrn.Carrefour._.Worse._.Case._5" hidden="1">{#N/A,#N/A,TRUE,"DIVIDER PAGE";#N/A,#N/A,TRUE,"Exist + Reg A IS";#N/A,#N/A,TRUE,"Summary IS exc. B";#N/A,#N/A,TRUE,"New Stores";#N/A,#N/A,TRUE,"Existing DCF";#N/A,#N/A,TRUE,"Region A DCF";#N/A,#N/A,TRUE,"Existing + Reg. A DCF"}</definedName>
    <definedName name="wrn.Cash._.Flow._.LE." hidden="1">{#N/A,#N/A,FALSE,"Income Statement LE";#N/A,#N/A,FALSE,"Cash Flow LE";#N/A,#N/A,FALSE,"Balance Sheet"}</definedName>
    <definedName name="wrn.claroboo" hidden="1">{#N/A,#N/A,TRUE,"índice";#N/A,#N/A,TRUE,"bp";#N/A,#N/A,TRUE,"dre";#N/A,#N/A,TRUE,"mpl";#N/A,#N/A,TRUE,"doar";#N/A,#N/A,TRUE,"fc";#N/A,#N/A,TRUE,"cta_rec";#N/A,#N/A,TRUE,"Estoque";#N/A,#N/A,TRUE,"Estoque_Det";#N/A,#N/A,TRUE,"Despesas Antecipadas";#N/A,#N/A,TRUE,"IReCS";#N/A,#N/A,TRUE,"BaseNegativa";#N/A,#N/A,TRUE,"CS";#N/A,#N/A,TRUE,"AjCS";#N/A,#N/A,TRUE,"Prej.Fiscal";#N/A,#N/A,TRUE,"IR";#N/A,#N/A,TRUE,"AjIR";#N/A,#N/A,TRUE,"Permanente";"Permanente_gráfico",#N/A,TRUE,"Permanente";#N/A,#N/A,TRUE,"Capitalização";"Financiamentos Mensal",#N/A,TRUE,"Financiamentos";"Financiamentos Movimentação",#N/A,TRUE,"Financiamentos";#N/A,#N/A,TRUE,"Soc.Ligadas";#N/A,#N/A,TRUE,"Capital";#N/A,#N/A,TRUE,"indicadores";#N/A,#N/A,TRUE,"Receita";#N/A,#N/A,TRUE,"CPV";#N/A,#N/A,TRUE,"Financeiras"}</definedName>
    <definedName name="wrn.Clarobook." hidden="1">{#N/A,#N/A,TRUE,"índice";#N/A,#N/A,TRUE,"bp";#N/A,#N/A,TRUE,"dre";#N/A,#N/A,TRUE,"mpl";#N/A,#N/A,TRUE,"doar";#N/A,#N/A,TRUE,"fc";#N/A,#N/A,TRUE,"cta_rec";#N/A,#N/A,TRUE,"Estoque";#N/A,#N/A,TRUE,"Estoque_Det";#N/A,#N/A,TRUE,"Despesas Antecipadas";#N/A,#N/A,TRUE,"IReCS";#N/A,#N/A,TRUE,"BaseNegativa";#N/A,#N/A,TRUE,"CS";#N/A,#N/A,TRUE,"AjCS";#N/A,#N/A,TRUE,"Prej.Fiscal";#N/A,#N/A,TRUE,"IR";#N/A,#N/A,TRUE,"AjIR";#N/A,#N/A,TRUE,"Permanente";"Permanente_gráfico",#N/A,TRUE,"Permanente";#N/A,#N/A,TRUE,"Capitalização";"Financiamentos Mensal",#N/A,TRUE,"Financiamentos";"Financiamentos Movimentação",#N/A,TRUE,"Financiamentos";#N/A,#N/A,TRUE,"Soc.Ligadas";#N/A,#N/A,TRUE,"Capital";#N/A,#N/A,TRUE,"indicadores";#N/A,#N/A,TRUE,"Receita";#N/A,#N/A,TRUE,"CPV";#N/A,#N/A,TRUE,"Financeiras"}</definedName>
    <definedName name="wrn.clientcopy." hidden="1">{"WACC_clientcopy",#N/A,FALSE,"Inputs";"Beta_clientcopy",#N/A,FALSE,"Inputs";"SCF_clientcopy",#N/A,FALSE,"Inputs";"ProBS_clientcopy",#N/A,FALSE,"Inputs";"BS_clientcopy",#N/A,FALSE,"Inputs";"ProIS_clientcopy",#N/A,FALSE,"Inputs";"IS_clientcopy",#N/A,FALSE,"Inputs";"Ratios_clientcopy",#N/A,FALSE,"Ratios"}</definedName>
    <definedName name="wrn.Company._.Analysis." hidden="1">{#N/A,#N/A,TRUE,"Summary LTM";#N/A,#N/A,TRUE,"95-97";#N/A,#N/A,TRUE,"97 US &amp; Peso Sum";#N/A,#N/A,TRUE,"1997 Peso Comparison";#N/A,#N/A,TRUE,"97 IS per store";#N/A,#N/A,TRUE,"96 IS per store";#N/A,#N/A,TRUE,"95 IS per store"}</definedName>
    <definedName name="wrn.Company._.Analysis._1" hidden="1">{#N/A,#N/A,TRUE,"Summary LTM";#N/A,#N/A,TRUE,"95-97";#N/A,#N/A,TRUE,"97 US &amp; Peso Sum";#N/A,#N/A,TRUE,"1997 Peso Comparison";#N/A,#N/A,TRUE,"97 IS per store";#N/A,#N/A,TRUE,"96 IS per store";#N/A,#N/A,TRUE,"95 IS per store"}</definedName>
    <definedName name="wrn.Company._.Analysis._2" hidden="1">{#N/A,#N/A,TRUE,"Summary LTM";#N/A,#N/A,TRUE,"95-97";#N/A,#N/A,TRUE,"97 US &amp; Peso Sum";#N/A,#N/A,TRUE,"1997 Peso Comparison";#N/A,#N/A,TRUE,"97 IS per store";#N/A,#N/A,TRUE,"96 IS per store";#N/A,#N/A,TRUE,"95 IS per store"}</definedName>
    <definedName name="wrn.Company._.Analysis._3" hidden="1">{#N/A,#N/A,TRUE,"Summary LTM";#N/A,#N/A,TRUE,"95-97";#N/A,#N/A,TRUE,"97 US &amp; Peso Sum";#N/A,#N/A,TRUE,"1997 Peso Comparison";#N/A,#N/A,TRUE,"97 IS per store";#N/A,#N/A,TRUE,"96 IS per store";#N/A,#N/A,TRUE,"95 IS per store"}</definedName>
    <definedName name="wrn.Company._.Analysis._4" hidden="1">{#N/A,#N/A,TRUE,"Summary LTM";#N/A,#N/A,TRUE,"95-97";#N/A,#N/A,TRUE,"97 US &amp; Peso Sum";#N/A,#N/A,TRUE,"1997 Peso Comparison";#N/A,#N/A,TRUE,"97 IS per store";#N/A,#N/A,TRUE,"96 IS per store";#N/A,#N/A,TRUE,"95 IS per store"}</definedName>
    <definedName name="wrn.Company._.Analysis._5" hidden="1">{#N/A,#N/A,TRUE,"Summary LTM";#N/A,#N/A,TRUE,"95-97";#N/A,#N/A,TRUE,"97 US &amp; Peso Sum";#N/A,#N/A,TRUE,"1997 Peso Comparison";#N/A,#N/A,TRUE,"97 IS per store";#N/A,#N/A,TRUE,"96 IS per store";#N/A,#N/A,TRUE,"95 IS per store"}</definedName>
    <definedName name="WRN.COMPL" hidden="1">{"EconCons (Econômico - Consolidado)",#N/A,FALSE,"Econômico - Consolidado";"CaixaCons",#N/A,FALSE,"Caixa - Consolidado";"Rio Branco",#N/A,FALSE,"Rio Branco";"Itajaí",#N/A,FALSE,"Itajaí";"Esteio",#N/A,FALSE,"Esteio";"P. Machado",#N/A,FALSE,"P. Machado";"InvestCons (Invest Consolidado)",#N/A,FALSE,"Invest Consolidado"}</definedName>
    <definedName name="wrn.Complete." hidden="1">{#N/A,#N/A,TRUE,"DCF Summary";#N/A,#N/A,TRUE,"Casema";#N/A,#N/A,TRUE,"UK";#N/A,#N/A,TRUE,"RCF";#N/A,#N/A,TRUE,"Intercable CZ";#N/A,#N/A,TRUE,"Interkabel P";#N/A,#N/A,TRUE,"LBO-Total";#N/A,#N/A,TRUE,"LBO-Casema"}</definedName>
    <definedName name="wrn.Complete._.Report." hidden="1">{#N/A,#N/A,FALSE,"Assumptions";#N/A,#N/A,FALSE,"Proforma IS";#N/A,#N/A,FALSE,"Cash Flows RLP";#N/A,#N/A,FALSE,"IRR";#N/A,#N/A,FALSE,"New Depr Sch-150% DB";#N/A,#N/A,FALSE,"Comments"}</definedName>
    <definedName name="wrn.Completo." hidden="1">{"EconCons (Econômico - Consolidado)",#N/A,FALSE,"Econômico - Consolidado";"CaixaCons",#N/A,FALSE,"Caixa - Consolidado";"Rio Branco",#N/A,FALSE,"Rio Branco";"Itajaí",#N/A,FALSE,"Itajaí";"Esteio",#N/A,FALSE,"Esteio";"P. Machado",#N/A,FALSE,"P. Machado";"InvestCons (Invest Consolidado)",#N/A,FALSE,"Invest Consolidado"}</definedName>
    <definedName name="WRN.CON" hidden="1">{"EconCons",#N/A,TRUE,"Econômico - Consolidado";"CaixaCons",#N/A,TRUE,"Caixa - Consolidado";"InvestCons",#N/A,TRUE,"Invest Consolidado"}</definedName>
    <definedName name="wrn.cons"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wrn.Cons." hidden="1">{"EconCons",#N/A,TRUE,"Econômico - Consolidado";"EconCim",#N/A,TRUE,"Econômico - Cimento";"EconCal",#N/A,TRUE,"Econômico - Cal e Outros";"CaixaCons",#N/A,TRUE,"Caixa - Consolidado";"CaixaCim",#N/A,TRUE,"Caixa - Cimento";"CaixaCal",#N/A,TRUE,"Caixa - Cal e Outros";"InvestCons",#N/A,TRUE,"Invest Consolidado"}</definedName>
    <definedName name="wrn.Consol." hidden="1">{"EconCons",#N/A,FALSE,"Econômico - Consolidado";"EconCim",#N/A,FALSE,"Econômico - Cimento";"EconCal",#N/A,FALSE,"Econômico - Cal e Outros";"CaixaCons",#N/A,FALSE,"Caixa - Consolidado";"CaixaCim",#N/A,FALSE,"Caixa - Cimento";"CaixaCal",#N/A,FALSE,"Caixa - Cal e Outros";"Despesas",#N/A,FALSE,"Despesas";"EconVC",#N/A,FALSE,"Econômico - VC";"CaixaVC",#N/A,FALSE,"Caixa - VC"}</definedName>
    <definedName name="wrn.Consolidado." hidden="1">{"Econ Consolidado",#N/A,FALSE,"Econ Consol";"Fluxo de Caixa",#N/A,FALSE,"Fluxo Caixa";"Investimentos",#N/A,FALSE,"Investimentos"}</definedName>
    <definedName name="wrn.Consolidado1" hidden="1">{"Econ Consolidado",#N/A,FALSE,"Econ Consol";"Fluxo de Caixa",#N/A,FALSE,"Fluxo Caixa";"Investimentos",#N/A,FALSE,"Investimentos"}</definedName>
    <definedName name="wrn.Consolidated._.Latest._.Estimates." hidden="1">{#N/A,#N/A,TRUE,"NAI Consolidated w Volumes";#N/A,#N/A,TRUE,"Consolidated Samedan &amp; Subs";#N/A,#N/A,TRUE,"Onshore Consolidated";#N/A,#N/A,TRUE,"Offshore Consolidated";#N/A,#N/A,TRUE,"Int'l - Consolidated";#N/A,#N/A,TRUE,"Ardmore";#N/A,#N/A,TRUE,"NGM Consolidated";#N/A,#N/A,TRUE,"NTI";#N/A,#N/A,TRUE,"NPM Inc"}</definedName>
    <definedName name="wrn.COSTIMP." hidden="1">{"sch56",#N/A,FALSE,"savings";"sch64",#N/A,FALSE,"savings"}</definedName>
    <definedName name="wrn.cxdia." hidden="1">{#N/A,#N/A,FALSE,"FFCXOUT3"}</definedName>
    <definedName name="wrn.cxdiager." hidden="1">{#N/A,#N/A,FALSE,"FFCXOUT3"}</definedName>
    <definedName name="wrn.DCF._.Only." hidden="1">{#N/A,#N/A,FALSE,"DCF Summary";#N/A,#N/A,FALSE,"Casema";#N/A,#N/A,FALSE,"Casema NoTel";#N/A,#N/A,FALSE,"UK";#N/A,#N/A,FALSE,"RCF";#N/A,#N/A,FALSE,"Intercable CZ";#N/A,#N/A,FALSE,"Interkabel P"}</definedName>
    <definedName name="wrn.def9806." hidden="1">{#N/A,#N/A,FALSE,"DEF1";#N/A,#N/A,FALSE,"DEF2";#N/A,#N/A,FALSE,"DEF3"}</definedName>
    <definedName name="wrn.def9806._1" hidden="1">{#N/A,#N/A,FALSE,"DEF1";#N/A,#N/A,FALSE,"DEF2";#N/A,#N/A,FALSE,"DEF3"}</definedName>
    <definedName name="wrn.def9806._2" hidden="1">{#N/A,#N/A,FALSE,"DEF1";#N/A,#N/A,FALSE,"DEF2";#N/A,#N/A,FALSE,"DEF3"}</definedName>
    <definedName name="wrn.def9806._3" hidden="1">{#N/A,#N/A,FALSE,"DEF1";#N/A,#N/A,FALSE,"DEF2";#N/A,#N/A,FALSE,"DEF3"}</definedName>
    <definedName name="wrn.def9806._4" hidden="1">{#N/A,#N/A,FALSE,"DEF1";#N/A,#N/A,FALSE,"DEF2";#N/A,#N/A,FALSE,"DEF3"}</definedName>
    <definedName name="wrn.def9806._5" hidden="1">{#N/A,#N/A,FALSE,"DEF1";#N/A,#N/A,FALSE,"DEF2";#N/A,#N/A,FALSE,"DEF3"}</definedName>
    <definedName name="wrn.DEHAN._.MONEY." hidden="1">{"BG",#N/A,FALSE,"SABANAS";"ERACUM",#N/A,FALSE,"SABANAS";"ERMES",#N/A,FALSE,"SABANAS";"BG",#N/A,FALSE,"RESUMEN";"ERACU",#N/A,FALSE,"RESUMEN";"ERMES",#N/A,FALSE,"RESUMEN"}</definedName>
    <definedName name="wrn.Despesas._.Diferidas._.Indedutíveis._.de._.1998." hidden="1">{"Despesas Diferidas Indedutíveis de 1998",#N/A,FALSE,"Impressão"}</definedName>
    <definedName name="wrn.divestiture." hidden="1">{#N/A,#N/A,TRUE,"Overview";#N/A,#N/A,TRUE,"Divest Val";#N/A,#N/A,TRUE,"sources &amp; uses";#N/A,#N/A,TRUE,"Has-Gets Divest"}</definedName>
    <definedName name="wrn.divestiture._1" hidden="1">{#N/A,#N/A,TRUE,"Overview";#N/A,#N/A,TRUE,"Divest Val";#N/A,#N/A,TRUE,"sources &amp; uses";#N/A,#N/A,TRUE,"Has-Gets Divest"}</definedName>
    <definedName name="wrn.divestiture._2" hidden="1">{#N/A,#N/A,TRUE,"Overview";#N/A,#N/A,TRUE,"Divest Val";#N/A,#N/A,TRUE,"sources &amp; uses";#N/A,#N/A,TRUE,"Has-Gets Divest"}</definedName>
    <definedName name="wrn.divestiture._3" hidden="1">{#N/A,#N/A,TRUE,"Overview";#N/A,#N/A,TRUE,"Divest Val";#N/A,#N/A,TRUE,"sources &amp; uses";#N/A,#N/A,TRUE,"Has-Gets Divest"}</definedName>
    <definedName name="wrn.divestiture._4" hidden="1">{#N/A,#N/A,TRUE,"Overview";#N/A,#N/A,TRUE,"Divest Val";#N/A,#N/A,TRUE,"sources &amp; uses";#N/A,#N/A,TRUE,"Has-Gets Divest"}</definedName>
    <definedName name="wrn.divestiture._5" hidden="1">{#N/A,#N/A,TRUE,"Overview";#N/A,#N/A,TRUE,"Divest Val";#N/A,#N/A,TRUE,"sources &amp; uses";#N/A,#N/A,TRUE,"Has-Gets Divest"}</definedName>
    <definedName name="wrn.djall." hidden="1">{"djcash",#N/A,FALSE,"DJann";"djinc",#N/A,FALSE,"DJann";"djtaxes",#N/A,FALSE,"DJann";"djbuspub",#N/A,FALSE,"DJann";"djwall",#N/A,FALSE,"DJann";"djcompprs",#N/A,FALSE,"DJann";"djteler",#N/A,FALSE,"DJann"}</definedName>
    <definedName name="wrn.doar." hidden="1">{#N/A,#N/A,FALSE,"DOAR CONS.1997";#N/A,#N/A,FALSE,"DOAR BC";#N/A,#N/A,FALSE,"DOAR CF"}</definedName>
    <definedName name="wrn.Earnings._.Model."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wrn.EBITRECS." hidden="1">{"SCH31",#N/A,FALSE,"ebitrecs";"SCH32",#N/A,FALSE,"ebitrecs";"SCH33",#N/A,FALSE,"ebitrecs";"SCH34",#N/A,FALSE,"ebitrecs";"SCH35",#N/A,FALSE,"ebitrecs";"SCH36",#N/A,FALSE,"ebitrecs";"SCH37",#N/A,FALSE,"ebitrecs";"SCH38",#N/A,FALSE,"ebitrecs"}</definedName>
    <definedName name="wrn.Econ." hidden="1">{"EconCons",#N/A,FALSE,"Econômico - Consolidado";"EconCim",#N/A,FALSE,"Econômico - Cimento";"EconCal",#N/A,FALSE,"Econômico - Cal e Outros";"EconVC",#N/A,FALSE,"Econômico - VC"}</definedName>
    <definedName name="wrn.ecpall." hidden="1">{"ecpcash",#N/A,FALSE,"ECPann";"ecpinc",#N/A,FALSE,"ECPann";"ecpindia",#N/A,FALSE,"ECPann";"ecpmun",#N/A,FALSE,"ECPann";"ecpphoenix",#N/A,FALSE,"ECPann";"ecpothe",#N/A,FALSE,"ECPann";"ecpbalsht",#N/A,FALSE,"ECPann"}</definedName>
    <definedName name="wrn.Edutainment._.Priority._.List." hidden="1">{#N/A,#N/A,FALSE,"DI 2 YEAR MASTER SCHEDULE"}</definedName>
    <definedName name="wrn.Edutainment._.Priority._.List._1" hidden="1">{#N/A,#N/A,FALSE,"DI 2 YEAR MASTER SCHEDULE"}</definedName>
    <definedName name="wrn.Edutainment._.Priority._.List._2" hidden="1">{#N/A,#N/A,FALSE,"DI 2 YEAR MASTER SCHEDULE"}</definedName>
    <definedName name="wrn.Edutainment._.Priority._.List._3" hidden="1">{#N/A,#N/A,FALSE,"DI 2 YEAR MASTER SCHEDULE"}</definedName>
    <definedName name="wrn.Edutainment._.Priority._.List._4" hidden="1">{#N/A,#N/A,FALSE,"DI 2 YEAR MASTER SCHEDULE"}</definedName>
    <definedName name="wrn.Edutainment._.Priority._.List._5" hidden="1">{#N/A,#N/A,FALSE,"DI 2 YEAR MASTER SCHEDULE"}</definedName>
    <definedName name="wrn.Especial." hidden="1">{"BalanceAnual",#N/A,FALSE,"Balance Anual";"ER_Mensual",#N/A,FALSE,"Edo Res. Mens";"ER_Anual",#N/A,FALSE,"Edo Res. Anual";"Flujo_Mensual",#N/A,FALSE,"Flujo Mens";"Flujo_Anual",#N/A,FALSE,"Flujo Anual";"CtoVtas",#N/A,FALSE,"Otros Datos";"GtsAdmonyVtas",#N/A,FALSE,"Otros Datos";"GtsDistr",#N/A,FALSE,"Otros Datos";"VentasyCostos",#N/A,FALSE,"Otros Datos";"Indices",#N/A,FALSE,"Otros Datos"}</definedName>
    <definedName name="wrn.EVA." hidden="1">{"SCH73",#N/A,FALSE,"eva";"SCH74",#N/A,FALSE,"eva";"SCH75",#N/A,FALSE,"eva"}</definedName>
    <definedName name="wrn.EXITO."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ITO._1"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ITO._2"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ITO._3"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ITO._4"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ITO._5" hidden="1">{#N/A,#N/A,TRUE,"Op. Stats";#N/A,#N/A,TRUE,"New Stores";#N/A,#N/A,TRUE,"LAZARD TOTAL";#N/A,#N/A,TRUE,"Summary IS";#N/A,#N/A,TRUE,"97-LTM-98 Pro Forma";#N/A,#N/A,TRUE,"1997 Reconciliation";#N/A,#N/A,TRUE,"CAPEX &amp; WC";#N/A,#N/A,TRUE,"All Stores DCF Dollars";#N/A,#N/A,TRUE,"Existing DCF";#N/A,#N/A,TRUE,"Region A DCF";#N/A,#N/A,TRUE,"Region B DCF";#N/A,#N/A,TRUE,"APPENDIX";#N/A,#N/A,TRUE,"Total Region IS";#N/A,#N/A,TRUE,"LAZARD MEDELLIN";#N/A,#N/A,TRUE,"LAZARD BOGOTA";#N/A,#N/A,TRUE,"LAZARD CALI";#N/A,#N/A,TRUE,"LAZARD ATLANTICO";#N/A,#N/A,TRUE,"LAZARD OTHER";#N/A,#N/A,TRUE,"Existing IS";#N/A,#N/A,TRUE,"Region A IS";#N/A,#N/A,TRUE,"Region B IS";#N/A,#N/A,TRUE,"Sales Sq. M"}</definedName>
    <definedName name="wrn.EXPENSES._.98._.US." localSheetId="0" hidden="1">{"Expenses 98 MKT",#N/A,TRUE,"MKT";"Expenses 98 BUSS",#N/A,TRUE,"BusOper";"Expenses 98 TECH",#N/A,TRUE,"Tech";"Expenses 98 LOCAL",#N/A,TRUE,"LocalProg";"Expenses 98 GA",#N/A,TRUE,"G&amp;A";"Expenses 98 CONSOL",#N/A,TRUE,"Consolidate"}</definedName>
    <definedName name="wrn.EXPENSES._.98._.US." hidden="1">{"Expenses 98 MKT",#N/A,TRUE,"MKT";"Expenses 98 BUSS",#N/A,TRUE,"BusOper";"Expenses 98 TECH",#N/A,TRUE,"Tech";"Expenses 98 LOCAL",#N/A,TRUE,"LocalProg";"Expenses 98 GA",#N/A,TRUE,"G&amp;A";"Expenses 98 CONSOL",#N/A,TRUE,"Consolidate"}</definedName>
    <definedName name="wrn.EXPENSES._.99._.REAL." localSheetId="0" hidden="1">{"Reais 99 MKT",#N/A,TRUE,"MKT";"Reais 99 BUSS",#N/A,TRUE,"BusOper";"Reais 99 TECH",#N/A,TRUE,"Tech";"Reais 99 LOCAL",#N/A,TRUE,"LocalProg";"Reais 99 GA",#N/A,TRUE,"G&amp;A";"Reais 99 CONSOL",#N/A,TRUE,"Consolidate"}</definedName>
    <definedName name="wrn.EXPENSES._.99._.REAL." hidden="1">{"Reais 99 MKT",#N/A,TRUE,"MKT";"Reais 99 BUSS",#N/A,TRUE,"BusOper";"Reais 99 TECH",#N/A,TRUE,"Tech";"Reais 99 LOCAL",#N/A,TRUE,"LocalProg";"Reais 99 GA",#N/A,TRUE,"G&amp;A";"Reais 99 CONSOL",#N/A,TRUE,"Consolidate"}</definedName>
    <definedName name="wrn.External." hidden="1">{"External_Annual_Income",#N/A,FALSE,"External";"External_Quarterly_Income",#N/A,FALSE,"External"}</definedName>
    <definedName name="wrn.filecopy." hidden="1">{"WACC_filecopy",#N/A,FALSE,"Inputs";"Beta_filecopy",#N/A,FALSE,"Inputs";"SCF_filecopy",#N/A,FALSE,"Inputs";"ProBS_filecopy",#N/A,FALSE,"Inputs";"BS_filecopy",#N/A,FALSE,"Inputs";"ProIS_filecopy",#N/A,FALSE,"Inputs";"IS_filecopy",#N/A,FALSE,"Inputs"}</definedName>
    <definedName name="wrn.FINANCIAL._.MONTH." localSheetId="0" hidden="1">{"Expense Analysis MKT",#N/A,TRUE,"MKT";"Expense Analysis BUSS",#N/A,TRUE,"BusOper";"Expense Analysis TECH",#N/A,TRUE,"Tech";"Expense Analysis LOCAL",#N/A,TRUE,"LocalProg";"Expense Analysis GA",#N/A,TRUE,"G&amp;A";"Expense Analysis CONSOL",#N/A,TRUE,"Consolidate"}</definedName>
    <definedName name="wrn.FINANCIAL._.MONTH." hidden="1">{"Expense Analysis MKT",#N/A,TRUE,"MKT";"Expense Analysis BUSS",#N/A,TRUE,"BusOper";"Expense Analysis TECH",#N/A,TRUE,"Tech";"Expense Analysis LOCAL",#N/A,TRUE,"LocalProg";"Expense Analysis GA",#N/A,TRUE,"G&amp;A";"Expense Analysis CONSOL",#N/A,TRUE,"Consolidate"}</definedName>
    <definedName name="wrn.FINANCIAL._.MONTHS." localSheetId="0"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wrn.FINANCIAL._.MONTHS."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wrn.FINANCIAL._.US._.MONTH." localSheetId="0" hidden="1">{"Expenses us MKT",#N/A,TRUE,"MKT";"Expenses us BUSS",#N/A,TRUE,"BusOper";"Expenses us TECH",#N/A,TRUE,"Tech";"Expenses us LOCAL",#N/A,TRUE,"LocalProg";"Expenses us GA",#N/A,TRUE,"G&amp;A";"Expenses us CONSOL",#N/A,TRUE,"Consolidate"}</definedName>
    <definedName name="wrn.FINANCIAL._.US._.MONTH." hidden="1">{"Expenses us MKT",#N/A,TRUE,"MKT";"Expenses us BUSS",#N/A,TRUE,"BusOper";"Expenses us TECH",#N/A,TRUE,"Tech";"Expenses us LOCAL",#N/A,TRUE,"LocalProg";"Expenses us GA",#N/A,TRUE,"G&amp;A";"Expenses us CONSOL",#N/A,TRUE,"Consolidate"}</definedName>
    <definedName name="wrn.FINANCIAL._.US._.MONTHS." localSheetId="0" hidden="1">{"Expenses Months us MKT",#N/A,TRUE,"MKT";"Expenses Months us BUSS",#N/A,TRUE,"BusOper";"Expenses Months us TECH",#N/A,TRUE,"Tech";"Expenses Months us LOCAL",#N/A,TRUE,"LocalProg";"Expenses Months us GA",#N/A,TRUE,"G&amp;A";"Expenses Months us CONSOL",#N/A,TRUE,"Consolidate"}</definedName>
    <definedName name="wrn.FINANCIAL._.US._.MONTHS." hidden="1">{"Expenses Months us MKT",#N/A,TRUE,"MKT";"Expenses Months us BUSS",#N/A,TRUE,"BusOper";"Expenses Months us TECH",#N/A,TRUE,"Tech";"Expenses Months us LOCAL",#N/A,TRUE,"LocalProg";"Expenses Months us GA",#N/A,TRUE,"G&amp;A";"Expenses Months us CONSOL",#N/A,TRUE,"Consolidate"}</definedName>
    <definedName name="wrn.forecast." hidden="1">{#N/A,#N/A,FALSE,"model"}</definedName>
    <definedName name="wrn.forecast._1" hidden="1">{#N/A,#N/A,FALSE,"model"}</definedName>
    <definedName name="wrn.forecast._2" hidden="1">{#N/A,#N/A,FALSE,"model"}</definedName>
    <definedName name="wrn.forecast._3" hidden="1">{#N/A,#N/A,FALSE,"model"}</definedName>
    <definedName name="wrn.forecast._4" hidden="1">{#N/A,#N/A,FALSE,"model"}</definedName>
    <definedName name="wrn.forecast._5" hidden="1">{#N/A,#N/A,FALSE,"model"}</definedName>
    <definedName name="wrn.forecast2" hidden="1">{#N/A,#N/A,FALSE,"model"}</definedName>
    <definedName name="wrn.forecast2_1" hidden="1">{#N/A,#N/A,FALSE,"model"}</definedName>
    <definedName name="wrn.forecast2_2" hidden="1">{#N/A,#N/A,FALSE,"model"}</definedName>
    <definedName name="wrn.forecast2_3" hidden="1">{#N/A,#N/A,FALSE,"model"}</definedName>
    <definedName name="wrn.forecast2_4" hidden="1">{#N/A,#N/A,FALSE,"model"}</definedName>
    <definedName name="wrn.forecast2_5" hidden="1">{#N/A,#N/A,FALSE,"model"}</definedName>
    <definedName name="wrn.forecastassumptions." hidden="1">{#N/A,#N/A,FALSE,"model"}</definedName>
    <definedName name="wrn.forecastassumptions._1" hidden="1">{#N/A,#N/A,FALSE,"model"}</definedName>
    <definedName name="wrn.forecastassumptions._2" hidden="1">{#N/A,#N/A,FALSE,"model"}</definedName>
    <definedName name="wrn.forecastassumptions._3" hidden="1">{#N/A,#N/A,FALSE,"model"}</definedName>
    <definedName name="wrn.forecastassumptions._4" hidden="1">{#N/A,#N/A,FALSE,"model"}</definedName>
    <definedName name="wrn.forecastassumptions._5" hidden="1">{#N/A,#N/A,FALSE,"model"}</definedName>
    <definedName name="wrn.forecastassumptions2" hidden="1">{#N/A,#N/A,FALSE,"model"}</definedName>
    <definedName name="wrn.forecastassumptions2_1" hidden="1">{#N/A,#N/A,FALSE,"model"}</definedName>
    <definedName name="wrn.forecastassumptions2_2" hidden="1">{#N/A,#N/A,FALSE,"model"}</definedName>
    <definedName name="wrn.forecastassumptions2_3" hidden="1">{#N/A,#N/A,FALSE,"model"}</definedName>
    <definedName name="wrn.forecastassumptions2_4" hidden="1">{#N/A,#N/A,FALSE,"model"}</definedName>
    <definedName name="wrn.forecastassumptions2_5" hidden="1">{#N/A,#N/A,FALSE,"model"}</definedName>
    <definedName name="wrn.forecastROIC." hidden="1">{#N/A,#N/A,FALSE,"model"}</definedName>
    <definedName name="wrn.forecastROIC._1" hidden="1">{#N/A,#N/A,FALSE,"model"}</definedName>
    <definedName name="wrn.forecastROIC._2" hidden="1">{#N/A,#N/A,FALSE,"model"}</definedName>
    <definedName name="wrn.forecastROIC._3" hidden="1">{#N/A,#N/A,FALSE,"model"}</definedName>
    <definedName name="wrn.forecastROIC._4" hidden="1">{#N/A,#N/A,FALSE,"model"}</definedName>
    <definedName name="wrn.forecastROIC._5" hidden="1">{#N/A,#N/A,FALSE,"model"}</definedName>
    <definedName name="wrn.forecastROIC2" hidden="1">{#N/A,#N/A,FALSE,"model"}</definedName>
    <definedName name="wrn.forecastROIC2_1" hidden="1">{#N/A,#N/A,FALSE,"model"}</definedName>
    <definedName name="wrn.forecastROIC2_2" hidden="1">{#N/A,#N/A,FALSE,"model"}</definedName>
    <definedName name="wrn.forecastROIC2_3" hidden="1">{#N/A,#N/A,FALSE,"model"}</definedName>
    <definedName name="wrn.forecastROIC2_4" hidden="1">{#N/A,#N/A,FALSE,"model"}</definedName>
    <definedName name="wrn.forecastROIC2_5" hidden="1">{#N/A,#N/A,FALSE,"model"}</definedName>
    <definedName name="wrn.FOX._.SPORTS." hidden="1">{#N/A,#N/A,FALSE,"Count";#N/A,#N/A,FALSE,"Cash-Flow";#N/A,#N/A,FALSE,"Assumptions";#N/A,#N/A,FALSE,"Revenues";#N/A,#N/A,FALSE,"Subscribers";#N/A,#N/A,FALSE,"Advertising";#N/A,#N/A,FALSE,"VA";#N/A,#N/A,FALSE,"HA";#N/A,#N/A,FALSE,"Taxes on revenues";#N/A,#N/A,FALSE,"Right";#N/A,#N/A,FALSE,"Production Costs";#N/A,#N/A,FALSE,"Technical";#N/A,#N/A,FALSE,"Headcount";#N/A,#N/A,FALSE,"Marketing";#N/A,#N/A,FALSE,"General&amp;Adm";#N/A,#N/A,FALSE,"Income Tax";#N/A,#N/A,FALSE,"Month";#N/A,#N/A,FALSE,"Years"}</definedName>
    <definedName name="wrn.Friendly." hidden="1">{#N/A,#N/A,TRUE,"Julio";#N/A,#N/A,TRUE,"Agosto";#N/A,#N/A,TRUE,"BHCo";#N/A,#N/A,TRUE,"Abril";#N/A,#N/A,TRUE,"Pro Forma"}</definedName>
    <definedName name="wrn.Friendly._1" hidden="1">{#N/A,#N/A,TRUE,"Julio";#N/A,#N/A,TRUE,"Agosto";#N/A,#N/A,TRUE,"BHCo";#N/A,#N/A,TRUE,"Abril";#N/A,#N/A,TRUE,"Pro Forma"}</definedName>
    <definedName name="wrn.Friendly._2" hidden="1">{#N/A,#N/A,TRUE,"Julio";#N/A,#N/A,TRUE,"Agosto";#N/A,#N/A,TRUE,"BHCo";#N/A,#N/A,TRUE,"Abril";#N/A,#N/A,TRUE,"Pro Forma"}</definedName>
    <definedName name="wrn.Friendly._3" hidden="1">{#N/A,#N/A,TRUE,"Julio";#N/A,#N/A,TRUE,"Agosto";#N/A,#N/A,TRUE,"BHCo";#N/A,#N/A,TRUE,"Abril";#N/A,#N/A,TRUE,"Pro Forma"}</definedName>
    <definedName name="wrn.Friendly._4" hidden="1">{#N/A,#N/A,TRUE,"Julio";#N/A,#N/A,TRUE,"Agosto";#N/A,#N/A,TRUE,"BHCo";#N/A,#N/A,TRUE,"Abril";#N/A,#N/A,TRUE,"Pro Forma"}</definedName>
    <definedName name="wrn.Friendly._5" hidden="1">{#N/A,#N/A,TRUE,"Julio";#N/A,#N/A,TRUE,"Agosto";#N/A,#N/A,TRUE,"BHCo";#N/A,#N/A,TRUE,"Abril";#N/A,#N/A,TRUE,"Pro Forma"}</definedName>
    <definedName name="wrn.Full._.Model." hidden="1">{#N/A,#N/A,TRUE,"Cover sheet";#N/A,#N/A,TRUE,"DCF analysis";#N/A,#N/A,TRUE,"WACC calculation"}</definedName>
    <definedName name="wrn.Full._.Model._1" hidden="1">{#N/A,#N/A,TRUE,"Cover sheet";#N/A,#N/A,TRUE,"DCF analysis";#N/A,#N/A,TRUE,"WACC calculation"}</definedName>
    <definedName name="wrn.Full._.Model._2" hidden="1">{#N/A,#N/A,TRUE,"Cover sheet";#N/A,#N/A,TRUE,"DCF analysis";#N/A,#N/A,TRUE,"WACC calculation"}</definedName>
    <definedName name="wrn.Full._.Model._3" hidden="1">{#N/A,#N/A,TRUE,"Cover sheet";#N/A,#N/A,TRUE,"DCF analysis";#N/A,#N/A,TRUE,"WACC calculation"}</definedName>
    <definedName name="wrn.Full._.Model._4" hidden="1">{#N/A,#N/A,TRUE,"Cover sheet";#N/A,#N/A,TRUE,"DCF analysis";#N/A,#N/A,TRUE,"WACC calculation"}</definedName>
    <definedName name="wrn.Full._.Model._5" hidden="1">{#N/A,#N/A,TRUE,"Cover sheet";#N/A,#N/A,TRUE,"DCF analysis";#N/A,#N/A,TRUE,"WACC calculation"}</definedName>
    <definedName name="wrn.FULL_PACKAGE." hidden="1">{#N/A,#N/A,FALSE,"Checklist";#N/A,#N/A,FALSE,"Sch 1";#N/A,#N/A,FALSE,"Sch 2";#N/A,#N/A,FALSE,"Sch 2A";#N/A,#N/A,FALSE,"Sch 3";#N/A,#N/A,FALSE,"Sch 4";#N/A,#N/A,FALSE,"Sch 5";#N/A,#N/A,FALSE,"Sch 6";#N/A,#N/A,FALSE,"Sch 7";#N/A,#N/A,FALSE,"Sch 7 A";#N/A,#N/A,FALSE,"Sch 7 B";#N/A,#N/A,FALSE,"Sch 8";#N/A,#N/A,FALSE,"Sch 9";#N/A,#N/A,FALSE,"Sch 10";#N/A,#N/A,FALSE,"Sch 11";#N/A,#N/A,FALSE,"Sch 11 A";#N/A,#N/A,FALSE,"Sch12";#N/A,#N/A,FALSE,"Sch13";#N/A,#N/A,FALSE,"Weekly CF";#N/A,#N/A,FALSE,"Detailed Q CF";#N/A,#N/A,FALSE,"Collection";#N/A,#N/A,FALSE,"Revenues Analysis- actuals";#N/A,#N/A,FALSE,"Revenues Analysis - Forecast";#N/A,#N/A,FALSE,"Backlog";#N/A,#N/A,FALSE," mangment P&amp;L";#N/A,#N/A,FALSE,"Restricted cash"}</definedName>
    <definedName name="wrn.GCIall." hidden="1">{"gcicash",#N/A,FALSE,"GCIINC";"gciinc",#N/A,FALSE,"GCIINC";"gciexclusa",#N/A,FALSE,"GCIINC";"usatdy",#N/A,FALSE,"GCIINC"}</definedName>
    <definedName name="wrn.GER."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_.MINI."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MINI._1"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MINI._2"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MINI._3"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MINI._4"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MINI._5" hidden="1">{"capa A",#N/A,TRUE,"capa (2)";"bal A",#N/A,TRUE,"bal A";"RES 06",#N/A,TRUE,"resultado A";"BAL ANAL A",#N/A,TRUE,"B.analítico B (2)";"resultado 06 analítico",#N/A,TRUE,"mês a mês";"EBITDA06A",#N/A,TRUE,"ebitda A";"análise LB6",#N/A,TRUE,"análise";"perfil a1",#N/A,TRUE,"perfil A";"despesas A",#N/A,TRUE,"despesa A";"PERMANENTE",#N/A,TRUE,"permanente A";"MUTAÇÃO",#N/A,TRUE,"mutação A (2)";"prod6",#N/A,TRUE,"produção";"VOLUME A1",#N/A,TRUE,"volume A";"VOLUME A3",#N/A,TRUE,"volume A3";"VOLA2",#N/A,TRUE,"volume A2";"rec3",#N/A,TRUE,"receita A2";"capa B",#N/A,TRUE,"capa (3)";"BAL B",#N/A,TRUE,"bal B";"RES B 06",#N/A,TRUE,"resultado B";"EBITDA B 06",#N/A,TRUE,"ebitda B"}</definedName>
    <definedName name="wrn.GER._1"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_2"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_3"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_4"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_5" hidden="1">{"capa A",#N/A,TRUE,"capa (2)";"indices",#N/A,TRUE,"índices bal (2)";"organo1",#N/A,TRUE,"organo";"bal A",#N/A,TRUE,"bal A";"RES 06",#N/A,TRUE,"resultado A";"BAL ANAL A",#N/A,TRUE,"B.analítico B (2)";"resultado 05 analítico",#N/A,TRUE,"mês a mês";"EBITDA06A",#N/A,TRUE,"ebitda A";"perfil a1",#N/A,TRUE,"perfil A";"despesas A",#N/A,TRUE,"despesa A";"análise LB6",#N/A,TRUE,"análise";"PERMANENTE",#N/A,TRUE,"permanente A";"MUTAÇÃO",#N/A,TRUE,"mutação A (2)";"prod6",#N/A,TRUE,"produção";"VOLUME A1",#N/A,TRUE,"volume A";"VOLUME A3",#N/A,TRUE,"volume A3";"VOLUME A2",#N/A,TRUE,"volume A2";"rec3",#N/A,TRUE,"receita A2";"MIX06A",#N/A,TRUE,"mix A";"LB2002 R$",#N/A,TRUE,"lb2002-R$";"LB2002 U$",#N/A,TRUE,"lb2002-U$";"LB2001 R$",#N/A,TRUE,"lb2001-R$";"LB2001 U$",#N/A,TRUE,"lb2001-U$"}</definedName>
    <definedName name="wrn.GERENCIAL._.01."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1._1"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1._2"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1._3"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1._4"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1._5" hidden="1">{"CAPA GERENCIAL&amp;DIRETORIA",#N/A,TRUE,"capa (2)";"CAPITAL 2002",#N/A,TRUE,"capital (2)";"INDICES2002",#N/A,TRUE,"índices bal (2)";"BAL(B)2002",#N/A,TRUE,"BAL B (2)";"BANAL(B)2002",#N/A,TRUE,"B.analítico B (2)";"RESULTADO 01",#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1",#N/A,TRUE,"produção";"ESTOQUEPA 01",#N/A,TRUE,"estoque pa";"VOLUME 01",#N/A,TRUE,"volume";"MIX 01",#N/A,TRUE,"mix";"ESTOQUE PA(2)2002",#N/A,TRUE,"estoque pa (2)";"PREÇOS 01",#N/A,TRUE,"preços";"ANALISE 01",#N/A,TRUE,"análise";"LB2002",#N/A,TRUE,"lb2002";"DESPESAS2002",#N/A,TRUE,"Desp2002";"FINANCEIRAS 01",#N/A,TRUE,"financeiras";"EBITDA 01",#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_1"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_2"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_3"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_4"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2._5" hidden="1">{"CAPA GERENCIAL&amp;DIRETORIA",#N/A,TRUE,"capa (2)";"CAPITAL 2002",#N/A,TRUE,"capital (2)";"INDICES2002",#N/A,TRUE,"índices bal (2)";"BAL(B)2002",#N/A,TRUE,"BAL B (2)";"BANAL(B)2002",#N/A,TRUE,"B.analítico B (2)";"RESULTADO 02",#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2",#N/A,TRUE,"produção";"ESTOQUEPA 02",#N/A,TRUE,"estoque pa";"VOLUME 02",#N/A,TRUE,"volume";"MIX 02",#N/A,TRUE,"mix";"ESTOQUE PA(2)2002",#N/A,TRUE,"estoque pa (2)";"PREÇOS 02",#N/A,TRUE,"preços";"ANALISE 02",#N/A,TRUE,"análise";"LB2002",#N/A,TRUE,"lb2002";"DESPESAS2002",#N/A,TRUE,"Desp2002";"FINANCEIRAS 02",#N/A,TRUE,"financeiras";"EBITDA 02",#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_1"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_2"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_3"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_4"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3._5" hidden="1">{"CAPAGERENCIAL&amp;DIRETORIA",#N/A,TRUE,"capa (2)";"CAPITAL 2002",#N/A,TRUE,"capital (2)";"INDICES2002",#N/A,TRUE,"índices bal (2)";"BAL(B)2002",#N/A,TRUE,"BAL B (2)";"BANAL(B)2002",#N/A,TRUE,"B.analítico B (2)";"RESULTADO 03",#N/A,TRUE,"resultado";"RESULTADO mes a mes (B)2002",#N/A,TRUE,"resultado";"ESTOQUE(B)2002",#N/A,TRUE,"mutação B (2)";"DOAR(B)2002",#N/A,TRUE,"DOAR B (2)";"ESTOQUE(B)2002",#N/A,TRUE,"estoque";"ESTOQUEANALITICO(B)2002",#N/A,TRUE,"estoque";"PERMANENTE(B)2002",#N/A,TRUE,"permanente B (2)";"PERFIL(B)2002",#N/A,TRUE,"PERFIL B (2)";"PROVISÕES2002",#N/A,TRUE,"prov-contas a receber";"CAPA ANÁLISE",#N/A,TRUE,"capa (2)";"PRODUÇÃO 03",#N/A,TRUE,"produção";"ESTOQUEPA 03",#N/A,TRUE,"estoque pa";"VOLUME 03",#N/A,TRUE,"volume";"MIX 03",#N/A,TRUE,"mix";"ESTOQUE PA(2)2002",#N/A,TRUE,"estoque pa (2)";"PREÇOS 03",#N/A,TRUE,"preços";"ANALISE 03",#N/A,TRUE,"análise";"LB2002",#N/A,TRUE,"lb2002";"DESPESAS2002",#N/A,TRUE,"Desp2001-02";"FINANCEIRAS 03",#N/A,TRUE,"financeiras";"EBITDA 03",#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_1"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_2"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_3"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_4"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4._5" hidden="1">{"CAPAGERENCIAL&amp;DIRETORIA",#N/A,TRUE,"capa (2)";"CAPITAL 2002",#N/A,TRUE,"capital (2)";"INDICES2002",#N/A,TRUE,"índices bal (2)";"BAL(B)2002",#N/A,TRUE,"BAL B (2)";"BANAL(B)2002",#N/A,TRUE,"B.analítico B (2)";"RESULTADO 04",#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4",#N/A,TRUE,"produção";"ESTOQUEPA 04",#N/A,TRUE,"estoque";"VOLUME 04",#N/A,TRUE,"volume";"MIX 04",#N/A,TRUE,"mix";"ESTOQUE PA(2)2002",#N/A,TRUE,"estoque pa (2)";"PREÇOS 04",#N/A,TRUE,"preços";"ANALISE 04",#N/A,TRUE,"análise";"LB2002",#N/A,TRUE,"lb2002";"DESPESAS2002",#N/A,TRUE,"Desp2001-02";"FINACEIRAS 04",#N/A,TRUE,"financeiras";"EBITDA 04",#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_1"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_2"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_3"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_4"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5._5" hidden="1">{"CAPAGERENCIAL&amp;DIRETORIA",#N/A,TRUE,"capa (2)";"CAPITAL 2002",#N/A,TRUE,"capital (2)";"INDICES2002",#N/A,TRUE,"índices bal (2)";"BAL(B)2002",#N/A,TRUE,"BAL B (2)";"BANAL(B)2002",#N/A,TRUE,"B.analítico B (2)";"RESULTADO 05",#N/A,TRUE,"resultado";"RESULTADO mes a mes (B)2002",#N/A,TRUE,"resultado";"MUTAÇÃO(B)2002",#N/A,TRUE,"mutação B (2)";"DOAR(B)2002",#N/A,TRUE,"DOAR B (2)";"ESTOQUE(B)2002",#N/A,TRUE,"estoque";"ESTOQUEANALITICO(B)2002",#N/A,TRUE,"est.analítico";"PERMANENTE(B)2002",#N/A,TRUE,"permanente B (2)";"PERFIL(B)2002",#N/A,TRUE,"PERFIL B (2)";"PROVISÕES2002",#N/A,TRUE,"prov-contas a receber";"CAPA ANÁLISE",#N/A,TRUE,"capa (2)";"PRODUÇÃO 05",#N/A,TRUE,"produção";"ESTOQUEPA 05",#N/A,TRUE,"estoque";"VOLUME 05",#N/A,TRUE,"volume";"MIX 05",#N/A,TRUE,"mix";"ESTOQUE PA(2)2002",#N/A,TRUE,"estoque pa (2)";"PREÇOS 05",#N/A,TRUE,"preços";"ANALISE 05",#N/A,TRUE,"análise";"LB2002",#N/A,TRUE,"lb2002";"DESPESAS2002",#N/A,TRUE,"Desp2001-02";"FINANCEIRAS 05",#N/A,TRUE,"financeiras";"EBITDA 05",#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resultado";"BAL(TRAD)2002",#N/A,TRUE,"B.Trading (2)";"RESULTADO(TRAD)2002",#N/A,TRUE,"resultado"}</definedName>
    <definedName name="wrn.GERENCIAL._.06."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GERENCIAL._.06._1"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GERENCIAL._.06._2"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GERENCIAL._.06._3"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GERENCIAL._.06._4"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GERENCIAL._.06._5" hidden="1">{"CAPAGERENCIAL&amp;DIRETORIA",#N/A,TRUE,"capa (2)";"CAPITAL 2002",#N/A,TRUE,"capital (2)";"INDICES2002",#N/A,TRUE,"índices bal (2)";"BAL(B)2002",#N/A,TRUE,"BAL B (2)";"BANAL(B)2002",#N/A,TRUE,"B.analítico B (2)";"RESULTADO 06",#N/A,TRUE,"resultado";"RESULTADO mes a mes (B)2002",#N/A,TRUE,"mês a mês (2)";"MUTAÇÃO(B)2002",#N/A,TRUE,"mutação B (2)";"DOAR(B)2002",#N/A,TRUE,"DOAR B (2)";"ESTOQUE(B)2002",#N/A,TRUE,"estoque";"ESTOQUEANALITICO(B)2002",#N/A,TRUE,"est.analítico";"PERMANENTE(B)2002",#N/A,TRUE,"permanente B (2)";"PERFIL(B)2002",#N/A,TRUE,"PERFIL B (2)";"PROVISÕES2002",#N/A,TRUE,"prov-contas a receber";"CAPA ANÁLISE",#N/A,TRUE,"capa (2)";"PRODUÇÃO 06",#N/A,TRUE,"produção";"ESTOQUEPA 06",#N/A,TRUE,"estoque pa";"VOLUME 06",#N/A,TRUE,"volume";"MIX 06",#N/A,TRUE,"mix";"ESTOQUE PA(2)2002",#N/A,TRUE,"estoque pa (2)";"PREÇOS 06",#N/A,TRUE,"preços";"ANALISE 06",#N/A,TRUE,"análise";"LB2002",#N/A,TRUE,"lb2002";"DESPESAS2002",#N/A,TRUE,"Desp2001-02";"FINANCEIRAS 06",#N/A,TRUE,"financeiras";"EBITDA 06",#N/A,TRUE,"ebitda";"FLUXO(B)2002",#N/A,TRUE,"FLUXO B (2)";"DIVIDA2002",#N/A,TRUE,"dívida";"CAPA CONTROLADORA",#N/A,TRUE,"capa (2)";"BAL(A)2002",#N/A,TRUE,"BAL A (2)";"RESULTADO mes a mes (A)2002",#N/A,TRUE,"resultado";"MUTAÇÃO(A)2002",#N/A,TRUE,"mutação A (2)";"DOAR(A)2002",#N/A,TRUE,"DOAR A (2)";"FLUXO(A)2002",#N/A,TRUE,"FLUXO A";"ESTOQUE(A)2002",#N/A,TRUE,"estoque";"PERMANENTE(A)2002",#N/A,TRUE,"permanente A (2)";"PERFIL(A)2002",#N/A,TRUE,"PERFIL A (2)";"EQUIVALÊNCIA2002",#N/A,TRUE,"equyt";"CAPA CONTROLADAS",#N/A,TRUE,"capa (2)";"BAL(AMER)2002",#N/A,TRUE,"B.America (2)";"RESULTADO(AMER)2002",#N/A,TRUE,"mês a mês (2)";"BAL(TRAD)2002",#N/A,TRUE,"B.Trading (2)";"RESULTADO(TRAD)2002",#N/A,TRUE,"mês a mês (2)"}</definedName>
    <definedName name="wrn.HANDOUT." hidden="1">{#N/A,#N/A,FALSE,"COVER PAGE";#N/A,#N/A,FALSE,"Page 2";#N/A,#N/A,FALSE,"Page 2";#N/A,#N/A,FALSE,"Page 4";#N/A,#N/A,FALSE,"Page5";#N/A,#N/A,FALSE,"Page 6";#N/A,#N/A,FALSE,"Page 7";#N/A,#N/A,FALSE,"Page 8";#N/A,#N/A,FALSE,"Page 10";#N/A,#N/A,FALSE,"Long-Term OCF Mult.";#N/A,#N/A,FALSE,"PCS Comp";#N/A,#N/A,FALSE,"OCS-CAPEX";#N/A,#N/A,FALSE,"Blank"}</definedName>
    <definedName name="wrn.head." localSheetId="0" hidden="1">{#N/A,#N/A,FALSE,"HEADALU";#N/A,#N/A,FALSE,"REVHEAD";#N/A,#N/A,FALSE,"ESTAGIARIOS";#N/A,#N/A,FALSE,"VAGAS"}</definedName>
    <definedName name="wrn.head." hidden="1">{#N/A,#N/A,FALSE,"HEADALU";#N/A,#N/A,FALSE,"REVHEAD";#N/A,#N/A,FALSE,"ESTAGIARIOS";#N/A,#N/A,FALSE,"VAGAS"}</definedName>
    <definedName name="wrn.head.1" localSheetId="0" hidden="1">{#N/A,#N/A,FALSE,"HEADALU";#N/A,#N/A,FALSE,"REVHEAD";#N/A,#N/A,FALSE,"ESTAGIARIOS";#N/A,#N/A,FALSE,"VAGAS"}</definedName>
    <definedName name="wrn.head.1" hidden="1">{#N/A,#N/A,FALSE,"HEADALU";#N/A,#N/A,FALSE,"REVHEAD";#N/A,#N/A,FALSE,"ESTAGIARIOS";#N/A,#N/A,FALSE,"VAGAS"}</definedName>
    <definedName name="wrn.history." hidden="1">{#N/A,#N/A,FALSE,"model"}</definedName>
    <definedName name="wrn.history._1" hidden="1">{#N/A,#N/A,FALSE,"model"}</definedName>
    <definedName name="wrn.history._2" hidden="1">{#N/A,#N/A,FALSE,"model"}</definedName>
    <definedName name="wrn.history._3" hidden="1">{#N/A,#N/A,FALSE,"model"}</definedName>
    <definedName name="wrn.history._4" hidden="1">{#N/A,#N/A,FALSE,"model"}</definedName>
    <definedName name="wrn.history._5" hidden="1">{#N/A,#N/A,FALSE,"model"}</definedName>
    <definedName name="wrn.history2" hidden="1">{#N/A,#N/A,FALSE,"model"}</definedName>
    <definedName name="wrn.history2_1" hidden="1">{#N/A,#N/A,FALSE,"model"}</definedName>
    <definedName name="wrn.history2_2" hidden="1">{#N/A,#N/A,FALSE,"model"}</definedName>
    <definedName name="wrn.history2_3" hidden="1">{#N/A,#N/A,FALSE,"model"}</definedName>
    <definedName name="wrn.history2_4" hidden="1">{#N/A,#N/A,FALSE,"model"}</definedName>
    <definedName name="wrn.history2_5" hidden="1">{#N/A,#N/A,FALSE,"model"}</definedName>
    <definedName name="wrn.histROIC." hidden="1">{#N/A,#N/A,FALSE,"model"}</definedName>
    <definedName name="wrn.histROIC._1" hidden="1">{#N/A,#N/A,FALSE,"model"}</definedName>
    <definedName name="wrn.histROIC._2" hidden="1">{#N/A,#N/A,FALSE,"model"}</definedName>
    <definedName name="wrn.histROIC._3" hidden="1">{#N/A,#N/A,FALSE,"model"}</definedName>
    <definedName name="wrn.histROIC._4" hidden="1">{#N/A,#N/A,FALSE,"model"}</definedName>
    <definedName name="wrn.histROIC._5" hidden="1">{#N/A,#N/A,FALSE,"model"}</definedName>
    <definedName name="wrn.histROIC2" hidden="1">{#N/A,#N/A,FALSE,"model"}</definedName>
    <definedName name="wrn.histROIC2_1" hidden="1">{#N/A,#N/A,FALSE,"model"}</definedName>
    <definedName name="wrn.histROIC2_2" hidden="1">{#N/A,#N/A,FALSE,"model"}</definedName>
    <definedName name="wrn.histROIC2_3" hidden="1">{#N/A,#N/A,FALSE,"model"}</definedName>
    <definedName name="wrn.histROIC2_4" hidden="1">{#N/A,#N/A,FALSE,"model"}</definedName>
    <definedName name="wrn.histROIC2_5" hidden="1">{#N/A,#N/A,FALSE,"model"}</definedName>
    <definedName name="wrn.HRMONTH." hidden="1">{"SCH81",#N/A,FALSE,"SCH81";"SCH82",#N/A,FALSE,"SCH82"}</definedName>
    <definedName name="wrn.impresión." localSheetId="0"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wrn.impresión." hidden="1">{"page21",#N/A,FALSE,"TranSideco";"page20",#N/A,FALSE,"Coven.";"page19",#N/A,FALSE,"Comparac.";"page18",#N/A,FALSE,"Comparac.";"page17",#N/A,FALSE,"EvolDotac.";"page16",#N/A,FALSE,"Eco-Fin";"page15",#N/A,FALSE,"Eco-Fin";"page14",#N/A,FALSE,"Inversiones";"page13",#N/A,FALSE,"Inversiones";"page12",#N/A,FALSE,"Eco-Fin";"page11",#N/A,FALSE,"Eco-Fin";"page10",#N/A,FALSE,"Eco-Fin";"page9",#N/A,FALSE,"Eco-Fin";"page8",#N/A,FALSE,"Eco-Fin";"page7",#N/A,FALSE,"Eco-Fin";"page6",#N/A,FALSE,"Eco-Fin";"pageventas4",#N/A,FALSE,"Eco-Fin";"pageventas3",#N/A,FALSE,"Eco-Fin";"page5",#N/A,FALSE,"Eco-Fin";"page4",#N/A,FALSE,"Eco-Fin";"page3",#N/A,FALSE,"Eco-Fin";"page2",#N/A,FALSE,"Eco-Fin";"page1",#N/A,FALSE,"Eco-Fin";"cara1",#N/A,FALSE,"Carátula"}</definedName>
    <definedName name="wrn.Impressão._.Dados." localSheetId="0" hidden="1">{#N/A,#N/A,TRUE,"Menu";#N/A,#N/A,TRUE,"Preços";#N/A,#N/A,TRUE,"Vol_Mrg";#N/A,#N/A,TRUE,"Prazos";#N/A,#N/A,TRUE,"Indicadores";#N/A,#N/A,TRUE,"Outros";#N/A,#N/A,TRUE,"RD não operacionais";#N/A,#N/A,TRUE,"Invest &amp; EQP";#N/A,#N/A,TRUE,"Imob_Financ";#N/A,#N/A,TRUE,"Custind";#N/A,#N/A,TRUE,"Empréstimos";#N/A,#N/A,TRUE,"Balanço";#N/A,#N/A,TRUE,"DRE";#N/A,#N/A,TRUE,"DOAR";#N/A,#N/A,TRUE,"RD Fin"}</definedName>
    <definedName name="wrn.Impressão._.Dados." hidden="1">{#N/A,#N/A,TRUE,"Menu";#N/A,#N/A,TRUE,"Preços";#N/A,#N/A,TRUE,"Vol_Mrg";#N/A,#N/A,TRUE,"Prazos";#N/A,#N/A,TRUE,"Indicadores";#N/A,#N/A,TRUE,"Outros";#N/A,#N/A,TRUE,"RD não operacionais";#N/A,#N/A,TRUE,"Invest &amp; EQP";#N/A,#N/A,TRUE,"Imob_Financ";#N/A,#N/A,TRUE,"Custind";#N/A,#N/A,TRUE,"Empréstimos";#N/A,#N/A,TRUE,"Balanço";#N/A,#N/A,TRUE,"DRE";#N/A,#N/A,TRUE,"DOAR";#N/A,#N/A,TRUE,"RD Fin"}</definedName>
    <definedName name="wrn.Income._.Statement." hidden="1">{#N/A,#N/A,FALSE,"Report Print"}</definedName>
    <definedName name="wrn.INFMES." hidden="1">{#N/A,#N/A,FALSE,"ENERGIA";#N/A,#N/A,FALSE,"PERDIDAS";#N/A,#N/A,FALSE,"CLIENTES";#N/A,#N/A,FALSE,"ESTADO";#N/A,#N/A,FALSE,"TECNICA"}</definedName>
    <definedName name="wrn.Informe._.Mensual." hidden="1">{#N/A,#N/A,FALSE,"Carátula EE.FF.  (1)";#N/A,#N/A,FALSE,"Carátula Rtados. Gestión (2)";#N/A,#N/A,FALSE,"Gestión Abril'98 Abv (3)";#N/A,#N/A,FALSE,"Rtdos. Cías. 97 - 98 (4)";#N/A,#N/A,FALSE,"Resultados Gestión Abril'98 (5)";#N/A,#N/A,FALSE,"Carátula Rtados. Margenes (6)";#N/A,#N/A,FALSE,"Márgenes Abril'98 Abv.TASA (7)";#N/A,#N/A,FALSE,"Carátula Balance  (8)";#N/A,#N/A,FALSE,"B. P. Equivalencia Abril'98 (9)";#N/A,#N/A,FALSE,"Carátula Balance  (10)";#N/A,#N/A,FALSE,"B.Consolidado Abril'98 TASA(11)";#N/A,#N/A,FALSE,"Márgenes Abril'98 TASA (12)"}</definedName>
    <definedName name="wrn.INFORME._.NOVIEMBRE." hidden="1">{#N/A,#N/A,FALSE,"P_11_P1";#N/A,#N/A,FALSE,"P_11_P2";#N/A,#N/A,FALSE,"P_11_P3";#N/A,#N/A,FALSE,"Resultados_11_P";#N/A,#N/A,FALSE,"CTC_11_P";#N/A,#N/A,FALSE,"TASA_11_P";#N/A,#N/A,FALSE,"TPerú_11_P";#N/A,#N/A,FALSE,"CANTV_11_P";#N/A,#N/A,FALSE,"TLD_11_P";#N/A,#N/A,FALSE,"ROMANIA_11_P";#N/A,#N/A,FALSE,"RESTO_11_P";#N/A,#N/A,FALSE,"Gerenciamiento_11_P";#N/A,#N/A,FALSE,"Financiero_11_P";#N/A,#N/A,FALSE,"Estructura_11_P";#N/A,#N/A,FALSE,"Desinv_11_P";#N/A,#N/A,FALSE,"FComercio_11_P"}</definedName>
    <definedName name="wrn.Integral." hidden="1">{#N/A,#N/A,FALSE,"Holding";#N/A,#N/A,FALSE,"Acomp";#N/A,#N/A,FALSE,"Dre_ger";#N/A,#N/A,FALSE,"Atividade";#N/A,#N/A,FALSE,"Balancete"}</definedName>
    <definedName name="wrn.Integral._1" hidden="1">{#N/A,#N/A,FALSE,"Holding";#N/A,#N/A,FALSE,"Acomp";#N/A,#N/A,FALSE,"Dre_ger";#N/A,#N/A,FALSE,"Atividade";#N/A,#N/A,FALSE,"Balancete"}</definedName>
    <definedName name="wrn.Integral._2" hidden="1">{#N/A,#N/A,FALSE,"Holding";#N/A,#N/A,FALSE,"Acomp";#N/A,#N/A,FALSE,"Dre_ger";#N/A,#N/A,FALSE,"Atividade";#N/A,#N/A,FALSE,"Balancete"}</definedName>
    <definedName name="wrn.Integral._3" hidden="1">{#N/A,#N/A,FALSE,"Holding";#N/A,#N/A,FALSE,"Acomp";#N/A,#N/A,FALSE,"Dre_ger";#N/A,#N/A,FALSE,"Atividade";#N/A,#N/A,FALSE,"Balancete"}</definedName>
    <definedName name="wrn.Integral._4" hidden="1">{#N/A,#N/A,FALSE,"Holding";#N/A,#N/A,FALSE,"Acomp";#N/A,#N/A,FALSE,"Dre_ger";#N/A,#N/A,FALSE,"Atividade";#N/A,#N/A,FALSE,"Balancete"}</definedName>
    <definedName name="wrn.Integral._5" hidden="1">{#N/A,#N/A,FALSE,"Holding";#N/A,#N/A,FALSE,"Acomp";#N/A,#N/A,FALSE,"Dre_ger";#N/A,#N/A,FALSE,"Atividade";#N/A,#N/A,FALSE,"Balancete"}</definedName>
    <definedName name="wrn.ir." hidden="1">{#N/A,#N/A,FALSE,"irpjCONS.1997";#N/A,#N/A,FALSE,"irpjDF.1997";#N/A,#N/A,FALSE,"irpjHOL.1997";#N/A,#N/A,FALSE,"irpjIM.1997";#N/A,#N/A,FALSE,"irpjFAZ.1997"}</definedName>
    <definedName name="wrn.Japan_Capers_Ed._.Pub." hidden="1">{"Japan_Capers_Ed_Pub",#N/A,FALSE,"DI 2 YEAR MASTER SCHEDULE"}</definedName>
    <definedName name="wrn.Japan_Capers_Ed._.Pub._1" hidden="1">{"Japan_Capers_Ed_Pub",#N/A,FALSE,"DI 2 YEAR MASTER SCHEDULE"}</definedName>
    <definedName name="wrn.Japan_Capers_Ed._.Pub._2" hidden="1">{"Japan_Capers_Ed_Pub",#N/A,FALSE,"DI 2 YEAR MASTER SCHEDULE"}</definedName>
    <definedName name="wrn.Japan_Capers_Ed._.Pub._3" hidden="1">{"Japan_Capers_Ed_Pub",#N/A,FALSE,"DI 2 YEAR MASTER SCHEDULE"}</definedName>
    <definedName name="wrn.Japan_Capers_Ed._.Pub._4" hidden="1">{"Japan_Capers_Ed_Pub",#N/A,FALSE,"DI 2 YEAR MASTER SCHEDULE"}</definedName>
    <definedName name="wrn.Japan_Capers_Ed._.Pub._5" hidden="1">{"Japan_Capers_Ed_Pub",#N/A,FALSE,"DI 2 YEAR MASTER SCHEDULE"}</definedName>
    <definedName name="wrn.JOGO_CONSOLIDADO." hidden="1">{#N/A,#N/A,TRUE,"Consolidado";#N/A,#N/A,TRUE,"Laticínios";#N/A,#N/A,TRUE,"Frangos";#N/A,#N/A,TRUE,"Suínos";#N/A,#N/A,TRUE,"Peru";#N/A,#N/A,TRUE,"Carnes";#N/A,#N/A,TRUE,"Suco";#N/A,#N/A,TRUE,"Batata"}</definedName>
    <definedName name="wrn.JOGO_CONSOLIDADO._1" hidden="1">{#N/A,#N/A,TRUE,"Consolidado";#N/A,#N/A,TRUE,"Laticínios";#N/A,#N/A,TRUE,"Frangos";#N/A,#N/A,TRUE,"Suínos";#N/A,#N/A,TRUE,"Peru";#N/A,#N/A,TRUE,"Carnes";#N/A,#N/A,TRUE,"Suco";#N/A,#N/A,TRUE,"Batata"}</definedName>
    <definedName name="wrn.JOGO_CONSOLIDADO._2" hidden="1">{#N/A,#N/A,TRUE,"Consolidado";#N/A,#N/A,TRUE,"Laticínios";#N/A,#N/A,TRUE,"Frangos";#N/A,#N/A,TRUE,"Suínos";#N/A,#N/A,TRUE,"Peru";#N/A,#N/A,TRUE,"Carnes";#N/A,#N/A,TRUE,"Suco";#N/A,#N/A,TRUE,"Batata"}</definedName>
    <definedName name="wrn.JOGO_CONSOLIDADO._3" hidden="1">{#N/A,#N/A,TRUE,"Consolidado";#N/A,#N/A,TRUE,"Laticínios";#N/A,#N/A,TRUE,"Frangos";#N/A,#N/A,TRUE,"Suínos";#N/A,#N/A,TRUE,"Peru";#N/A,#N/A,TRUE,"Carnes";#N/A,#N/A,TRUE,"Suco";#N/A,#N/A,TRUE,"Batata"}</definedName>
    <definedName name="wrn.JOGO_CONSOLIDADO._4" hidden="1">{#N/A,#N/A,TRUE,"Consolidado";#N/A,#N/A,TRUE,"Laticínios";#N/A,#N/A,TRUE,"Frangos";#N/A,#N/A,TRUE,"Suínos";#N/A,#N/A,TRUE,"Peru";#N/A,#N/A,TRUE,"Carnes";#N/A,#N/A,TRUE,"Suco";#N/A,#N/A,TRUE,"Batata"}</definedName>
    <definedName name="wrn.JOGO_CONSOLIDADO._5" hidden="1">{#N/A,#N/A,TRUE,"Consolidado";#N/A,#N/A,TRUE,"Laticínios";#N/A,#N/A,TRUE,"Frangos";#N/A,#N/A,TRUE,"Suínos";#N/A,#N/A,TRUE,"Peru";#N/A,#N/A,TRUE,"Carnes";#N/A,#N/A,TRUE,"Suco";#N/A,#N/A,TRUE,"Batata"}</definedName>
    <definedName name="wrn.K3._.Annual." hidden="1">{"K3Cash",#N/A,FALSE,"Ann";"K3Income",#N/A,FALSE,"Ann";"K3Educ",#N/A,FALSE,"Ann";"K3media",#N/A,FALSE,"Ann";"K3Info",#N/A,FALSE,"Ann";"K3Valuation",#N/A,FALSE,"Ann"}</definedName>
    <definedName name="wrn.K3._.Quarterly." hidden="1">{"K3 first",#N/A,FALSE,"Qtr.";"K3 second",#N/A,FALSE,"Qtr.";"K3 Third",#N/A,FALSE,"Qtr.";"K3 Fourth",#N/A,FALSE,"Qtr.";"K3 Full",#N/A,FALSE,"Qtr."}</definedName>
    <definedName name="wrn.KEYFIN." hidden="1">{"SCH49",#N/A,FALSE,"eva"}</definedName>
    <definedName name="wrn.kriall." hidden="1">{"kricash",#N/A,FALSE,"INC";"kriinc",#N/A,FALSE,"INC";"krimiami",#N/A,FALSE,"INC";"kriother",#N/A,FALSE,"INC";"kripapers",#N/A,FALSE,"INC"}</definedName>
    <definedName name="wrn.Master_Income." hidden="1">{"Annual_Income",#N/A,FALSE,"Master Model";"Quarterly_Income",#N/A,FALSE,"Master Model"}</definedName>
    <definedName name="wrn.Memoria97." hidden="1">{#N/A,#N/A,FALSE,"Inmovilizado material";#N/A,#N/A,FALSE,"Inmovilizado inmaterial ";#N/A,#N/A,FALSE,"Participaciones";#N/A,#N/A,FALSE,"Fondo Comercio";#N/A,#N/A,FALSE,"Cilentes y deudores emp. grupo";#N/A,#N/A,FALSE,"Fondos Própios";#N/A,#N/A,FALSE,"Movimiento Reservas";#N/A,#N/A,FALSE,"Socios Externos";#N/A,#N/A,FALSE,"Socios Externos Movimiento";#N/A,#N/A,FALSE,"Obligaciones Saldos";#N/A,#N/A,FALSE,"Ingresos y Gtos Extras";#N/A,#N/A,FALSE,"Gtos e Ingr empresas grupo"}</definedName>
    <definedName name="wrn.MEMOTESA." hidden="1">{#N/A,#N/A,FALSE,"Personal y Lineas";#N/A,#N/A,FALSE,"Inmovilizado material";#N/A,#N/A,FALSE,"Inmovilizado inmaterial ";#N/A,#N/A,FALSE,"Instalaciones Telefónicas";#N/A,#N/A,FALSE,"Coeficientes amortización";#N/A,#N/A,FALSE,"Elementos amortizados";#N/A,#N/A,FALSE,"Cotizaciones";#N/A,#N/A,FALSE,"Participaciones";#N/A,#N/A,FALSE,"Venta Participaciones";#N/A,#N/A,FALSE,"Fondo Comercio";#N/A,#N/A,FALSE,"Gtos Distribuir";#N/A,#N/A,FALSE,"Dif. Cambio";#N/A,#N/A,FALSE,"Cilentes y deudores emp. grupo";#N/A,#N/A,FALSE,"Clientes";#N/A,#N/A,FALSE,"Fondos Própios";#N/A,#N/A,FALSE,"Movimiento Reservas";#N/A,#N/A,FALSE,"Socios Externos";#N/A,#N/A,FALSE,"Socios Externos Movimiento";#N/A,#N/A,FALSE,"Ingresos Distribuir Saldo";#N/A,#N/A,FALSE,"Prov. Riesgos y Gastos Movimien";#N/A,#N/A,FALSE,"Obligaciones Movimiento";#N/A,#N/A,FALSE,"Obligaciones Saldos";#N/A,#N/A,FALSE,"Coste Financiero";#N/A,#N/A,FALSE,"Préstamos Formato TESA";#N/A,#N/A,FALSE,"Prestamos Vencimientos";#N/A,#N/A,FALSE,"Admones. Pcas.";#N/A,#N/A,FALSE,"Ingresos y Gtos Extras";#N/A,#N/A,FALSE,"Gtos e Ingr empresas grupo";#N/A,#N/A,FALSE,"Acreedores diversos"}</definedName>
    <definedName name="wrn.MENSUAL." hidden="1">{#N/A,#N/A,FALSE,"LLAVE";#N/A,#N/A,FALSE,"EERR";#N/A,#N/A,FALSE,"ESP";#N/A,#N/A,FALSE,"EOAF";#N/A,#N/A,FALSE,"CASH";#N/A,#N/A,FALSE,"FINANZAS";#N/A,#N/A,FALSE,"DEUDA";#N/A,#N/A,FALSE,"INVERSION";#N/A,#N/A,FALSE,"PERSONAL"}</definedName>
    <definedName name="wrn.menu." hidden="1">{#N/A,#N/A,FALSE,"Menu"}</definedName>
    <definedName name="wrn.mhpall." hidden="1">{"mhpcash",#N/A,FALSE,"MHPNEWX";"mhpinc",#N/A,FALSE,"MHPNEWX";"mhptax",#N/A,FALSE,"MHPNEWX";"mhpbroad",#N/A,FALSE,"MHPNEWX";"mhpeduc",#N/A,FALSE,"MHPNEWX";"mhpfin",#N/A,FALSE,"MHPNEWX";"mhpinfo",#N/A,FALSE,"MHPNEWX"}</definedName>
    <definedName name="wrn.monrep." localSheetId="0" hidden="1">{"Sheet1",#N/A,TRUE,"Sheet1";"Sheet2",#N/A,TRUE,"Sheet2";"Sheet3",#N/A,TRUE,"Sheet3";"Sheet4",#N/A,TRUE,"Sheet4";"Sheet5",#N/A,TRUE,"Sheet5";"Sheet6",#N/A,TRUE,"Sheet6";"Sheet7",#N/A,TRUE,"Sheet7"}</definedName>
    <definedName name="wrn.monrep." hidden="1">{"Sheet1",#N/A,TRUE,"Sheet1";"Sheet2",#N/A,TRUE,"Sheet2";"Sheet3",#N/A,TRUE,"Sheet3";"Sheet4",#N/A,TRUE,"Sheet4";"Sheet5",#N/A,TRUE,"Sheet5";"Sheet6",#N/A,TRUE,"Sheet6";"Sheet7",#N/A,TRUE,"Sheet7"}</definedName>
    <definedName name="wrn.MONTHLY." hidden="1">{"SCH93",#N/A,FALSE,"monthly";"SCH94",#N/A,FALSE,"monthly";"SCH95",#N/A,FALSE,"monthly";"SCH96",#N/A,FALSE,"monthly";"SCH97",#N/A,FALSE,"monthly";"SCH104",#N/A,FALSE,"monthly";"SCH105",#N/A,FALSE,"monthly";"SCH106",#N/A,FALSE,"monthly";"SCH107",#N/A,FALSE,"monthly";"SCH108",#N/A,FALSE,"monthly";"SCH109",#N/A,FALSE,"monthly";"SCH110",#N/A,FALSE,"monthly"}</definedName>
    <definedName name="wrn.Most._.Likely._.Scenarios." hidden="1">{#N/A,"Mine Allocated, Keep AC",FALSE,"Stream INPUTS";#N/A,"All Preferred, Sell AC",FALSE,"Stream INPUTS";#N/A,"Step Up, Sell AC",FALSE,"Stream INPUTS";#N/A,"All Preferred, BRONCO buys AC",FALSE,"Stream INPUTS"}</definedName>
    <definedName name="wrn.Nordeste." hidden="1">{"Cimesa",#N/A,FALSE,"Cimesa";"Cipasa",#N/A,FALSE,"Cipasa";"Cearense",#N/A,FALSE,"Cearense"}</definedName>
    <definedName name="wrn.novo." hidden="1">{#N/A,#N/A,FALSE,"Count";#N/A,#N/A,FALSE,"Cash-Flow";#N/A,#N/A,FALSE,"Assumptions";#N/A,#N/A,FALSE,"Right"}</definedName>
    <definedName name="wrn.nytaann." hidden="1">{"nytacash",#N/A,FALSE,"GLOBEINC";"nytainc",#N/A,FALSE,"GLOBEINC";"nytanyt",#N/A,FALSE,"GLOBEINC";"nytareg",#N/A,FALSE,"GLOBEINC";"nytaglobe",#N/A,FALSE,"GLOBEINC";"nytapprttl",#N/A,FALSE,"GLOBEINC"}</definedName>
    <definedName name="wrn.Oeste." hidden="1">{"Minas",#N/A,FALSE,"Minas";"Cocalzinho",#N/A,FALSE,"Cocalzinho";"Corumbá",#N/A,FALSE,"Corumbá";"Aratu",#N/A,FALSE,"Aratu";"Tocantins",#N/A,FALSE,"Tocantins";"Cmag",#N/A,FALSE,"Cmag"}</definedName>
    <definedName name="wrn.one." hidden="1">{"page1",#N/A,FALSE,"A";"page2",#N/A,FALSE,"A"}</definedName>
    <definedName name="wrn.PA._.MENSAL." hidden="1">{#N/A,#N/A,FALSE,"PACCIL";#N/A,#N/A,FALSE,"PAITACAN";#N/A,#N/A,FALSE,"PARECO";#N/A,#N/A,FALSE,"PA62";#N/A,#N/A,FALSE,"PAFINAL";#N/A,#N/A,FALSE,"PARECONF";#N/A,#N/A,FALSE,"PARECOND"}</definedName>
    <definedName name="wrn.PENDENCIAS." hidden="1">{#N/A,#N/A,FALSE,"GERAL";#N/A,#N/A,FALSE,"012-96";#N/A,#N/A,FALSE,"018-96";#N/A,#N/A,FALSE,"027-96";#N/A,#N/A,FALSE,"059-96";#N/A,#N/A,FALSE,"076-96";#N/A,#N/A,FALSE,"019-97";#N/A,#N/A,FALSE,"021-97";#N/A,#N/A,FALSE,"022-97";#N/A,#N/A,FALSE,"028-97"}</definedName>
    <definedName name="wrn.PL." hidden="1">{"20 Years",#N/A,FALSE,"P&amp;Ls";"2001",#N/A,FALSE,"P&amp;Ls"}</definedName>
    <definedName name="wrn.PL._1" hidden="1">{"20 Years",#N/A,FALSE,"P&amp;Ls";"2001",#N/A,FALSE,"P&amp;Ls"}</definedName>
    <definedName name="wrn.PL._2" hidden="1">{"20 Years",#N/A,FALSE,"P&amp;Ls";"2001",#N/A,FALSE,"P&amp;Ls"}</definedName>
    <definedName name="wrn.PL._3" hidden="1">{"20 Years",#N/A,FALSE,"P&amp;Ls";"2001",#N/A,FALSE,"P&amp;Ls"}</definedName>
    <definedName name="wrn.PL._4" hidden="1">{"20 Years",#N/A,FALSE,"P&amp;Ls";"2001",#N/A,FALSE,"P&amp;Ls"}</definedName>
    <definedName name="wrn.PL._5" hidden="1">{"20 Years",#N/A,FALSE,"P&amp;Ls";"2001",#N/A,FALSE,"P&amp;Ls"}</definedName>
    <definedName name="wrn.PLANTA._.VS._.1997." hidden="1">{#N/A,#N/A,FALSE,"SUP";#N/A,#N/A,FALSE,"ERN";#N/A,#N/A,FALSE,"CRO";#N/A,#N/A,FALSE,"INT";#N/A,#N/A,FALSE,"VIP";#N/A,#N/A,FALSE,"VIC"}</definedName>
    <definedName name="wrn.prices." hidden="1">{#N/A,#N/A,TRUE,"BANAMEX";#N/A,#N/A,TRUE,"CGT";#N/A,#N/A,TRUE,"ALFA";#N/A,#N/A,TRUE,"ICA (2)"}</definedName>
    <definedName name="wrn.prices._1" hidden="1">{#N/A,#N/A,TRUE,"BANAMEX";#N/A,#N/A,TRUE,"CGT";#N/A,#N/A,TRUE,"ALFA";#N/A,#N/A,TRUE,"ICA (2)"}</definedName>
    <definedName name="wrn.prices._2" hidden="1">{#N/A,#N/A,TRUE,"BANAMEX";#N/A,#N/A,TRUE,"CGT";#N/A,#N/A,TRUE,"ALFA";#N/A,#N/A,TRUE,"ICA (2)"}</definedName>
    <definedName name="wrn.prices._3" hidden="1">{#N/A,#N/A,TRUE,"BANAMEX";#N/A,#N/A,TRUE,"CGT";#N/A,#N/A,TRUE,"ALFA";#N/A,#N/A,TRUE,"ICA (2)"}</definedName>
    <definedName name="wrn.prices._4" hidden="1">{#N/A,#N/A,TRUE,"BANAMEX";#N/A,#N/A,TRUE,"CGT";#N/A,#N/A,TRUE,"ALFA";#N/A,#N/A,TRUE,"ICA (2)"}</definedName>
    <definedName name="wrn.prices._5" hidden="1">{#N/A,#N/A,TRUE,"BANAMEX";#N/A,#N/A,TRUE,"CGT";#N/A,#N/A,TRUE,"ALFA";#N/A,#N/A,TRUE,"ICA (2)"}</definedName>
    <definedName name="wrn.print." hidden="1">{"content",#N/A,FALSE,"content";"conbs",#N/A,FALSE,"consobs";"bs",#N/A,FALSE,"historicBS";"is",#N/A,FALSE,"historicIS";"ratio",#N/A,FALSE,"ratios";"dcf",#N/A,FALSE,"DCF";"capm",#N/A,FALSE,"capm";"glcbs",#N/A,FALSE,"GLCBS";"glccsbs",#N/A,FALSE,"GLCCSBS";"glcis",#N/A,FALSE,"GLCIS";"glccsis",#N/A,FALSE,"GLCCSIS";"glcratio1",#N/A,FALSE,"GLC-ratios1";"glcratio2",#N/A,FALSE,"GLC-ratios2";"norm",#N/A,FALSE,"normalized";"glcap",#N/A,FALSE,"glcapproach";"trans",#N/A,FALSE,"Transactions";"sum",#N/A,FALSE,"summary";"control",#N/A,FALSE,"control";"market",#N/A,FALSE,"marketibility";"reg",#N/A,FALSE,"regression";#N/A,#N/A,FALSE,"DCF support"}</definedName>
    <definedName name="wrn.Print._.All._.Output." hidden="1">{"Public Market Overview",#N/A,TRUE,"PMO";"Transaction assumptions",#N/A,TRUE,"Transaction Inputs";"Pro forma I/S and S/CF",#N/A,TRUE,"IS and CF";"Goodwill calculations",#N/A,TRUE,"Asset Write-up";"Pro forma acc-dil",#N/A,TRUE,"ACC-DIL";"Public Market Overview",#N/A,TRUE,"PMO";"Trading comparables",#N/A,TRUE,"Public Market Stats";"Pro forma Credit Statistics",#N/A,TRUE,"Credit Stats";"At Various Prices (AVP)",#N/A,TRUE,"AVP";"Contribution Analysis",#N/A,TRUE,"Contribution";"Value creation",#N/A,TRUE,"Value Creation";"Trading comparables",#N/A,TRUE,"Peer Comparables Analysis"}</definedName>
    <definedName name="wrn.print._.graphs." hidden="1">{"cap_structure",#N/A,FALSE,"Graph-Mkt Cap";"price",#N/A,FALSE,"Graph-Price";"ebit",#N/A,FALSE,"Graph-EBITDA";"ebitda",#N/A,FALSE,"Graph-EBITDA"}</definedName>
    <definedName name="wrn.print._.graphs._1" hidden="1">{"cap_structure",#N/A,FALSE,"Graph-Mkt Cap";"price",#N/A,FALSE,"Graph-Price";"ebit",#N/A,FALSE,"Graph-EBITDA";"ebitda",#N/A,FALSE,"Graph-EBITDA"}</definedName>
    <definedName name="wrn.print._.graphs._2" hidden="1">{"cap_structure",#N/A,FALSE,"Graph-Mkt Cap";"price",#N/A,FALSE,"Graph-Price";"ebit",#N/A,FALSE,"Graph-EBITDA";"ebitda",#N/A,FALSE,"Graph-EBITDA"}</definedName>
    <definedName name="wrn.print._.graphs._3" hidden="1">{"cap_structure",#N/A,FALSE,"Graph-Mkt Cap";"price",#N/A,FALSE,"Graph-Price";"ebit",#N/A,FALSE,"Graph-EBITDA";"ebitda",#N/A,FALSE,"Graph-EBITDA"}</definedName>
    <definedName name="wrn.print._.graphs._4" hidden="1">{"cap_structure",#N/A,FALSE,"Graph-Mkt Cap";"price",#N/A,FALSE,"Graph-Price";"ebit",#N/A,FALSE,"Graph-EBITDA";"ebitda",#N/A,FALSE,"Graph-EBITDA"}</definedName>
    <definedName name="wrn.print._.graphs._5" hidden="1">{"cap_structure",#N/A,FALSE,"Graph-Mkt Cap";"price",#N/A,FALSE,"Graph-Price";"ebit",#N/A,FALSE,"Graph-EBITDA";"ebitda",#N/A,FALSE,"Graph-EBITDA"}</definedName>
    <definedName name="wrn.print._.raw._.data._.entry." hidden="1">{"inputs raw data",#N/A,TRUE,"INPUT"}</definedName>
    <definedName name="wrn.print._.raw._.data._.entry._1" hidden="1">{"inputs raw data",#N/A,TRUE,"INPUT"}</definedName>
    <definedName name="wrn.print._.raw._.data._.entry._2" hidden="1">{"inputs raw data",#N/A,TRUE,"INPUT"}</definedName>
    <definedName name="wrn.print._.raw._.data._.entry._3" hidden="1">{"inputs raw data",#N/A,TRUE,"INPUT"}</definedName>
    <definedName name="wrn.print._.raw._.data._.entry._4" hidden="1">{"inputs raw data",#N/A,TRUE,"INPUT"}</definedName>
    <definedName name="wrn.print._.raw._.data._.entry._5" hidden="1">{"inputs raw data",#N/A,TRUE,"INPUT"}</definedName>
    <definedName name="wrn.print._.summary._.sheets." hidden="1">{"summary1",#N/A,TRUE,"Comps";"summary2",#N/A,TRUE,"Comps";"summary3",#N/A,TRUE,"Comps"}</definedName>
    <definedName name="wrn.print._.summary._.sheets._1" hidden="1">{"summary1",#N/A,TRUE,"Comps";"summary2",#N/A,TRUE,"Comps";"summary3",#N/A,TRUE,"Comps"}</definedName>
    <definedName name="wrn.print._.summary._.sheets._2" hidden="1">{"summary1",#N/A,TRUE,"Comps";"summary2",#N/A,TRUE,"Comps";"summary3",#N/A,TRUE,"Comps"}</definedName>
    <definedName name="wrn.print._.summary._.sheets._3" hidden="1">{"summary1",#N/A,TRUE,"Comps";"summary2",#N/A,TRUE,"Comps";"summary3",#N/A,TRUE,"Comps"}</definedName>
    <definedName name="wrn.print._.summary._.sheets._4" hidden="1">{"summary1",#N/A,TRUE,"Comps";"summary2",#N/A,TRUE,"Comps";"summary3",#N/A,TRUE,"Comps"}</definedName>
    <definedName name="wrn.print._.summary._.sheets._5" hidden="1">{"summary1",#N/A,TRUE,"Comps";"summary2",#N/A,TRUE,"Comps";"summary3",#N/A,TRUE,"Comps"}</definedName>
    <definedName name="wrn.print1." hidden="1">{"SCH15",#N/A,FALSE,"SCH15,16,85,86";"SCH16",#N/A,FALSE,"SCH15,16,85,86";"SCH85",#N/A,FALSE,"SCH15,16,85,86";"SCH86",#N/A,FALSE,"SCH15,16,85,86"}</definedName>
    <definedName name="wrn.print2" hidden="1">{"SCH15",#N/A,FALSE,"SCH15,16,85,86";"SCH16",#N/A,FALSE,"SCH15,16,85,86";"SCH85",#N/A,FALSE,"SCH15,16,85,86";"SCH86",#N/A,FALSE,"SCH15,16,85,86"}</definedName>
    <definedName name="wrn.PRINTHR." hidden="1">{"SCH66",#N/A,FALSE,"SCH66";"SCH67",#N/A,FALSE,"SCH67";"SCH68",#N/A,FALSE,"SCH68";"SCH69",#N/A,FALSE,"SCH69";"SCH70",#N/A,FALSE,"SCH70"}</definedName>
    <definedName name="wrn.Printing._.the._.transactions._.sheets." hidden="1">{#N/A,#N/A,FALSE,"Eastern";#N/A,#N/A,FALSE,"Western"}</definedName>
    <definedName name="wrn.Printing._.the._.transactions._.sheets._1" hidden="1">{#N/A,#N/A,FALSE,"Eastern";#N/A,#N/A,FALSE,"Western"}</definedName>
    <definedName name="wrn.Printing._.the._.transactions._.sheets._2" hidden="1">{#N/A,#N/A,FALSE,"Eastern";#N/A,#N/A,FALSE,"Western"}</definedName>
    <definedName name="wrn.Printing._.the._.transactions._.sheets._3" hidden="1">{#N/A,#N/A,FALSE,"Eastern";#N/A,#N/A,FALSE,"Western"}</definedName>
    <definedName name="wrn.Printing._.the._.transactions._.sheets._4" hidden="1">{#N/A,#N/A,FALSE,"Eastern";#N/A,#N/A,FALSE,"Western"}</definedName>
    <definedName name="wrn.Printing._.the._.transactions._.sheets._5" hidden="1">{#N/A,#N/A,FALSE,"Eastern";#N/A,#N/A,FALSE,"Western"}</definedName>
    <definedName name="wrn.PRINTMKTG." hidden="1">{"sch6",#N/A,FALSE,"SCH6";"sch7",#N/A,FALSE,"SCH7"}</definedName>
    <definedName name="wrn.PRINTPROD." hidden="1">{"SCH13",#N/A,FALSE,"SCH13";"SCH14",#N/A,FALSE,"SCH14";"SCH15",#N/A,FALSE,"SCH15,16,85,86";"SCH16",#N/A,FALSE,"SCH15,16,85,86";"SCH85",#N/A,FALSE,"SCH15,16,85,86";"SCH86",#N/A,FALSE,"SCH15,16,85,86";"SCH17",#N/A,FALSE,"SCH17,87";"SCH87",#N/A,FALSE,"SCH17,87";"SCH18",#N/A,FALSE,"SCH18,88";"SCH88",#N/A,FALSE,"SCH18,88";"SCH19",#N/A,FALSE,"SCH19,20,89,90";"SCH20",#N/A,FALSE,"SCH19,20,89,90";"SCH89",#N/A,FALSE,"SCH19,20,89,90";"SCH90",#N/A,FALSE,"SCH19,20,89,90";"SCH21",#N/A,FALSE,"SCH21";"SCH22",#N/A,FALSE,"SCH22";"SCH23",#N/A,FALSE,"SCH23";"SCH24",#N/A,FALSE,"SCH24";"SCH25",#N/A,FALSE,"SCH25";"SCH26",#N/A,FALSE,"SCH26";"SCH91",#N/A,FALSE,"SCH91";"SCH92",#N/A,FALSE,"SCH92";"SCH118",#N/A,FALSE,"SCH118";"SCH119",#N/A,FALSE,"SCH119"}</definedName>
    <definedName name="wrn.printqtr." hidden="1">{"nytasecond",#N/A,FALSE,"NYTQTRS";"nytafirst",#N/A,FALSE,"NYTQTRS";"nytathird",#N/A,FALSE,"NYTQTRS";"nytafourth",#N/A,FALSE,"NYTQTRS";"nytafull",#N/A,FALSE,"NYTQTRS"}</definedName>
    <definedName name="wrn.Priority._.list." hidden="1">{#N/A,#N/A,FALSE,"DI 2 YEAR MASTER SCHEDULE"}</definedName>
    <definedName name="wrn.Priority._.list._1" hidden="1">{#N/A,#N/A,FALSE,"DI 2 YEAR MASTER SCHEDULE"}</definedName>
    <definedName name="wrn.Priority._.list._2" hidden="1">{#N/A,#N/A,FALSE,"DI 2 YEAR MASTER SCHEDULE"}</definedName>
    <definedName name="wrn.Priority._.list._3" hidden="1">{#N/A,#N/A,FALSE,"DI 2 YEAR MASTER SCHEDULE"}</definedName>
    <definedName name="wrn.Priority._.list._4" hidden="1">{#N/A,#N/A,FALSE,"DI 2 YEAR MASTER SCHEDULE"}</definedName>
    <definedName name="wrn.Priority._.list._5" hidden="1">{#N/A,#N/A,FALSE,"DI 2 YEAR MASTER SCHEDULE"}</definedName>
    <definedName name="wrn.Prjcted._.Mnthly._.Qtys." hidden="1">{#N/A,#N/A,FALSE,"PRJCTED MNTHLY QTY's"}</definedName>
    <definedName name="wrn.Prjcted._.Mnthly._.Qtys._1" hidden="1">{#N/A,#N/A,FALSE,"PRJCTED MNTHLY QTY's"}</definedName>
    <definedName name="wrn.Prjcted._.Mnthly._.Qtys._2" hidden="1">{#N/A,#N/A,FALSE,"PRJCTED MNTHLY QTY's"}</definedName>
    <definedName name="wrn.Prjcted._.Mnthly._.Qtys._3" hidden="1">{#N/A,#N/A,FALSE,"PRJCTED MNTHLY QTY's"}</definedName>
    <definedName name="wrn.Prjcted._.Mnthly._.Qtys._4" hidden="1">{#N/A,#N/A,FALSE,"PRJCTED MNTHLY QTY's"}</definedName>
    <definedName name="wrn.Prjcted._.Mnthly._.Qtys._5" hidden="1">{#N/A,#N/A,FALSE,"PRJCTED MNTHLY QTY's"}</definedName>
    <definedName name="wrn.Prjcted._.Qtrly._.Dollars." hidden="1">{#N/A,#N/A,FALSE,"PRJCTED QTRLY $'s"}</definedName>
    <definedName name="wrn.Prjcted._.Qtrly._.Dollars._1" hidden="1">{#N/A,#N/A,FALSE,"PRJCTED QTRLY $'s"}</definedName>
    <definedName name="wrn.Prjcted._.Qtrly._.Dollars._2" hidden="1">{#N/A,#N/A,FALSE,"PRJCTED QTRLY $'s"}</definedName>
    <definedName name="wrn.Prjcted._.Qtrly._.Dollars._3" hidden="1">{#N/A,#N/A,FALSE,"PRJCTED QTRLY $'s"}</definedName>
    <definedName name="wrn.Prjcted._.Qtrly._.Dollars._4" hidden="1">{#N/A,#N/A,FALSE,"PRJCTED QTRLY $'s"}</definedName>
    <definedName name="wrn.Prjcted._.Qtrly._.Dollars._5" hidden="1">{#N/A,#N/A,FALSE,"PRJCTED QTRLY $'s"}</definedName>
    <definedName name="wrn.Prjcted._.Qtrly._.Qtys." hidden="1">{#N/A,#N/A,FALSE,"PRJCTED QTRLY QTY's"}</definedName>
    <definedName name="wrn.Prjcted._.Qtrly._.Qtys._1" hidden="1">{#N/A,#N/A,FALSE,"PRJCTED QTRLY QTY's"}</definedName>
    <definedName name="wrn.Prjcted._.Qtrly._.Qtys._2" hidden="1">{#N/A,#N/A,FALSE,"PRJCTED QTRLY QTY's"}</definedName>
    <definedName name="wrn.Prjcted._.Qtrly._.Qtys._3" hidden="1">{#N/A,#N/A,FALSE,"PRJCTED QTRLY QTY's"}</definedName>
    <definedName name="wrn.Prjcted._.Qtrly._.Qtys._4" hidden="1">{#N/A,#N/A,FALSE,"PRJCTED QTRLY QTY's"}</definedName>
    <definedName name="wrn.Prjcted._.Qtrly._.Qtys._5" hidden="1">{#N/A,#N/A,FALSE,"PRJCTED QTRLY QTY's"}</definedName>
    <definedName name="wrn.PROGRAMS." hidden="1">{"sch52",#N/A,FALSE,"SCH52"}</definedName>
    <definedName name="wrn.ptp." hidden="1">{#N/A,#N/A,FALSE,"RELATÓRIO";#N/A,#N/A,FALSE,"RELATÓRIO"}</definedName>
    <definedName name="wrn.REFINARIA." localSheetId="0" hidden="1">{#N/A,#N/A,FALSE,"GRefetivo";#N/A,#N/A,FALSE,"PLefetivo";#N/A,#N/A,FALSE,"GRabsent";#N/A,#N/A,FALSE,"GRmovpes";#N/A,#N/A,FALSE,"GReh";#N/A,#N/A,FALSE,"PLhe";#N/A,#N/A,FALSE,"Aumentos";#N/A,#N/A,FALSE,"Sugest"}</definedName>
    <definedName name="wrn.REFINARIA." hidden="1">{#N/A,#N/A,FALSE,"GRefetivo";#N/A,#N/A,FALSE,"PLefetivo";#N/A,#N/A,FALSE,"GRabsent";#N/A,#N/A,FALSE,"GRmovpes";#N/A,#N/A,FALSE,"GReh";#N/A,#N/A,FALSE,"PLhe";#N/A,#N/A,FALSE,"Aumentos";#N/A,#N/A,FALSE,"Sugest"}</definedName>
    <definedName name="wrn.rel." hidden="1">{#N/A,#N/A,FALSE,"DFcomp.";#N/A,#N/A,FALSE,"Holding comp";#N/A,#N/A,FALSE,"Imobil.comp"}</definedName>
    <definedName name="wrn.relatorio." hidden="1">{#N/A,#N/A,FALSE,"CONSOLIDADO";#N/A,#N/A,FALSE,"DUTYFREE";#N/A,#N/A,FALSE,"HOLDING";#N/A,#N/A,FALSE,"IMOBILIARIO";#N/A,#N/A,FALSE,"FAZENDAS"}</definedName>
    <definedName name="wrn.Relatório._.Completo." hidden="1">{"Controle de Saldos",#N/A,FALSE,"Controle Saldos";"Controle de Saldos Diferidos",#N/A,FALSE,"Controle Saldos";"Ajustes da Contribuição Social",#N/A,FALSE,"Controle Saldos";"Cálculo da Contribuição Social",#N/A,FALSE,"Controle Saldos";"Demonstração Base Negativa da Contribuição Social",#N/A,FALSE,"Controle Saldos";"Ajustes do Imposto de Renda",#N/A,FALSE,"Controle Saldos";"Cálculo do Imposto de Renda",#N/A,FALSE,"Controle Saldos";"Demonstrativo dos Prejuízos Fiscais",#N/A,FALSE,"Controle Saldos";"Cálculo por Estimativa",#N/A,FALSE,"Controle Saldos";"Demonstrativo dos Recolhimentos",#N/A,FALSE,"Controle Saldos";"Programa de Alimentação ao Trabalhador",#N/A,FALSE,"Controle Saldos";"Compensação de Impostos e Contribuições",#N/A,FALSE,"Controle Saldos"}</definedName>
    <definedName name="wrn.Relatório._.para._.Auditoria." hidden="1">{"Ajustes CS para a Auditoria",#N/A,FALSE,"Impressão";"Controle de saldos para a Auditoria",#N/A,FALSE,"Impressão";"CS Real para a Auditoria",#N/A,FALSE,"Impressão";"Ajustes IR para a Auditoria",#N/A,FALSE,"Impressão";"IR Real para a Auditoria",#N/A,FALSE,"Impressão"}</definedName>
    <definedName name="wrn.RELBC." hidden="1">{#N/A,#N/A,FALSE,"BalanBC";#N/A,#N/A,FALSE,"Mutação PL BC";#N/A,#N/A,FALSE,"DOAR BC1996";#N/A,#N/A,FALSE,"DOAR BC1996"}</definedName>
    <definedName name="wrn.Report_Page." hidden="1">{"Annual_Income",#N/A,FALSE,"Report Page";"Balance_Cash_Flow",#N/A,FALSE,"Report Page";"Quarterly_Income",#N/A,FALSE,"Report Page"}</definedName>
    <definedName name="wrn.Scenario._.Summary." hidden="1">{#N/A,#N/A,TRUE,"Summary";#N/A,"1",TRUE,"Summary";#N/A,"2",TRUE,"Summary";#N/A,"3",TRUE,"Summary";#N/A,"4",TRUE,"Summary";#N/A,"5",TRUE,"Summary";#N/A,"6",TRUE,"Summary";#N/A,"7",TRUE,"Summary";#N/A,"8",TRUE,"Summary";#N/A,"9",TRUE,"Summary";#N/A,"10",TRUE,"Summary";#N/A,"11",TRUE,"Summary"}</definedName>
    <definedName name="wrn.Scenario._.Summary._1" hidden="1">{#N/A,#N/A,TRUE,"Summary";#N/A,"1",TRUE,"Summary";#N/A,"2",TRUE,"Summary";#N/A,"3",TRUE,"Summary";#N/A,"4",TRUE,"Summary";#N/A,"5",TRUE,"Summary";#N/A,"6",TRUE,"Summary";#N/A,"7",TRUE,"Summary";#N/A,"8",TRUE,"Summary";#N/A,"9",TRUE,"Summary";#N/A,"10",TRUE,"Summary";#N/A,"11",TRUE,"Summary"}</definedName>
    <definedName name="wrn.Scenario._.Summary._2" hidden="1">{#N/A,#N/A,TRUE,"Summary";#N/A,"1",TRUE,"Summary";#N/A,"2",TRUE,"Summary";#N/A,"3",TRUE,"Summary";#N/A,"4",TRUE,"Summary";#N/A,"5",TRUE,"Summary";#N/A,"6",TRUE,"Summary";#N/A,"7",TRUE,"Summary";#N/A,"8",TRUE,"Summary";#N/A,"9",TRUE,"Summary";#N/A,"10",TRUE,"Summary";#N/A,"11",TRUE,"Summary"}</definedName>
    <definedName name="wrn.Scenario._.Summary._3" hidden="1">{#N/A,#N/A,TRUE,"Summary";#N/A,"1",TRUE,"Summary";#N/A,"2",TRUE,"Summary";#N/A,"3",TRUE,"Summary";#N/A,"4",TRUE,"Summary";#N/A,"5",TRUE,"Summary";#N/A,"6",TRUE,"Summary";#N/A,"7",TRUE,"Summary";#N/A,"8",TRUE,"Summary";#N/A,"9",TRUE,"Summary";#N/A,"10",TRUE,"Summary";#N/A,"11",TRUE,"Summary"}</definedName>
    <definedName name="wrn.Scenario._.Summary._4" hidden="1">{#N/A,#N/A,TRUE,"Summary";#N/A,"1",TRUE,"Summary";#N/A,"2",TRUE,"Summary";#N/A,"3",TRUE,"Summary";#N/A,"4",TRUE,"Summary";#N/A,"5",TRUE,"Summary";#N/A,"6",TRUE,"Summary";#N/A,"7",TRUE,"Summary";#N/A,"8",TRUE,"Summary";#N/A,"9",TRUE,"Summary";#N/A,"10",TRUE,"Summary";#N/A,"11",TRUE,"Summary"}</definedName>
    <definedName name="wrn.Scenario._.Summary._5" hidden="1">{#N/A,#N/A,TRUE,"Summary";#N/A,"1",TRUE,"Summary";#N/A,"2",TRUE,"Summary";#N/A,"3",TRUE,"Summary";#N/A,"4",TRUE,"Summary";#N/A,"5",TRUE,"Summary";#N/A,"6",TRUE,"Summary";#N/A,"7",TRUE,"Summary";#N/A,"8",TRUE,"Summary";#N/A,"9",TRUE,"Summary";#N/A,"10",TRUE,"Summary";#N/A,"11",TRUE,"Summary"}</definedName>
    <definedName name="wrn.SCH46." hidden="1">{"SCH46",#N/A,FALSE,"sch46"}</definedName>
    <definedName name="wrn.SCH51." hidden="1">{"SCH51",#N/A,FALSE,"monthly"}</definedName>
    <definedName name="wrn.SCH52." hidden="1">{"SCH52",#N/A,FALSE,"sch52"}</definedName>
    <definedName name="wrn.SCH57." hidden="1">{"SCH57",#N/A,FALSE,"monthly"}</definedName>
    <definedName name="wrn.SCH58." hidden="1">{"sch58",#N/A,FALSE,"SCH58"}</definedName>
    <definedName name="wrn.SEGMENT." hidden="1">{"SCH29",#N/A,FALSE,"segments";"SCH30",#N/A,FALSE,"segments"}</definedName>
    <definedName name="wrn.Sell._.AC._.Scenarios." hidden="1">{#N/A,"Mine Allocated, Sell AC",FALSE,"INPUTS";#N/A,"All Preferred, Sell AC",FALSE,"INPUTS";#N/A,"Step Up, Sell AC",FALSE,"INPUTS"}</definedName>
    <definedName name="wrn.SIM95" hidden="1">{#N/A,#N/A,FALSE,"SIM95"}</definedName>
    <definedName name="wrn.sim953" hidden="1">{#N/A,#N/A,FALSE,"SIM95"}</definedName>
    <definedName name="wrn.sim954" hidden="1">{#N/A,#N/A,FALSE,"SIM95"}</definedName>
    <definedName name="wrn.sspall." hidden="1">{"sspcash",#N/A,FALSE,"EWSINCX";"sspinc",#N/A,FALSE,"EWSINCX";"ssptax",#N/A,FALSE,"EWSINCX";"ssppub",#N/A,FALSE,"EWSINCX";"sspperchgetc",#N/A,FALSE,"EWSINCX";"sspevan",#N/A,FALSE,"EWSINCX";"sspbroad",#N/A,FALSE,"EWSINCX";"sspbroadcont",#N/A,FALSE,"EWSINCX";"sspcable",#N/A,FALSE,"EWSINCX";"sspent",#N/A,FALSE,"EWSINCX"}</definedName>
    <definedName name="wrn.Sudeste." hidden="1">{"Votoran",#N/A,FALSE,"Votoran";"Salto",#N/A,FALSE,"Salto";"Jaguaré",#N/A,FALSE,"Jaguaré";"Cubatão",#N/A,FALSE,"Cubatão";"Rio Negro",#N/A,FALSE,"Rio Negro";"MVR CPII",#N/A,FALSE,"MVR CPII";"MVR CPIII",#N/A,FALSE,"MVR CPIII"}</definedName>
    <definedName name="wrn.Sul." hidden="1">{"Rio Branco",#N/A,FALSE,"Rio Branco";"Itajaí",#N/A,FALSE,"Itajaí";"PMachado",#N/A,FALSE,"PMachado";"Esteio",#N/A,FALSE,"Esteio"}</definedName>
    <definedName name="wrn.Summary." hidden="1">{"Summary",#N/A,FALSE,"Model"}</definedName>
    <definedName name="wrn.TMCALL." hidden="1">{"tmccash",#N/A,FALSE,"INCX";"tmcinc",#N/A,FALSE,"INCX";"tmcpretx",#N/A,FALSE,"INCX";"tmcadrev",#N/A,FALSE,"INCX";"tmcbooks",#N/A,FALSE,"INCX"}</definedName>
    <definedName name="wrn.TODO." hidden="1">{#N/A,#N/A,FALSE,"RESUMEN";#N/A,#N/A,FALSE,"PARQ_C";#N/A,#N/A,FALSE,"PARQ_P";#N/A,#N/A,FALSE,"MIN_S_C";#N/A,#N/A,FALSE,"MIN_S_P";#N/A,#N/A,FALSE,"MIN_E_M_M";#N/A,#N/A,FALSE,"MIN_E_FIJA";#N/A,#N/A,FALSE,"SUPUESTOS"}</definedName>
    <definedName name="wrn.TOTAL." hidden="1">{#N/A,#N/A,FALSE,"INVERSIONES Y AMORTIZ";#N/A,#N/A,FALSE,"BALANCE";#N/A,#N/A,FALSE,"CUENTA DE PYG";#N/A,#N/A,FALSE,"CUENTA DE PYG (2)";#N/A,#N/A,FALSE,"RATIOS";#N/A,#N/A,FALSE,"G. PERSONAL";#N/A,#N/A,FALSE,"G. SOCIALES";#N/A,#N/A,FALSE,"G. GENERALES";#N/A,#N/A,FALSE,"LINEAS DE PRODUCTOS"}</definedName>
    <definedName name="wrn.totalcomp." hidden="1">{"comp1",#N/A,FALSE,"COMPS";"footnotes",#N/A,FALSE,"COMPS"}</definedName>
    <definedName name="wrn.totalcomp._1" hidden="1">{"comp1",#N/A,FALSE,"COMPS";"footnotes",#N/A,FALSE,"COMPS"}</definedName>
    <definedName name="wrn.totalcomp._2" hidden="1">{"comp1",#N/A,FALSE,"COMPS";"footnotes",#N/A,FALSE,"COMPS"}</definedName>
    <definedName name="wrn.totalcomp._3" hidden="1">{"comp1",#N/A,FALSE,"COMPS";"footnotes",#N/A,FALSE,"COMPS"}</definedName>
    <definedName name="wrn.totalcomp._4" hidden="1">{"comp1",#N/A,FALSE,"COMPS";"footnotes",#N/A,FALSE,"COMPS"}</definedName>
    <definedName name="wrn.totalcomp._5" hidden="1">{"comp1",#N/A,FALSE,"COMPS";"footnotes",#N/A,FALSE,"COMPS"}</definedName>
    <definedName name="wrn.trball." hidden="1">{"trbcash",#N/A,FALSE,"INCPF";"trbinc",#N/A,FALSE,"INCPF";"trbchic",#N/A,FALSE,"INCPF";"trbadrev",#N/A,FALSE,"INCPF";"trbstns",#N/A,FALSE,"INCPF";"trbtvstns",#N/A,FALSE,"INCPF"}</definedName>
    <definedName name="wrn.tribuorc." hidden="1">{#N/A,#N/A,FALSE,"irBCRec.Bruta";#N/A,#N/A,FALSE,"irpjCONS.1998";#N/A,#N/A,FALSE,"irpjDF.1998";#N/A,#N/A,FALSE,"irpjDp.1998 ";#N/A,#N/A,FALSE,"irpjN.Neg.1998 "}</definedName>
    <definedName name="wrn.TUDO." hidden="1">{#N/A,#N/A,FALSE,"Embalagem";#N/A,#N/A,FALSE,"Custo horaxlinha1";#N/A,#N/A,FALSE,"carga e descarga";#N/A,#N/A,FALSE,"matprima";#N/A,#N/A,FALSE,"linhas"}</definedName>
    <definedName name="wrn.Unidades." hidden="1">{"Rio Branco",#N/A,FALSE,"Rio Branco";"Itajaí",#N/A,FALSE,"Itajaí";"Pinheiro Machado",#N/A,FALSE,"PMachado";"Esteio",#N/A,FALSE,"Esteio"}</definedName>
    <definedName name="wrn.unidades1" hidden="1">{"Rio Branco",#N/A,FALSE,"Rio Branco";"Itajaí",#N/A,FALSE,"Itajaí";"Pinheiro Machado",#N/A,FALSE,"PMachado";"Esteio",#N/A,FALSE,"Esteio"}</definedName>
    <definedName name="wrn.UPDOWN." hidden="1">{"SCH54",#N/A,FALSE,"upside";"SCH55",#N/A,FALSE,"upside"}</definedName>
    <definedName name="wrn.VALDEZ." hidden="1">{"ERMES",#N/A,FALSE,"RESUMEN";"ERACUM",#N/A,FALSE,"RESUMEN";"BG",#N/A,FALSE,"RESUMEN";"ERMES",#N/A,FALSE,"SABANAS";"ERACUM",#N/A,FALSE,"SABANAS";"BG",#N/A,FALSE,"SABANAS";"fadsa",#N/A,FALSE,"FADSA";"supsa",#N/A,FALSE,"SUPSA";"crolls",#N/A,FALSE,"CROLLS";"vicomsa",#N/A,FALSE,"VICOMSA";"viplasticos",#N/A,FALSE,"VIPLASTICOS";"vitsa",#N/A,FALSE,"VITSA";"elim",#N/A,FALSE,"ELIM"}</definedName>
    <definedName name="wrn.VALUE." hidden="1">{"SCH47",#N/A,FALSE,"value";"sch48",#N/A,FALSE,"value"}</definedName>
    <definedName name="wrn.VENTAS." localSheetId="0" hidden="1">{"VENTAS1",#N/A,FALSE,"VENTAS";"VENTAS2",#N/A,FALSE,"VENTAS";"VENTAS3",#N/A,FALSE,"VENTAS";"VENTAS4",#N/A,FALSE,"VENTAS";"VENTAS5",#N/A,FALSE,"VENTAS";"VENTAS6",#N/A,FALSE,"VENTAS";"VENTAS7",#N/A,FALSE,"VENTAS";"VENTAS8",#N/A,FALSE,"VENTAS"}</definedName>
    <definedName name="wrn.VENTAS." hidden="1">{"VENTAS1",#N/A,FALSE,"VENTAS";"VENTAS2",#N/A,FALSE,"VENTAS";"VENTAS3",#N/A,FALSE,"VENTAS";"VENTAS4",#N/A,FALSE,"VENTAS";"VENTAS5",#N/A,FALSE,"VENTAS";"VENTAS6",#N/A,FALSE,"VENTAS";"VENTAS7",#N/A,FALSE,"VENTAS";"VENTAS8",#N/A,FALSE,"VENTAS"}</definedName>
    <definedName name="wrn.Whole._.Pack."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hole._.Pack._1"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hole._.Pack._2"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hole._.Pack._3"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hole._.Pack._4"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hole._.Pack._5" hidden="1">{"Board Income Statement",#N/A,FALSE,"Board Summary";"Board Balance Sheet",#N/A,FALSE,"Board Summary";"Board Cash Flow",#N/A,FALSE,"Board Summary";"Op Cap Startup",#N/A,FALSE,"Operating-Startup Expense (2)";"Total Salary",#N/A,FALSE,"Operating-Startup Expense (2)";"Op Salary",#N/A,FALSE,"Operating-Startup Expense (2)";"Cap Salary",#N/A,FALSE,"Operating-Startup Expense (2)";"Startup Salary",#N/A,FALSE,"Operating-Startup Expense (2)";#N/A,#N/A,FALSE,"Advertising &amp; Promotion (2)";#N/A,#N/A,FALSE,"G&amp;A (2)";#N/A,#N/A,FALSE,"Billings (2)";#N/A,#N/A,FALSE,"Travel (2)";#N/A,#N/A,FALSE,"Comms Cost (2)";#N/A,#N/A,FALSE,"CAPEX (3)";#N/A,#N/A,FALSE,"CAPEX (2)"}</definedName>
    <definedName name="wrn.WORK._.PAPER." localSheetId="0" hidden="1">{#N/A,#N/A,TRUE,"Consolidate";"Work Paper MKT",#N/A,TRUE,"MKT";"Work Paper BUSS",#N/A,TRUE,"BusOper";"Work Paper TECH",#N/A,TRUE,"Tech";"Work Paper LOCAL",#N/A,TRUE,"LocalProg";"Work Paper GA",#N/A,TRUE,"G&amp;A";"Work Paper CONSOL",#N/A,TRUE,"Consolidate"}</definedName>
    <definedName name="wrn.WORK._.PAPER." hidden="1">{#N/A,#N/A,TRUE,"Consolidate";"Work Paper MKT",#N/A,TRUE,"MKT";"Work Paper BUSS",#N/A,TRUE,"BusOper";"Work Paper TECH",#N/A,TRUE,"Tech";"Work Paper LOCAL",#N/A,TRUE,"LocalProg";"Work Paper GA",#N/A,TRUE,"G&amp;A";"Work Paper CONSOL",#N/A,TRUE,"Consolidate"}</definedName>
    <definedName name="wrn.WORK._.PAPER._.99." localSheetId="0" hidden="1">{"Work Paper99 MKT",#N/A,TRUE,"MKT";"Work Paper99 BUSS",#N/A,TRUE,"BusOper";"Work Paper99 TECH",#N/A,TRUE,"Tech";"Work Paper99 LOCAL",#N/A,TRUE,"LocalProg";"Work Paper99 GA",#N/A,TRUE,"G&amp;A";"Work Paper99 CONSOL",#N/A,TRUE,"Consolidate"}</definedName>
    <definedName name="wrn.WORK._.PAPER._.99." hidden="1">{"Work Paper99 MKT",#N/A,TRUE,"MKT";"Work Paper99 BUSS",#N/A,TRUE,"BusOper";"Work Paper99 TECH",#N/A,TRUE,"Tech";"Work Paper99 LOCAL",#N/A,TRUE,"LocalProg";"Work Paper99 GA",#N/A,TRUE,"G&amp;A";"Work Paper99 CONSOL",#N/A,TRUE,"Consolidate"}</definedName>
    <definedName name="wrn.wpoall." hidden="1">{"wpocash",#N/A,FALSE,"WPOALLT";"wpoinc",#N/A,FALSE,"WPOALLT";"wpoexcl",#N/A,FALSE,"WPOALLT";"wpocable",#N/A,FALSE,"WPOALLT";"wpobroad",#N/A,FALSE,"WPOALLT";"wpopost",#N/A,FALSE,"WPOALLT";"wponwsweek",#N/A,FALSE,"WPOALLT"}</definedName>
    <definedName name="wrn.Wright."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Wright._1"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Wright._2"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Wright._3"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Wright._4"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Wright._5" hidden="1">{#N/A,#N/A,FALSE,"Documentation";#N/A,#N/A,FALSE,"ROR";#N/A,#N/A,FALSE,"Projected Income";#N/A,#N/A,FALSE,"Historical Income";#N/A,#N/A,FALSE,"Historical BS";#N/A,#N/A,FALSE,"Backlog";#N/A,#N/A,FALSE,"Inventory";#N/A,#N/A,FALSE,"Technology";#N/A,#N/A,FALSE,"Trademarks";#N/A,#N/A,FALSE,"Workforce";#N/A,#N/A,FALSE,"Distribution";#N/A,#N/A,FALSE,"Contracts";#N/A,#N/A,FALSE,"Distribution Lifeing";#N/A,#N/A,FALSE,"Tax Amortization - higher";#N/A,#N/A,FALSE,"Residual Analysis";#N/A,#N/A,FALSE,"Tax Amortization - 15%";#N/A,#N/A,FALSE,"1999 Income Statements"}</definedName>
    <definedName name="wrn.YEARLY." hidden="1">{"SCH28",#N/A,FALSE,"monthly";"SCH40",#N/A,FALSE,"monthly";"SCH42",#N/A,FALSE,"monthly";"SCH43",#N/A,FALSE,"monthly";"SCH50",#N/A,FALSE,"monthly";"SCH51",#N/A,FALSE,"monthly";"SCH53",#N/A,FALSE,"monthly";"SCH66",#N/A,FALSE,"monthly";"SCH67",#N/A,FALSE,"monthly";"SCH68",#N/A,FALSE,"monthly";"SCH69",#N/A,FALSE,"monthly";"SCH70",#N/A,FALSE,"monthly";"SCH71",#N/A,FALSE,"monthly";"SCH72",#N/A,FALSE,"monthly"}</definedName>
    <definedName name="wrn1.Cons." hidden="1">{"EconCons",#N/A,TRUE,"Econômico - Consolidado";"CaixaCons",#N/A,TRUE,"Caixa - Consolidado";"InvestCons",#N/A,TRUE,"Invest Consolidado"}</definedName>
    <definedName name="wrn1.history" hidden="1">{#N/A,#N/A,FALSE,"model"}</definedName>
    <definedName name="wrn1.history_1" hidden="1">{#N/A,#N/A,FALSE,"model"}</definedName>
    <definedName name="wrn1.history_2" hidden="1">{#N/A,#N/A,FALSE,"model"}</definedName>
    <definedName name="wrn1.history_3" hidden="1">{#N/A,#N/A,FALSE,"model"}</definedName>
    <definedName name="wrn1.history_4" hidden="1">{#N/A,#N/A,FALSE,"model"}</definedName>
    <definedName name="wrn1.history_5" hidden="1">{#N/A,#N/A,FALSE,"model"}</definedName>
    <definedName name="wrn1.TUDO." hidden="1">{#N/A,#N/A,FALSE,"Embalagem";#N/A,#N/A,FALSE,"Custo horaxlinha1";#N/A,#N/A,FALSE,"carga e descarga";#N/A,#N/A,FALSE,"matprima";#N/A,#N/A,FALSE,"linhas"}</definedName>
    <definedName name="wrn2.TUDO." hidden="1">{#N/A,#N/A,FALSE,"Embalagem";#N/A,#N/A,FALSE,"Custo horaxlinha1";#N/A,#N/A,FALSE,"carga e descarga";#N/A,#N/A,FALSE,"matprima";#N/A,#N/A,FALSE,"linhas"}</definedName>
    <definedName name="wrn3.histroic" hidden="1">{#N/A,#N/A,FALSE,"model"}</definedName>
    <definedName name="wrn3.histroic_1" hidden="1">{#N/A,#N/A,FALSE,"model"}</definedName>
    <definedName name="wrn3.histroic_2" hidden="1">{#N/A,#N/A,FALSE,"model"}</definedName>
    <definedName name="wrn3.histroic_3" hidden="1">{#N/A,#N/A,FALSE,"model"}</definedName>
    <definedName name="wrn3.histroic_4" hidden="1">{#N/A,#N/A,FALSE,"model"}</definedName>
    <definedName name="wrn3.histroic_5" hidden="1">{#N/A,#N/A,FALSE,"model"}</definedName>
    <definedName name="wrn3.TUDO." hidden="1">{#N/A,#N/A,FALSE,"Embalagem";#N/A,#N/A,FALSE,"Custo horaxlinha1";#N/A,#N/A,FALSE,"carga e descarga";#N/A,#N/A,FALSE,"matprima";#N/A,#N/A,FALSE,"linhas"}</definedName>
    <definedName name="wrn5.TUDO." hidden="1">{#N/A,#N/A,FALSE,"Embalagem";#N/A,#N/A,FALSE,"Custo horaxlinha1";#N/A,#N/A,FALSE,"carga e descarga";#N/A,#N/A,FALSE,"matprima";#N/A,#N/A,FALSE,"linhas"}</definedName>
    <definedName name="wrn6.Tudo" hidden="1">{#N/A,#N/A,FALSE,"Embalagem";#N/A,#N/A,FALSE,"Custo horaxlinha1";#N/A,#N/A,FALSE,"carga e descarga";#N/A,#N/A,FALSE,"matprima";#N/A,#N/A,FALSE,"linhas"}</definedName>
    <definedName name="wrn7.TUDO." hidden="1">{#N/A,#N/A,FALSE,"Embalagem";#N/A,#N/A,FALSE,"Custo horaxlinha1";#N/A,#N/A,FALSE,"carga e descarga";#N/A,#N/A,FALSE,"matprima";#N/A,#N/A,FALSE,"linhas"}</definedName>
    <definedName name="wrn8.TUDO." hidden="1">{#N/A,#N/A,FALSE,"Embalagem";#N/A,#N/A,FALSE,"Custo horaxlinha1";#N/A,#N/A,FALSE,"carga e descarga";#N/A,#N/A,FALSE,"matprima";#N/A,#N/A,FALSE,"linhas"}</definedName>
    <definedName name="ws" hidden="1">{#N/A,#N/A,FALSE,"LLAVE";#N/A,#N/A,FALSE,"EERR";#N/A,#N/A,FALSE,"ESP";#N/A,#N/A,FALSE,"EOAF";#N/A,#N/A,FALSE,"CASH";#N/A,#N/A,FALSE,"FINANZAS";#N/A,#N/A,FALSE,"DEUDA";#N/A,#N/A,FALSE,"INVERSION";#N/A,#N/A,FALSE,"PERSONAL"}</definedName>
    <definedName name="wscxwscx" hidden="1">8</definedName>
    <definedName name="wsetm" hidden="1">{#N/A,#N/A,FALSE,"Eastern";#N/A,#N/A,FALSE,"Western"}</definedName>
    <definedName name="wsetm_1" hidden="1">{#N/A,#N/A,FALSE,"Eastern";#N/A,#N/A,FALSE,"Western"}</definedName>
    <definedName name="wsetm_2" hidden="1">{#N/A,#N/A,FALSE,"Eastern";#N/A,#N/A,FALSE,"Western"}</definedName>
    <definedName name="wsetm_3" hidden="1">{#N/A,#N/A,FALSE,"Eastern";#N/A,#N/A,FALSE,"Western"}</definedName>
    <definedName name="wsetm_4" hidden="1">{#N/A,#N/A,FALSE,"Eastern";#N/A,#N/A,FALSE,"Western"}</definedName>
    <definedName name="wsetm_5" hidden="1">{#N/A,#N/A,FALSE,"Eastern";#N/A,#N/A,FALSE,"Western"}</definedName>
    <definedName name="wvu.ACC." hidden="1">{TRUE,TRUE,-1.25,-15.5,484.5,278.25,FALSE,FALSE,TRUE,FALSE,0,1,#N/A,452,#N/A,5.92592592592593,22.5714285714286,1,FALSE,FALSE,3,TRUE,1,FALSE,100,"Swvu.ACC.","ACwvu.ACC.",#N/A,FALSE,FALSE,0,0,0,0,2,"","",FALSE,FALSE,FALSE,FALSE,1,90,#N/A,#N/A,"=R1C1:R650C11",FALSE,#N/A,#N/A,FALSE,FALSE,FALSE,1,65532,65532,FALSE,FALSE,TRUE,TRUE,TRUE}</definedName>
    <definedName name="wvu.ACC._1" hidden="1">{TRUE,TRUE,-1.25,-15.5,484.5,278.25,FALSE,FALSE,TRUE,FALSE,0,1,#N/A,452,#N/A,5.92592592592593,22.5714285714286,1,FALSE,FALSE,3,TRUE,1,FALSE,100,"Swvu.ACC.","ACwvu.ACC.",#N/A,FALSE,FALSE,0,0,0,0,2,"","",FALSE,FALSE,FALSE,FALSE,1,90,#N/A,#N/A,"=R1C1:R650C11",FALSE,#N/A,#N/A,FALSE,FALSE,FALSE,1,65532,65532,FALSE,FALSE,TRUE,TRUE,TRUE}</definedName>
    <definedName name="wvu.ACC._2" hidden="1">{TRUE,TRUE,-1.25,-15.5,484.5,278.25,FALSE,FALSE,TRUE,FALSE,0,1,#N/A,452,#N/A,5.92592592592593,22.5714285714286,1,FALSE,FALSE,3,TRUE,1,FALSE,100,"Swvu.ACC.","ACwvu.ACC.",#N/A,FALSE,FALSE,0,0,0,0,2,"","",FALSE,FALSE,FALSE,FALSE,1,90,#N/A,#N/A,"=R1C1:R650C11",FALSE,#N/A,#N/A,FALSE,FALSE,FALSE,1,65532,65532,FALSE,FALSE,TRUE,TRUE,TRUE}</definedName>
    <definedName name="wvu.ACC._3" hidden="1">{TRUE,TRUE,-1.25,-15.5,484.5,278.25,FALSE,FALSE,TRUE,FALSE,0,1,#N/A,452,#N/A,5.92592592592593,22.5714285714286,1,FALSE,FALSE,3,TRUE,1,FALSE,100,"Swvu.ACC.","ACwvu.ACC.",#N/A,FALSE,FALSE,0,0,0,0,2,"","",FALSE,FALSE,FALSE,FALSE,1,90,#N/A,#N/A,"=R1C1:R650C11",FALSE,#N/A,#N/A,FALSE,FALSE,FALSE,1,65532,65532,FALSE,FALSE,TRUE,TRUE,TRUE}</definedName>
    <definedName name="wvu.ACC._4" hidden="1">{TRUE,TRUE,-1.25,-15.5,484.5,278.25,FALSE,FALSE,TRUE,FALSE,0,1,#N/A,452,#N/A,5.92592592592593,22.5714285714286,1,FALSE,FALSE,3,TRUE,1,FALSE,100,"Swvu.ACC.","ACwvu.ACC.",#N/A,FALSE,FALSE,0,0,0,0,2,"","",FALSE,FALSE,FALSE,FALSE,1,90,#N/A,#N/A,"=R1C1:R650C11",FALSE,#N/A,#N/A,FALSE,FALSE,FALSE,1,65532,65532,FALSE,FALSE,TRUE,TRUE,TRUE}</definedName>
    <definedName name="wvu.ACC._5" hidden="1">{TRUE,TRUE,-1.25,-15.5,484.5,278.25,FALSE,FALSE,TRUE,FALSE,0,1,#N/A,452,#N/A,5.92592592592593,22.5714285714286,1,FALSE,FALSE,3,TRUE,1,FALSE,100,"Swvu.ACC.","ACwvu.ACC.",#N/A,FALSE,FALSE,0,0,0,0,2,"","",FALSE,FALSE,FALSE,FALSE,1,90,#N/A,#N/A,"=R1C1:R650C11",FALSE,#N/A,#N/A,FALSE,FALSE,FALSE,1,65532,65532,FALSE,FALSE,TRUE,TRUE,TRUE}</definedName>
    <definedName name="wvu.AFAC." hidden="1">{TRUE,TRUE,-1.25,-15.5,484.5,278.25,FALSE,FALSE,TRUE,FALSE,0,1,#N/A,551,#N/A,5.92592592592593,22.5714285714286,1,FALSE,FALSE,3,TRUE,1,FALSE,100,"Swvu.AFAC.","ACwvu.AFAC.",#N/A,FALSE,FALSE,0,0,0,0,2,"","",FALSE,FALSE,FALSE,FALSE,1,90,#N/A,#N/A,"=R1C1:R650C11",FALSE,#N/A,#N/A,FALSE,FALSE,FALSE,1,65532,65532,FALSE,FALSE,TRUE,TRUE,TRUE}</definedName>
    <definedName name="wvu.AFAC._1" hidden="1">{TRUE,TRUE,-1.25,-15.5,484.5,278.25,FALSE,FALSE,TRUE,FALSE,0,1,#N/A,551,#N/A,5.92592592592593,22.5714285714286,1,FALSE,FALSE,3,TRUE,1,FALSE,100,"Swvu.AFAC.","ACwvu.AFAC.",#N/A,FALSE,FALSE,0,0,0,0,2,"","",FALSE,FALSE,FALSE,FALSE,1,90,#N/A,#N/A,"=R1C1:R650C11",FALSE,#N/A,#N/A,FALSE,FALSE,FALSE,1,65532,65532,FALSE,FALSE,TRUE,TRUE,TRUE}</definedName>
    <definedName name="wvu.AFAC._2" hidden="1">{TRUE,TRUE,-1.25,-15.5,484.5,278.25,FALSE,FALSE,TRUE,FALSE,0,1,#N/A,551,#N/A,5.92592592592593,22.5714285714286,1,FALSE,FALSE,3,TRUE,1,FALSE,100,"Swvu.AFAC.","ACwvu.AFAC.",#N/A,FALSE,FALSE,0,0,0,0,2,"","",FALSE,FALSE,FALSE,FALSE,1,90,#N/A,#N/A,"=R1C1:R650C11",FALSE,#N/A,#N/A,FALSE,FALSE,FALSE,1,65532,65532,FALSE,FALSE,TRUE,TRUE,TRUE}</definedName>
    <definedName name="wvu.AFAC._3" hidden="1">{TRUE,TRUE,-1.25,-15.5,484.5,278.25,FALSE,FALSE,TRUE,FALSE,0,1,#N/A,551,#N/A,5.92592592592593,22.5714285714286,1,FALSE,FALSE,3,TRUE,1,FALSE,100,"Swvu.AFAC.","ACwvu.AFAC.",#N/A,FALSE,FALSE,0,0,0,0,2,"","",FALSE,FALSE,FALSE,FALSE,1,90,#N/A,#N/A,"=R1C1:R650C11",FALSE,#N/A,#N/A,FALSE,FALSE,FALSE,1,65532,65532,FALSE,FALSE,TRUE,TRUE,TRUE}</definedName>
    <definedName name="wvu.AFAC._4" hidden="1">{TRUE,TRUE,-1.25,-15.5,484.5,278.25,FALSE,FALSE,TRUE,FALSE,0,1,#N/A,551,#N/A,5.92592592592593,22.5714285714286,1,FALSE,FALSE,3,TRUE,1,FALSE,100,"Swvu.AFAC.","ACwvu.AFAC.",#N/A,FALSE,FALSE,0,0,0,0,2,"","",FALSE,FALSE,FALSE,FALSE,1,90,#N/A,#N/A,"=R1C1:R650C11",FALSE,#N/A,#N/A,FALSE,FALSE,FALSE,1,65532,65532,FALSE,FALSE,TRUE,TRUE,TRUE}</definedName>
    <definedName name="wvu.AFAC._5" hidden="1">{TRUE,TRUE,-1.25,-15.5,484.5,278.25,FALSE,FALSE,TRUE,FALSE,0,1,#N/A,551,#N/A,5.92592592592593,22.5714285714286,1,FALSE,FALSE,3,TRUE,1,FALSE,100,"Swvu.AFAC.","ACwvu.AFAC.",#N/A,FALSE,FALSE,0,0,0,0,2,"","",FALSE,FALSE,FALSE,FALSE,1,90,#N/A,#N/A,"=R1C1:R650C11",FALSE,#N/A,#N/A,FALSE,FALSE,FALSE,1,65532,65532,FALSE,FALSE,TRUE,TRUE,TRUE}</definedName>
    <definedName name="wvu.CapersView."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CapersView._1"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CapersView._2"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CapersView._3"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CapersView._4"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CapersView._5" hidden="1">{TRUE,TRUE,-2.75,-17,772.5,449.25,FALSE,TRUE,TRUE,TRUE,0,19,#N/A,30,#N/A,7.04065040650407,10.9795918367347,1,FALSE,FALSE,3,FALSE,1,FALSE,100,"Swvu.CapersView.","ACwvu.CapersView.",#N/A,FALSE,FALSE,0,0,0,0,2,"","&amp;R&amp;""Arial,Bold Italic""&amp;8&amp;F&amp;A&amp;D",TRUE,TRUE,FALSE,FALSE,1,#N/A,1,1,"=R1C1:R123C107",FALSE,"Rwvu.CapersView.","Cwvu.CapersView.",FALSE,FALSE,FALSE,262,600,600,FALSE,FALSE,TRUE,TRUE,TRUE}</definedName>
    <definedName name="wvu.ELIMLUCRO." hidden="1">{TRUE,TRUE,-1.25,-15.5,484.5,278.25,FALSE,FALSE,TRUE,FALSE,0,3,#N/A,574,#N/A,6.75,22.5714285714286,1,FALSE,FALSE,3,TRUE,1,FALSE,100,"Swvu.ELIMLUCRO.","ACwvu.ELIMLUCRO.",#N/A,FALSE,FALSE,0,0,0,0,2,"","",FALSE,FALSE,FALSE,FALSE,1,90,#N/A,#N/A,"=R1C1:R650C11",FALSE,#N/A,#N/A,FALSE,FALSE,FALSE,1,65532,65532,FALSE,FALSE,TRUE,TRUE,TRUE}</definedName>
    <definedName name="wvu.ELIMLUCRO._1" hidden="1">{TRUE,TRUE,-1.25,-15.5,484.5,278.25,FALSE,FALSE,TRUE,FALSE,0,3,#N/A,574,#N/A,6.75,22.5714285714286,1,FALSE,FALSE,3,TRUE,1,FALSE,100,"Swvu.ELIMLUCRO.","ACwvu.ELIMLUCRO.",#N/A,FALSE,FALSE,0,0,0,0,2,"","",FALSE,FALSE,FALSE,FALSE,1,90,#N/A,#N/A,"=R1C1:R650C11",FALSE,#N/A,#N/A,FALSE,FALSE,FALSE,1,65532,65532,FALSE,FALSE,TRUE,TRUE,TRUE}</definedName>
    <definedName name="wvu.ELIMLUCRO._2" hidden="1">{TRUE,TRUE,-1.25,-15.5,484.5,278.25,FALSE,FALSE,TRUE,FALSE,0,3,#N/A,574,#N/A,6.75,22.5714285714286,1,FALSE,FALSE,3,TRUE,1,FALSE,100,"Swvu.ELIMLUCRO.","ACwvu.ELIMLUCRO.",#N/A,FALSE,FALSE,0,0,0,0,2,"","",FALSE,FALSE,FALSE,FALSE,1,90,#N/A,#N/A,"=R1C1:R650C11",FALSE,#N/A,#N/A,FALSE,FALSE,FALSE,1,65532,65532,FALSE,FALSE,TRUE,TRUE,TRUE}</definedName>
    <definedName name="wvu.ELIMLUCRO._3" hidden="1">{TRUE,TRUE,-1.25,-15.5,484.5,278.25,FALSE,FALSE,TRUE,FALSE,0,3,#N/A,574,#N/A,6.75,22.5714285714286,1,FALSE,FALSE,3,TRUE,1,FALSE,100,"Swvu.ELIMLUCRO.","ACwvu.ELIMLUCRO.",#N/A,FALSE,FALSE,0,0,0,0,2,"","",FALSE,FALSE,FALSE,FALSE,1,90,#N/A,#N/A,"=R1C1:R650C11",FALSE,#N/A,#N/A,FALSE,FALSE,FALSE,1,65532,65532,FALSE,FALSE,TRUE,TRUE,TRUE}</definedName>
    <definedName name="wvu.ELIMLUCRO._4" hidden="1">{TRUE,TRUE,-1.25,-15.5,484.5,278.25,FALSE,FALSE,TRUE,FALSE,0,3,#N/A,574,#N/A,6.75,22.5714285714286,1,FALSE,FALSE,3,TRUE,1,FALSE,100,"Swvu.ELIMLUCRO.","ACwvu.ELIMLUCRO.",#N/A,FALSE,FALSE,0,0,0,0,2,"","",FALSE,FALSE,FALSE,FALSE,1,90,#N/A,#N/A,"=R1C1:R650C11",FALSE,#N/A,#N/A,FALSE,FALSE,FALSE,1,65532,65532,FALSE,FALSE,TRUE,TRUE,TRUE}</definedName>
    <definedName name="wvu.ELIMLUCRO._5" hidden="1">{TRUE,TRUE,-1.25,-15.5,484.5,278.25,FALSE,FALSE,TRUE,FALSE,0,3,#N/A,574,#N/A,6.75,22.5714285714286,1,FALSE,FALSE,3,TRUE,1,FALSE,100,"Swvu.ELIMLUCRO.","ACwvu.ELIMLUCRO.",#N/A,FALSE,FALSE,0,0,0,0,2,"","",FALSE,FALSE,FALSE,FALSE,1,90,#N/A,#N/A,"=R1C1:R650C11",FALSE,#N/A,#N/A,FALSE,FALSE,FALSE,1,65532,65532,FALSE,FALSE,TRUE,TRUE,TRUE}</definedName>
    <definedName name="wvu.ESTOQUES."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ESTOQUES._1"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ESTOQUES._2"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ESTOQUES._3"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ESTOQUES._4"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ESTOQUES._5" hidden="1">{TRUE,TRUE,-1.25,-15.5,484.5,278.25,FALSE,FALSE,TRUE,FALSE,0,1,#N/A,183,#N/A,5.92592592592593,22.5714285714286,1,FALSE,FALSE,3,TRUE,1,FALSE,100,"Swvu.ESTOQUES.","ACwvu.ESTOQUES.",#N/A,FALSE,FALSE,0,0,0,0,2,"","",FALSE,FALSE,FALSE,FALSE,1,90,#N/A,#N/A,"=R1C1:R650C11",FALSE,#N/A,#N/A,FALSE,FALSE,FALSE,1,65532,65532,FALSE,FALSE,TRUE,TRUE,TRUE}</definedName>
    <definedName name="wvu.Fabio."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Fabio._1"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Fabio._2"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Fabio._3"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Fabio._4"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Fabio._5" hidden="1">{TRUE,TRUE,-1.25,-15.5,484.5,276.75,FALSE,FALSE,TRUE,TRUE,0,2,3,6,469,1,1,4,TRUE,TRUE,3,TRUE,1,TRUE,100,"Swvu.Fabio.","ACwvu.Fabio.",#N/A,FALSE,FALSE,0,0,0.393700787401575,0.393700787401575,2,"","&amp;C&amp;""Times New Roman,Bold Italic""&amp;P",TRUE,FALSE,FALSE,FALSE,1,67,#N/A,#N/A,"=R1C2:R497C25","=R1:R7",#N/A,#N/A,FALSE,FALSE,FALSE,1,65532,65532,FALSE,FALSE,TRUE,TRUE,TRUE}</definedName>
    <definedName name="wvu.inputs._.raw._.data."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_1"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_2"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_3"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_4" hidden="1">{TRUE,TRUE,-1.25,-15.5,604.5,369,FALSE,FALSE,TRUE,TRUE,0,1,83,1,38,4,5,4,TRUE,TRUE,3,TRUE,1,TRUE,75,"Swvu.inputs._.raw._.data.","ACwvu.inputs._.raw._.data.",#N/A,FALSE,FALSE,0.5,0.5,0.5,0.5,2,"&amp;F","&amp;A&amp;RPage &amp;P",FALSE,FALSE,FALSE,FALSE,1,60,#N/A,#N/A,"=R1C61:R53C89","=C1:C5",#N/A,#N/A,FALSE,FALSE,FALSE,1,600,600,FALSE,FALSE,TRUE,TRUE,TRUE}</definedName>
    <definedName name="wvu.inputs._.raw._.data._5" hidden="1">{TRUE,TRUE,-1.25,-15.5,604.5,369,FALSE,FALSE,TRUE,TRUE,0,1,83,1,38,4,5,4,TRUE,TRUE,3,TRUE,1,TRUE,75,"Swvu.inputs._.raw._.data.","ACwvu.inputs._.raw._.data.",#N/A,FALSE,FALSE,0.5,0.5,0.5,0.5,2,"&amp;F","&amp;A&amp;RPage &amp;P",FALSE,FALSE,FALSE,FALSE,1,60,#N/A,#N/A,"=R1C61:R53C89","=C1:C5",#N/A,#N/A,FALSE,FALSE,FALSE,1,600,600,FALSE,FALSE,TRUE,TRUE,TRUE}</definedName>
    <definedName name="wvu.Japan_Capers_Ed_Pub."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Japan_Capers_Ed_Pub._1"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Japan_Capers_Ed_Pub._2"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Japan_Capers_Ed_Pub._3"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Japan_Capers_Ed_Pub._4"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Japan_Capers_Ed_Pub._5" hidden="1">{TRUE,TRUE,-2.75,-17,772.5,449.25,FALSE,TRUE,TRUE,TRUE,0,18,#N/A,1,#N/A,80.75,104.2,1,FALSE,FALSE,3,FALSE,1,FALSE,10,"Swvu.Japan_Capers_Ed_Pub.","ACwvu.Japan_Capers_Ed_Pub.",#N/A,FALSE,FALSE,0,0,0,0,2,"","&amp;R&amp;""Arial,Bold Italic""&amp;8&amp;F&amp;A&amp;D",TRUE,TRUE,FALSE,FALSE,1,#N/A,1,1,"=R1C18:R297C107",FALSE,"Rwvu.Japan_Capers_Ed_Pub.","Cwvu.Japan_Capers_Ed_Pub.",FALSE,FALSE,FALSE,262,600,600,FALSE,FALSE,TRUE,TRUE,TRUE}</definedName>
    <definedName name="wvu.KJP_CC."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KJP_CC._1"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KJP_CC._2"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KJP_CC._3"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KJP_CC._4"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KJP_CC._5"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wvu.LPERDAS." hidden="1">{TRUE,TRUE,-1.25,-15.5,484.5,278.25,FALSE,FALSE,TRUE,FALSE,0,5,#N/A,63,#N/A,7.47457627118644,22.5714285714286,1,FALSE,FALSE,3,TRUE,1,FALSE,100,"Swvu.LPERDAS.","ACwvu.LPERDAS.",#N/A,FALSE,FALSE,0,0,0,0,2,"","",FALSE,FALSE,FALSE,FALSE,1,90,#N/A,#N/A,"=R1C1:R650C11",FALSE,#N/A,#N/A,FALSE,FALSE,FALSE,1,65532,65532,FALSE,FALSE,TRUE,TRUE,TRUE}</definedName>
    <definedName name="wvu.LPERDAS._1" hidden="1">{TRUE,TRUE,-1.25,-15.5,484.5,278.25,FALSE,FALSE,TRUE,FALSE,0,5,#N/A,63,#N/A,7.47457627118644,22.5714285714286,1,FALSE,FALSE,3,TRUE,1,FALSE,100,"Swvu.LPERDAS.","ACwvu.LPERDAS.",#N/A,FALSE,FALSE,0,0,0,0,2,"","",FALSE,FALSE,FALSE,FALSE,1,90,#N/A,#N/A,"=R1C1:R650C11",FALSE,#N/A,#N/A,FALSE,FALSE,FALSE,1,65532,65532,FALSE,FALSE,TRUE,TRUE,TRUE}</definedName>
    <definedName name="wvu.LPERDAS._2" hidden="1">{TRUE,TRUE,-1.25,-15.5,484.5,278.25,FALSE,FALSE,TRUE,FALSE,0,5,#N/A,63,#N/A,7.47457627118644,22.5714285714286,1,FALSE,FALSE,3,TRUE,1,FALSE,100,"Swvu.LPERDAS.","ACwvu.LPERDAS.",#N/A,FALSE,FALSE,0,0,0,0,2,"","",FALSE,FALSE,FALSE,FALSE,1,90,#N/A,#N/A,"=R1C1:R650C11",FALSE,#N/A,#N/A,FALSE,FALSE,FALSE,1,65532,65532,FALSE,FALSE,TRUE,TRUE,TRUE}</definedName>
    <definedName name="wvu.LPERDAS._3" hidden="1">{TRUE,TRUE,-1.25,-15.5,484.5,278.25,FALSE,FALSE,TRUE,FALSE,0,5,#N/A,63,#N/A,7.47457627118644,22.5714285714286,1,FALSE,FALSE,3,TRUE,1,FALSE,100,"Swvu.LPERDAS.","ACwvu.LPERDAS.",#N/A,FALSE,FALSE,0,0,0,0,2,"","",FALSE,FALSE,FALSE,FALSE,1,90,#N/A,#N/A,"=R1C1:R650C11",FALSE,#N/A,#N/A,FALSE,FALSE,FALSE,1,65532,65532,FALSE,FALSE,TRUE,TRUE,TRUE}</definedName>
    <definedName name="wvu.LPERDAS._4" hidden="1">{TRUE,TRUE,-1.25,-15.5,484.5,278.25,FALSE,FALSE,TRUE,FALSE,0,5,#N/A,63,#N/A,7.47457627118644,22.5714285714286,1,FALSE,FALSE,3,TRUE,1,FALSE,100,"Swvu.LPERDAS.","ACwvu.LPERDAS.",#N/A,FALSE,FALSE,0,0,0,0,2,"","",FALSE,FALSE,FALSE,FALSE,1,90,#N/A,#N/A,"=R1C1:R650C11",FALSE,#N/A,#N/A,FALSE,FALSE,FALSE,1,65532,65532,FALSE,FALSE,TRUE,TRUE,TRUE}</definedName>
    <definedName name="wvu.LPERDAS._5" hidden="1">{TRUE,TRUE,-1.25,-15.5,484.5,278.25,FALSE,FALSE,TRUE,FALSE,0,5,#N/A,63,#N/A,7.47457627118644,22.5714285714286,1,FALSE,FALSE,3,TRUE,1,FALSE,100,"Swvu.LPERDAS.","ACwvu.LPERDAS.",#N/A,FALSE,FALSE,0,0,0,0,2,"","",FALSE,FALSE,FALSE,FALSE,1,90,#N/A,#N/A,"=R1C1:R650C11",FALSE,#N/A,#N/A,FALSE,FALSE,FALSE,1,65532,65532,FALSE,FALSE,TRUE,TRUE,TRUE}</definedName>
    <definedName name="wvu.Print_Todo." localSheetId="0" hidden="1">{TRUE,TRUE,-1.25,-15.5,484.5,276.75,FALSE,TRUE,TRUE,TRUE,0,1,1,300,1,1.96296296296296,1.15384615384615,4,TRUE,TRUE,3,TRUE,1,FALSE,75,"Swvu.Print_Todo.","ACwvu.Print_Todo.",#N/A,FALSE,FALSE,0,0,0,0,2,"","",FALSE,FALSE,TRUE,FALSE,1,#N/A,2,10,"=R1C1:R636C40",FALSE,#N/A,#N/A,FALSE,FALSE,FALSE,9,300,300,FALSE,TRUE,TRUE,TRUE,TRUE}</definedName>
    <definedName name="wvu.Print_Todo." hidden="1">{TRUE,TRUE,-1.25,-15.5,484.5,276.75,FALSE,TRUE,TRUE,TRUE,0,1,1,300,1,1.96296296296296,1.15384615384615,4,TRUE,TRUE,3,TRUE,1,FALSE,75,"Swvu.Print_Todo.","ACwvu.Print_Todo.",#N/A,FALSE,FALSE,0,0,0,0,2,"","",FALSE,FALSE,TRUE,FALSE,1,#N/A,2,10,"=R1C1:R636C40",FALSE,#N/A,#N/A,FALSE,FALSE,FALSE,9,300,300,FALSE,TRUE,TRUE,TRUE,TRUE}</definedName>
    <definedName name="wvu.RES432." hidden="1">{TRUE,TRUE,-1.25,-15.5,484.5,278.25,FALSE,FALSE,TRUE,FALSE,0,5,#N/A,593,#N/A,7.47457627118644,22.5714285714286,1,FALSE,FALSE,3,TRUE,1,FALSE,100,"Swvu.RES432.","ACwvu.RES432.",#N/A,FALSE,FALSE,0,0,0,0,2,"","",FALSE,FALSE,FALSE,FALSE,1,90,#N/A,#N/A,"=R1C1:R650C11",FALSE,#N/A,#N/A,FALSE,FALSE,FALSE,1,65532,65532,FALSE,FALSE,TRUE,TRUE,TRUE}</definedName>
    <definedName name="wvu.RES432._1" hidden="1">{TRUE,TRUE,-1.25,-15.5,484.5,278.25,FALSE,FALSE,TRUE,FALSE,0,5,#N/A,593,#N/A,7.47457627118644,22.5714285714286,1,FALSE,FALSE,3,TRUE,1,FALSE,100,"Swvu.RES432.","ACwvu.RES432.",#N/A,FALSE,FALSE,0,0,0,0,2,"","",FALSE,FALSE,FALSE,FALSE,1,90,#N/A,#N/A,"=R1C1:R650C11",FALSE,#N/A,#N/A,FALSE,FALSE,FALSE,1,65532,65532,FALSE,FALSE,TRUE,TRUE,TRUE}</definedName>
    <definedName name="wvu.RES432._2" hidden="1">{TRUE,TRUE,-1.25,-15.5,484.5,278.25,FALSE,FALSE,TRUE,FALSE,0,5,#N/A,593,#N/A,7.47457627118644,22.5714285714286,1,FALSE,FALSE,3,TRUE,1,FALSE,100,"Swvu.RES432.","ACwvu.RES432.",#N/A,FALSE,FALSE,0,0,0,0,2,"","",FALSE,FALSE,FALSE,FALSE,1,90,#N/A,#N/A,"=R1C1:R650C11",FALSE,#N/A,#N/A,FALSE,FALSE,FALSE,1,65532,65532,FALSE,FALSE,TRUE,TRUE,TRUE}</definedName>
    <definedName name="wvu.RES432._3" hidden="1">{TRUE,TRUE,-1.25,-15.5,484.5,278.25,FALSE,FALSE,TRUE,FALSE,0,5,#N/A,593,#N/A,7.47457627118644,22.5714285714286,1,FALSE,FALSE,3,TRUE,1,FALSE,100,"Swvu.RES432.","ACwvu.RES432.",#N/A,FALSE,FALSE,0,0,0,0,2,"","",FALSE,FALSE,FALSE,FALSE,1,90,#N/A,#N/A,"=R1C1:R650C11",FALSE,#N/A,#N/A,FALSE,FALSE,FALSE,1,65532,65532,FALSE,FALSE,TRUE,TRUE,TRUE}</definedName>
    <definedName name="wvu.RES432._4" hidden="1">{TRUE,TRUE,-1.25,-15.5,484.5,278.25,FALSE,FALSE,TRUE,FALSE,0,5,#N/A,593,#N/A,7.47457627118644,22.5714285714286,1,FALSE,FALSE,3,TRUE,1,FALSE,100,"Swvu.RES432.","ACwvu.RES432.",#N/A,FALSE,FALSE,0,0,0,0,2,"","",FALSE,FALSE,FALSE,FALSE,1,90,#N/A,#N/A,"=R1C1:R650C11",FALSE,#N/A,#N/A,FALSE,FALSE,FALSE,1,65532,65532,FALSE,FALSE,TRUE,TRUE,TRUE}</definedName>
    <definedName name="wvu.RES432._5" hidden="1">{TRUE,TRUE,-1.25,-15.5,484.5,278.25,FALSE,FALSE,TRUE,FALSE,0,5,#N/A,593,#N/A,7.47457627118644,22.5714285714286,1,FALSE,FALSE,3,TRUE,1,FALSE,100,"Swvu.RES432.","ACwvu.RES432.",#N/A,FALSE,FALSE,0,0,0,0,2,"","",FALSE,FALSE,FALSE,FALSE,1,90,#N/A,#N/A,"=R1C1:R650C11",FALSE,#N/A,#N/A,FALSE,FALSE,FALSE,1,65532,65532,FALSE,FALSE,TRUE,TRUE,TRUE}</definedName>
    <definedName name="wvu.Socios._.95." localSheetId="0"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wvu.Socios._.95." hidden="1">{TRUE,TRUE,-1.25,-15.5,484.5,276.75,FALSE,TRUE,TRUE,TRUE,0,1,#N/A,1,#N/A,6.625,18.0588235294118,1,FALSE,FALSE,3,TRUE,1,FALSE,100,"Swvu.Socios._.95.","ACwvu.Socios._.95.",#N/A,FALSE,FALSE,0.78740157480315,0.78740157480315,0.984251968503937,0.984251968503937,2,"","&amp;L&amp;F&amp;C&amp;A&amp;R&amp;D",TRUE,FALSE,FALSE,FALSE,1,#N/A,1,1,"=R1C1:R14C15",FALSE,#N/A,"Cwvu.Socios._.95.",FALSE,FALSE,FALSE,9,65532,65532,FALSE,FALSE,TRUE,TRUE,TRUE}</definedName>
    <definedName name="wvu.summary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_1"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_2"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_3"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_4"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1._5" hidden="1">{TRUE,TRUE,-1.25,-15.5,604.5,369,FALSE,FALSE,TRUE,TRUE,0,1,#N/A,1,#N/A,20.5555555555556,28.9285714285714,1,FALSE,FALSE,3,TRUE,1,FALSE,80,"Swvu.summary1.","ACwvu.summary1.",#N/A,FALSE,FALSE,0.5,0.5,0.5,0.5,2,"&amp;F","&amp;L&amp;D&amp;C&amp;A&amp;RPage &amp;P",TRUE,FALSE,FALSE,FALSE,1,50,#N/A,#N/A,"=R1C1:R55C31",FALSE,#N/A,#N/A,FALSE,FALSE,TRUE,1,600,600,FALSE,FALSE,TRUE,TRUE,TRUE}</definedName>
    <definedName name="wvu.summary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_1"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_2"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_3"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_4"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2._5" hidden="1">{TRUE,TRUE,-1.25,-15.5,604.5,369,FALSE,FALSE,TRUE,TRUE,0,1,#N/A,41,#N/A,20.5555555555556,27.0714285714286,1,FALSE,FALSE,3,TRUE,1,FALSE,80,"Swvu.summary2.","ACwvu.summary2.",#N/A,FALSE,FALSE,0.5,0.5,0.5,0.5,2,"&amp;F","&amp;A&amp;RPage &amp;P",TRUE,FALSE,FALSE,FALSE,1,50,#N/A,#N/A,"=R56C1:R103C31",FALSE,#N/A,#N/A,FALSE,FALSE,TRUE,1,600,600,FALSE,FALSE,TRUE,TRUE,TRUE}</definedName>
    <definedName name="wvu.summary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_1"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_2"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_3"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_4"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summary3._5" hidden="1">{TRUE,TRUE,-1.25,-15.5,604.5,369,FALSE,FALSE,TRUE,TRUE,0,1,#N/A,91,#N/A,20.5555555555556,24.8571428571429,1,FALSE,FALSE,3,TRUE,1,FALSE,80,"Swvu.summary3.","ACwvu.summary3.",#N/A,FALSE,FALSE,0.5,0.5,0.5,0.5,2,"&amp;F","&amp;A&amp;RPage &amp;P",TRUE,FALSE,FALSE,FALSE,1,50,#N/A,#N/A,"=R104C1:R153C31",FALSE,#N/A,#N/A,FALSE,FALSE,TRUE,1,600,600,FALSE,FALSE,TRUE,TRUE,TRUE}</definedName>
    <definedName name="wvu.VERLUCRO."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vu.VERLUCRO._1"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vu.VERLUCRO._2"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vu.VERLUCRO._3"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vu.VERLUCRO._4"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vu.VERLUCRO._5" hidden="1">{FALSE,FALSE,-1.25,-15.5,484.5,278.25,FALSE,FALSE,TRUE,FALSE,0,1,#N/A,1106,#N/A,12.4059405940594,23.2666666666667,1,FALSE,FALSE,3,TRUE,1,FALSE,100,"Swvu.VERLUCRO.","ACwvu.VERLUCRO.",#N/A,FALSE,FALSE,0,0,0,0,1,"","",TRUE,FALSE,FALSE,FALSE,1,95,#N/A,#N/A,FALSE,FALSE,FALSE,FALSE,FALSE,FALSE,FALSE,1,65532,65532,FALSE,FALSE,TRUE,TRUE,TRUE}</definedName>
    <definedName name="wwwwww" hidden="1">{"SCH73",#N/A,FALSE,"eva";"SCH74",#N/A,FALSE,"eva";"SCH75",#N/A,FALSE,"eva"}</definedName>
    <definedName name="X" localSheetId="0"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X" hidden="1">{"Expenses Amalysis Months MKT",#N/A,TRUE,"MKT";"Expenses Analysis Months BUSS",#N/A,TRUE,"BusOper";"Expenses Analysis Months TECH",#N/A,TRUE,"Tech";"Expenses Analysis Months LOCAL",#N/A,TRUE,"LocalProg";"Expenses Analysis Months GA",#N/A,TRUE,"G&amp;A";"Expenses Analysis Months CONSOL",#N/A,TRUE,"Consolidate"}</definedName>
    <definedName name="xcvgfty"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cvgfty_1"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cvgfty_2"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cvgfty_3"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cvgfty_4"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cvgfty_5" hidden="1">{TRUE,TRUE,-2.75,-17,964.5,641.25,FALSE,TRUE,TRUE,TRUE,0,18,#N/A,11,#N/A,22.5227272727273,72.25,1,FALSE,FALSE,3,TRUE,1,FALSE,40,"Swvu.KJP_CC.","ACwvu.KJP_CC.",#N/A,FALSE,FALSE,0,0,0,0,2,"&amp;C&amp;""Arial,Bold""&amp;72Actual Production vs. Projected ","&amp;R&amp;""Arial,Bold Italic""&amp;8&amp;F&amp;A&amp;D",TRUE,TRUE,FALSE,FALSE,1,#N/A,1,1,"=R13C18:R168C107",FALSE,"Rwvu.KJP_CC.","Cwvu.KJP_CC.",FALSE,FALSE,FALSE,263,600,600,FALSE,FALSE,TRUE,TRUE,TRUE}</definedName>
    <definedName name="xdif_ActivateOnOpen" hidden="1">FALSE</definedName>
    <definedName name="xdif_RefreshIncludeLists" hidden="1">TRUE</definedName>
    <definedName name="xf" hidden="1">{"Econ Consolidado",#N/A,FALSE,"Econ Consol";"Fluxo de Caixa",#N/A,FALSE,"Fluxo Caixa";"Investimentos",#N/A,FALSE,"Investimentos"}</definedName>
    <definedName name="XREF_COLUMN_1" hidden="1">#REF!</definedName>
    <definedName name="XREF_COLUMN_10" hidden="1">#REF!</definedName>
    <definedName name="XREF_COLUMN_11" hidden="1">#REF!</definedName>
    <definedName name="XREF_COLUMN_12" hidden="1">#REF!</definedName>
    <definedName name="XREF_COLUMN_13" hidden="1">#REF!</definedName>
    <definedName name="XREF_COLUMN_14" hidden="1">#REF!</definedName>
    <definedName name="XREF_COLUMN_15" hidden="1">#REF!</definedName>
    <definedName name="XREF_COLUMN_16" hidden="1">#REF!</definedName>
    <definedName name="XREF_COLUMN_17" hidden="1">[28]VC!#REF!</definedName>
    <definedName name="XREF_COLUMN_18" hidden="1">#REF!</definedName>
    <definedName name="XREF_COLUMN_19" hidden="1">#REF!</definedName>
    <definedName name="XREF_COLUMN_2" hidden="1">#REF!</definedName>
    <definedName name="XREF_COLUMN_20" hidden="1">#REF!</definedName>
    <definedName name="XREF_COLUMN_21" hidden="1">'[29]PAS Moeda Nacional'!#REF!</definedName>
    <definedName name="XREF_COLUMN_22" hidden="1">'[16]Equity dez 04'!#REF!</definedName>
    <definedName name="XREF_COLUMN_23" hidden="1">#REF!</definedName>
    <definedName name="XREF_COLUMN_24" hidden="1">'[30]PAS Moeda Nacional'!#REF!</definedName>
    <definedName name="XREF_COLUMN_25" hidden="1">#REF!</definedName>
    <definedName name="XREF_COLUMN_28" hidden="1">'[29]PAS Moeda Nacional'!#REF!</definedName>
    <definedName name="XREF_COLUMN_29" hidden="1">'[29]PAS Moeda Nacional'!#REF!</definedName>
    <definedName name="XREF_COLUMN_3" hidden="1">#REF!</definedName>
    <definedName name="XREF_COLUMN_30" hidden="1">'[29]PAS Moeda Nacional'!#REF!</definedName>
    <definedName name="XREF_COLUMN_31" hidden="1">'[29]PAS Moeda Nacional'!#REF!</definedName>
    <definedName name="XREF_COLUMN_32" hidden="1">'[30]PAS Moeda Nacional'!#REF!</definedName>
    <definedName name="XREF_COLUMN_34" hidden="1">#REF!</definedName>
    <definedName name="XREF_COLUMN_35" hidden="1">#REF!</definedName>
    <definedName name="XREF_COLUMN_4" hidden="1">#REF!</definedName>
    <definedName name="XREF_COLUMN_5" hidden="1">#REF!</definedName>
    <definedName name="XREF_COLUMN_6" hidden="1">#REF!</definedName>
    <definedName name="XREF_COLUMN_7" hidden="1">#REF!</definedName>
    <definedName name="XREF_COLUMN_8" hidden="1">#REF!</definedName>
    <definedName name="XREF_COLUMN_9" hidden="1">#REF!</definedName>
    <definedName name="XRefActiveRow" hidden="1">#REF!</definedName>
    <definedName name="XRefColumnsCount" hidden="1">1</definedName>
    <definedName name="XRefCopy1" hidden="1">#REF!</definedName>
    <definedName name="XRefCopy10" hidden="1">#REF!</definedName>
    <definedName name="XRefCopy10Row" hidden="1">#REF!</definedName>
    <definedName name="XRefCopy11" hidden="1">#REF!</definedName>
    <definedName name="XRefCopy114" hidden="1">#REF!</definedName>
    <definedName name="XRefCopy115" hidden="1">#REF!</definedName>
    <definedName name="XRefCopy116" hidden="1">'[29]PAS Moeda Nacional'!#REF!</definedName>
    <definedName name="XRefCopy117" hidden="1">'[29]PAS Moeda Nacional'!#REF!</definedName>
    <definedName name="XRefCopy118" hidden="1">'[29]PAS Moeda Nacional'!#REF!</definedName>
    <definedName name="XRefCopy119" hidden="1">'[29]PAS Moeda Nacional'!#REF!</definedName>
    <definedName name="XRefCopy11Row" hidden="1">#REF!</definedName>
    <definedName name="XRefCopy12" hidden="1">#REF!</definedName>
    <definedName name="XRefCopy120" hidden="1">'[29]PAS Moeda Nacional'!#REF!</definedName>
    <definedName name="XRefCopy121" hidden="1">'[29]PAS Moeda Nacional'!#REF!</definedName>
    <definedName name="XRefCopy121Row" hidden="1">#REF!</definedName>
    <definedName name="XRefCopy122" hidden="1">'[29]PAS Moeda Nacional'!#REF!</definedName>
    <definedName name="XRefCopy122Row" hidden="1">#REF!</definedName>
    <definedName name="XRefCopy123" hidden="1">'[29]PAS Moeda Nacional'!#REF!</definedName>
    <definedName name="XRefCopy123Row" hidden="1">#REF!</definedName>
    <definedName name="XRefCopy124" hidden="1">'[30]PAS Moeda Nacional'!#REF!</definedName>
    <definedName name="XRefCopy124Row" hidden="1">#REF!</definedName>
    <definedName name="XRefCopy125" hidden="1">'[30]PAS Moeda Nacional'!#REF!</definedName>
    <definedName name="XRefCopy125Row" hidden="1">#REF!</definedName>
    <definedName name="XRefCopy126Row" hidden="1">#REF!</definedName>
    <definedName name="XRefCopy127Row" hidden="1">#REF!</definedName>
    <definedName name="XRefCopy128Row" hidden="1">#REF!</definedName>
    <definedName name="XRefCopy129Row" hidden="1">#REF!</definedName>
    <definedName name="XRefCopy12Row" hidden="1">#REF!</definedName>
    <definedName name="XRefCopy13" hidden="1">#REF!</definedName>
    <definedName name="XRefCopy130Row" hidden="1">#REF!</definedName>
    <definedName name="XRefCopy131Row" hidden="1">#REF!</definedName>
    <definedName name="XRefCopy132Row" hidden="1">#REF!</definedName>
    <definedName name="XRefCopy133Row" hidden="1">#REF!</definedName>
    <definedName name="XRefCopy134" hidden="1">'[29]PAS Moeda Nacional'!#REF!</definedName>
    <definedName name="XRefCopy134Row" hidden="1">#REF!</definedName>
    <definedName name="XRefCopy135" hidden="1">'[29]PAS Moeda Nacional'!#REF!</definedName>
    <definedName name="XRefCopy135Row" hidden="1">#REF!</definedName>
    <definedName name="XRefCopy136" hidden="1">'[29]PAS Moeda Nacional'!#REF!</definedName>
    <definedName name="XRefCopy136Row" hidden="1">#REF!</definedName>
    <definedName name="XRefCopy137" hidden="1">'[29]PAS Moeda Nacional'!#REF!</definedName>
    <definedName name="XRefCopy137Row" hidden="1">#REF!</definedName>
    <definedName name="XRefCopy138Row" hidden="1">#REF!</definedName>
    <definedName name="XRefCopy139Row" hidden="1">#REF!</definedName>
    <definedName name="XRefCopy13Row" hidden="1">#REF!</definedName>
    <definedName name="XRefCopy14" hidden="1">#REF!</definedName>
    <definedName name="XRefCopy140Row" hidden="1">#REF!</definedName>
    <definedName name="XRefCopy141Row" hidden="1">#REF!</definedName>
    <definedName name="XRefCopy143Row" hidden="1">#REF!</definedName>
    <definedName name="XRefCopy144Row" hidden="1">#REF!</definedName>
    <definedName name="XRefCopy145Row" hidden="1">#REF!</definedName>
    <definedName name="XRefCopy146Row" hidden="1">#REF!</definedName>
    <definedName name="XRefCopy147Row" hidden="1">#REF!</definedName>
    <definedName name="XRefCopy149Row"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31]XREF!#REF!</definedName>
    <definedName name="XRefCopy23" hidden="1">#REF!</definedName>
    <definedName name="XRefCopy23Row" hidden="1">[31]XREF!#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 hidden="1">#REF!</definedName>
    <definedName name="XRefCopy28Row" hidden="1">#REF!</definedName>
    <definedName name="XRefCopy29" hidden="1">#REF!</definedName>
    <definedName name="XRefCopy29Row" hidden="1">#REF!</definedName>
    <definedName name="XRefCopy2Row" hidden="1">#REF!</definedName>
    <definedName name="XRefCopy3" hidden="1">#REF!</definedName>
    <definedName name="XRefCopy30" hidden="1">#REF!</definedName>
    <definedName name="XRefCopy30Row" hidden="1">#REF!</definedName>
    <definedName name="XRefCopy31" hidden="1">#REF!</definedName>
    <definedName name="XRefCopy31Row" hidden="1">#REF!</definedName>
    <definedName name="XRefCopy32" hidden="1">[28]VC!#REF!</definedName>
    <definedName name="XRefCopy32Row" hidden="1">#REF!</definedName>
    <definedName name="XRefCopy33" hidden="1">[28]VC!#REF!</definedName>
    <definedName name="XRefCopy33Row" hidden="1">#REF!</definedName>
    <definedName name="XRefCopy34" hidden="1">#REF!</definedName>
    <definedName name="XRefCopy34Row" hidden="1">#REF!</definedName>
    <definedName name="XRefCopy35" hidden="1">#REF!</definedName>
    <definedName name="XRefCopy35Row" hidden="1">#REF!</definedName>
    <definedName name="XRefCopy36" hidden="1">#REF!</definedName>
    <definedName name="XRefCopy36Row" hidden="1">#REF!</definedName>
    <definedName name="XRefCopy37" hidden="1">#REF!</definedName>
    <definedName name="XRefCopy37Row" hidden="1">#REF!</definedName>
    <definedName name="XRefCopy38" hidden="1">#REF!</definedName>
    <definedName name="XRefCopy38Row" hidden="1">#REF!</definedName>
    <definedName name="XRefCopy39" hidden="1">#REF!</definedName>
    <definedName name="XRefCopy39Row" hidden="1">#REF!</definedName>
    <definedName name="XRefCopy3Row" hidden="1">#REF!</definedName>
    <definedName name="XRefCopy4" hidden="1">#REF!</definedName>
    <definedName name="XRefCopy40" hidden="1">#REF!</definedName>
    <definedName name="XRefCopy40Row" hidden="1">#REF!</definedName>
    <definedName name="XRefCopy41" hidden="1">#REF!</definedName>
    <definedName name="XRefCopy41Row" hidden="1">#REF!</definedName>
    <definedName name="XRefCopy42" hidden="1">#REF!</definedName>
    <definedName name="XRefCopy42Row" hidden="1">#REF!</definedName>
    <definedName name="XRefCopy43" hidden="1">#REF!</definedName>
    <definedName name="XRefCopy43Row" hidden="1">#REF!</definedName>
    <definedName name="XRefCopy44" hidden="1">#REF!</definedName>
    <definedName name="XRefCopy44Row" hidden="1">#REF!</definedName>
    <definedName name="XRefCopy45" hidden="1">#REF!</definedName>
    <definedName name="XRefCopy45Row" hidden="1">#REF!</definedName>
    <definedName name="XRefCopy46" hidden="1">#REF!</definedName>
    <definedName name="XRefCopy46Row" hidden="1">#REF!</definedName>
    <definedName name="XRefCopy47" hidden="1">#REF!</definedName>
    <definedName name="XRefCopy47Row" hidden="1">#REF!</definedName>
    <definedName name="XRefCopy48" hidden="1">#REF!</definedName>
    <definedName name="XRefCopy48Row" hidden="1">#REF!</definedName>
    <definedName name="XRefCopy49" hidden="1">#REF!</definedName>
    <definedName name="XRefCopy49Row" hidden="1">#REF!</definedName>
    <definedName name="XRefCopy4Row" hidden="1">#REF!</definedName>
    <definedName name="XRefCopy5" hidden="1">#REF!</definedName>
    <definedName name="XRefCopy50" hidden="1">#REF!</definedName>
    <definedName name="XRefCopy50Row" hidden="1">#REF!</definedName>
    <definedName name="XRefCopy51" hidden="1">#REF!</definedName>
    <definedName name="XRefCopy51Row" hidden="1">#REF!</definedName>
    <definedName name="XRefCopy52" hidden="1">#REF!</definedName>
    <definedName name="XRefCopy52Row" hidden="1">#REF!</definedName>
    <definedName name="XRefCopy53" hidden="1">#REF!</definedName>
    <definedName name="XRefCopy53Row" hidden="1">#REF!</definedName>
    <definedName name="XRefCopy54" hidden="1">#REF!</definedName>
    <definedName name="XRefCopy54Row" hidden="1">#REF!</definedName>
    <definedName name="XRefCopy55" hidden="1">#REF!</definedName>
    <definedName name="XRefCopy55Row" hidden="1">#REF!</definedName>
    <definedName name="XRefCopy56" hidden="1">#REF!</definedName>
    <definedName name="XRefCopy56Row" hidden="1">#REF!</definedName>
    <definedName name="XRefCopy57" hidden="1">#REF!</definedName>
    <definedName name="XRefCopy57Row" hidden="1">#REF!</definedName>
    <definedName name="XRefCopy58" hidden="1">#REF!</definedName>
    <definedName name="XRefCopy58Row" hidden="1">#REF!</definedName>
    <definedName name="XRefCopy59" hidden="1">#REF!</definedName>
    <definedName name="XRefCopy59Row" hidden="1">#REF!</definedName>
    <definedName name="XRefCopy5Row" hidden="1">#REF!</definedName>
    <definedName name="XRefCopy6" hidden="1">#REF!</definedName>
    <definedName name="XRefCopy60" hidden="1">#REF!</definedName>
    <definedName name="XRefCopy60Row" hidden="1">#REF!</definedName>
    <definedName name="XRefCopy61" hidden="1">#REF!</definedName>
    <definedName name="XRefCopy61Row" hidden="1">#REF!</definedName>
    <definedName name="XRefCopy62" hidden="1">#REF!</definedName>
    <definedName name="XRefCopy62Row" hidden="1">#REF!</definedName>
    <definedName name="XRefCopy63" hidden="1">#REF!</definedName>
    <definedName name="XRefCopy63Row" hidden="1">#REF!</definedName>
    <definedName name="XRefCopy64" hidden="1">#REF!</definedName>
    <definedName name="XRefCopy64Row" hidden="1">#REF!</definedName>
    <definedName name="XRefCopy65Row" hidden="1">#REF!</definedName>
    <definedName name="XRefCopy66" hidden="1">#REF!</definedName>
    <definedName name="XRefCopy66Row" hidden="1">#REF!</definedName>
    <definedName name="XRefCopy67Row" hidden="1">#REF!</definedName>
    <definedName name="XRefCopy68Row" hidden="1">#REF!</definedName>
    <definedName name="XRefCopy69Row" hidden="1">#REF!</definedName>
    <definedName name="XRefCopy6Row" hidden="1">#REF!</definedName>
    <definedName name="XRefCopy7" hidden="1">#REF!</definedName>
    <definedName name="XRefCopy70Row" hidden="1">#REF!</definedName>
    <definedName name="XRefCopy71" hidden="1">'[29]PAS Moeda Nacional'!#REF!</definedName>
    <definedName name="XRefCopy71Row" hidden="1">#REF!</definedName>
    <definedName name="XRefCopy72" hidden="1">'[29]PAS Moeda Nacional'!#REF!</definedName>
    <definedName name="XRefCopy72Row" hidden="1">#REF!</definedName>
    <definedName name="XRefCopy73" hidden="1">'[29]PAS Moeda Nacional'!#REF!</definedName>
    <definedName name="XRefCopy73Row" hidden="1">#REF!</definedName>
    <definedName name="XRefCopy74" hidden="1">'[29]PAS Moeda Nacional'!#REF!</definedName>
    <definedName name="XRefCopy74Row" hidden="1">#REF!</definedName>
    <definedName name="XRefCopy75" hidden="1">'[29]PAS Moeda Nacional'!#REF!</definedName>
    <definedName name="XRefCopy75Row" hidden="1">#REF!</definedName>
    <definedName name="XRefCopy76" hidden="1">#REF!</definedName>
    <definedName name="XRefCopy76Row" hidden="1">#REF!</definedName>
    <definedName name="XRefCopy77" hidden="1">'[29]PAS Moeda Nacional'!#REF!</definedName>
    <definedName name="XRefCopy77Row" hidden="1">#REF!</definedName>
    <definedName name="XRefCopy78" hidden="1">'[29]PAS Moeda Nacional'!#REF!</definedName>
    <definedName name="XRefCopy78Row" hidden="1">#REF!</definedName>
    <definedName name="XRefCopy7Row" hidden="1">#REF!</definedName>
    <definedName name="XRefCopy8" hidden="1">#REF!</definedName>
    <definedName name="XRefCopy80Row" hidden="1">#REF!</definedName>
    <definedName name="XRefCopy81Row" hidden="1">#REF!</definedName>
    <definedName name="XRefCopy82Row" hidden="1">#REF!</definedName>
    <definedName name="XRefCopy8Row" hidden="1">#REF!</definedName>
    <definedName name="XRefCopy9" hidden="1">#REF!</definedName>
    <definedName name="XRefCopy9Row" hidden="1">#REF!</definedName>
    <definedName name="XRefCopyRangeCount" hidden="1">5</definedName>
    <definedName name="XRefCopyRangeCount2" hidden="1">4</definedName>
    <definedName name="XRefPaste1" hidden="1">#REF!</definedName>
    <definedName name="XRefPaste10" hidden="1">#REF!</definedName>
    <definedName name="XRefPaste101" hidden="1">#REF!</definedName>
    <definedName name="XRefPaste101Row" hidden="1">#REF!</definedName>
    <definedName name="XRefPaste102" hidden="1">#REF!</definedName>
    <definedName name="XRefPaste102Row" hidden="1">#REF!</definedName>
    <definedName name="XRefPaste103" hidden="1">#REF!</definedName>
    <definedName name="XRefPaste103Row" hidden="1">#REF!</definedName>
    <definedName name="XRefPaste104Row" hidden="1">#REF!</definedName>
    <definedName name="XRefPaste105Row" hidden="1">#REF!</definedName>
    <definedName name="XRefPaste106" hidden="1">#REF!</definedName>
    <definedName name="XRefPaste106Row" hidden="1">#REF!</definedName>
    <definedName name="XRefPaste107Row" hidden="1">#REF!</definedName>
    <definedName name="XRefPaste108Row" hidden="1">#REF!</definedName>
    <definedName name="XRefPaste10Row" hidden="1">#REF!</definedName>
    <definedName name="XRefPaste11" hidden="1">#REF!</definedName>
    <definedName name="XRefPaste111Row" hidden="1">#REF!</definedName>
    <definedName name="XRefPaste112Row" hidden="1">#REF!</definedName>
    <definedName name="XRefPaste117Row" hidden="1">#REF!</definedName>
    <definedName name="XRefPaste118Row" hidden="1">#REF!</definedName>
    <definedName name="XRefPaste119Row" hidden="1">#REF!</definedName>
    <definedName name="XRefPaste11Row" hidden="1">#REF!</definedName>
    <definedName name="XRefPaste12" hidden="1">#REF!</definedName>
    <definedName name="XRefPaste120" hidden="1">#REF!</definedName>
    <definedName name="XRefPaste120Row" hidden="1">#REF!</definedName>
    <definedName name="XRefPaste121Row" hidden="1">#REF!</definedName>
    <definedName name="XRefPaste122Row" hidden="1">#REF!</definedName>
    <definedName name="XRefPaste123Row" hidden="1">#REF!</definedName>
    <definedName name="XRefPaste124Row" hidden="1">#REF!</definedName>
    <definedName name="XRefPaste126Row" hidden="1">#REF!</definedName>
    <definedName name="XRefPaste127Row" hidden="1">#REF!</definedName>
    <definedName name="XRefPaste128Row" hidden="1">#REF!</definedName>
    <definedName name="XRefPaste129Row" hidden="1">#REF!</definedName>
    <definedName name="XRefPaste12Row" hidden="1">#REF!</definedName>
    <definedName name="XRefPaste13" hidden="1">#REF!</definedName>
    <definedName name="XRefPaste130Row" hidden="1">#REF!</definedName>
    <definedName name="XRefPaste131Row" hidden="1">#REF!</definedName>
    <definedName name="XRefPaste132Row" hidden="1">#REF!</definedName>
    <definedName name="XRefPaste133Row" hidden="1">#REF!</definedName>
    <definedName name="XRefPaste134Row" hidden="1">#REF!</definedName>
    <definedName name="XRefPaste135Row" hidden="1">#REF!</definedName>
    <definedName name="XRefPaste136Row" hidden="1">#REF!</definedName>
    <definedName name="XRefPaste137Row" hidden="1">#REF!</definedName>
    <definedName name="XRefPaste138Row" hidden="1">#REF!</definedName>
    <definedName name="XRefPaste139Row" hidden="1">#REF!</definedName>
    <definedName name="XRefPaste13Row" hidden="1">#REF!</definedName>
    <definedName name="XRefPaste14" hidden="1">#REF!</definedName>
    <definedName name="XRefPaste14Row" hidden="1">#REF!</definedName>
    <definedName name="XRefPaste15" hidden="1">#REF!</definedName>
    <definedName name="XRefPaste15Row" hidden="1">#REF!</definedName>
    <definedName name="XRefPaste16" hidden="1">#REF!</definedName>
    <definedName name="XRefPaste16Row" hidden="1">#REF!</definedName>
    <definedName name="XRefPaste17" hidden="1">#REF!</definedName>
    <definedName name="XRefPaste17Row" hidden="1">#REF!</definedName>
    <definedName name="XRefPaste18" hidden="1">#REF!</definedName>
    <definedName name="XRefPaste18Row" hidden="1">#REF!</definedName>
    <definedName name="XRefPaste19" hidden="1">#REF!</definedName>
    <definedName name="XRefPaste19Row" hidden="1">#REF!</definedName>
    <definedName name="XRefPaste1Row" hidden="1">#REF!</definedName>
    <definedName name="XRefPaste2" hidden="1">#REF!</definedName>
    <definedName name="XRefPaste20" hidden="1">#REF!</definedName>
    <definedName name="XRefPaste20Row" hidden="1">#REF!</definedName>
    <definedName name="XRefPaste21" hidden="1">#REF!</definedName>
    <definedName name="XRefPaste21Row" hidden="1">#REF!</definedName>
    <definedName name="XRefPaste22" hidden="1">#REF!</definedName>
    <definedName name="XRefPaste22Row" hidden="1">#REF!</definedName>
    <definedName name="XRefPaste23" hidden="1">#REF!</definedName>
    <definedName name="XRefPaste23Row" hidden="1">#REF!</definedName>
    <definedName name="XRefPaste24" hidden="1">#REF!</definedName>
    <definedName name="XRefPaste24Row" hidden="1">#REF!</definedName>
    <definedName name="XRefPaste25" hidden="1">#REF!</definedName>
    <definedName name="XRefPaste25Row" hidden="1">#REF!</definedName>
    <definedName name="XRefPaste26" hidden="1">#REF!</definedName>
    <definedName name="XRefPaste26Row" hidden="1">#REF!</definedName>
    <definedName name="XRefPaste27" hidden="1">#REF!</definedName>
    <definedName name="XRefPaste27Row" hidden="1">#REF!</definedName>
    <definedName name="XRefPaste28" hidden="1">#REF!</definedName>
    <definedName name="XRefPaste28Row" hidden="1">#REF!</definedName>
    <definedName name="XRefPaste29" hidden="1">#REF!</definedName>
    <definedName name="XRefPaste29Row" hidden="1">#REF!</definedName>
    <definedName name="XRefPaste2Row" hidden="1">#REF!</definedName>
    <definedName name="XRefPaste3" hidden="1">#REF!</definedName>
    <definedName name="XRefPaste30" hidden="1">#REF!</definedName>
    <definedName name="XRefPaste30Row" hidden="1">#REF!</definedName>
    <definedName name="XRefPaste31" hidden="1">#REF!</definedName>
    <definedName name="XRefPaste31Row" hidden="1">#REF!</definedName>
    <definedName name="XRefPaste32" hidden="1">#REF!</definedName>
    <definedName name="XRefPaste32Row" hidden="1">#REF!</definedName>
    <definedName name="XRefPaste33" hidden="1">#REF!</definedName>
    <definedName name="XRefPaste33Row" hidden="1">#REF!</definedName>
    <definedName name="XRefPaste34" hidden="1">#REF!</definedName>
    <definedName name="XRefPaste34Row" hidden="1">#REF!</definedName>
    <definedName name="XRefPaste35" hidden="1">#REF!</definedName>
    <definedName name="XRefPaste35Row" hidden="1">#REF!</definedName>
    <definedName name="XRefPaste36" hidden="1">#REF!</definedName>
    <definedName name="XRefPaste36Row" hidden="1">#REF!</definedName>
    <definedName name="XRefPaste37" hidden="1">#REF!</definedName>
    <definedName name="XRefPaste37Row" hidden="1">#REF!</definedName>
    <definedName name="XRefPaste38" hidden="1">#REF!</definedName>
    <definedName name="XRefPaste38Row" hidden="1">#REF!</definedName>
    <definedName name="XRefPaste39" hidden="1">#REF!</definedName>
    <definedName name="XRefPaste39Row" hidden="1">#REF!</definedName>
    <definedName name="XRefPaste3Row" hidden="1">#REF!</definedName>
    <definedName name="XRefPaste4" hidden="1">#REF!</definedName>
    <definedName name="XRefPaste40" hidden="1">#REF!</definedName>
    <definedName name="XRefPaste40Row" hidden="1">#REF!</definedName>
    <definedName name="XRefPaste41" hidden="1">#REF!</definedName>
    <definedName name="XRefPaste41Row" hidden="1">#REF!</definedName>
    <definedName name="XRefPaste42" hidden="1">#REF!</definedName>
    <definedName name="XRefPaste42Row" hidden="1">#REF!</definedName>
    <definedName name="XRefPaste43" hidden="1">#REF!</definedName>
    <definedName name="XRefPaste43Row" hidden="1">#REF!</definedName>
    <definedName name="XRefPaste44" hidden="1">#REF!</definedName>
    <definedName name="XRefPaste44Row" hidden="1">#REF!</definedName>
    <definedName name="XRefPaste45" hidden="1">#REF!</definedName>
    <definedName name="XRefPaste45Row" hidden="1">#REF!</definedName>
    <definedName name="XRefPaste46" hidden="1">#REF!</definedName>
    <definedName name="XRefPaste46Row" hidden="1">#REF!</definedName>
    <definedName name="XRefPaste47" hidden="1">#REF!</definedName>
    <definedName name="XRefPaste47Row" hidden="1">#REF!</definedName>
    <definedName name="XRefPaste48" hidden="1">#REF!</definedName>
    <definedName name="XRefPaste48Row" hidden="1">#REF!</definedName>
    <definedName name="XRefPaste49" hidden="1">#REF!</definedName>
    <definedName name="XRefPaste49Row" hidden="1">#REF!</definedName>
    <definedName name="XRefPaste4Row" hidden="1">#REF!</definedName>
    <definedName name="XRefPaste5" hidden="1">#REF!</definedName>
    <definedName name="XRefPaste50" hidden="1">#REF!</definedName>
    <definedName name="XRefPaste50Row" hidden="1">#REF!</definedName>
    <definedName name="XRefPaste51" hidden="1">#REF!</definedName>
    <definedName name="XRefPaste51Row" hidden="1">#REF!</definedName>
    <definedName name="XRefPaste52" hidden="1">#REF!</definedName>
    <definedName name="XRefPaste52Row" hidden="1">#REF!</definedName>
    <definedName name="XRefPaste53" hidden="1">#REF!</definedName>
    <definedName name="XRefPaste53Row" hidden="1">#REF!</definedName>
    <definedName name="XRefPaste54" hidden="1">#REF!</definedName>
    <definedName name="XRefPaste54Row" hidden="1">#REF!</definedName>
    <definedName name="XRefPaste55" hidden="1">#REF!</definedName>
    <definedName name="XRefPaste55Row" hidden="1">#REF!</definedName>
    <definedName name="XRefPaste56" hidden="1">#REF!</definedName>
    <definedName name="XRefPaste56Row" hidden="1">#REF!</definedName>
    <definedName name="XRefPaste57" hidden="1">#REF!</definedName>
    <definedName name="XRefPaste57Row" hidden="1">#REF!</definedName>
    <definedName name="XRefPaste58" hidden="1">#REF!</definedName>
    <definedName name="XRefPaste58Row" hidden="1">#REF!</definedName>
    <definedName name="XRefPaste59" hidden="1">#REF!</definedName>
    <definedName name="XRefPaste59Row" hidden="1">#REF!</definedName>
    <definedName name="XRefPaste5Row" hidden="1">#REF!</definedName>
    <definedName name="XRefPaste6" hidden="1">#REF!</definedName>
    <definedName name="XRefPaste60" hidden="1">#REF!</definedName>
    <definedName name="XRefPaste60Row" hidden="1">#REF!</definedName>
    <definedName name="XRefPaste61" hidden="1">#REF!</definedName>
    <definedName name="XRefPaste61Row" hidden="1">#REF!</definedName>
    <definedName name="XRefPaste62" hidden="1">#REF!</definedName>
    <definedName name="XRefPaste62Row" hidden="1">#REF!</definedName>
    <definedName name="XRefPaste63" hidden="1">#REF!</definedName>
    <definedName name="XRefPaste63Row" hidden="1">#REF!</definedName>
    <definedName name="XRefPaste64Row" hidden="1">#REF!</definedName>
    <definedName name="XRefPaste65" hidden="1">#REF!</definedName>
    <definedName name="XRefPaste65Row" hidden="1">#REF!</definedName>
    <definedName name="XRefPaste66" hidden="1">#REF!</definedName>
    <definedName name="XRefPaste66Row" hidden="1">#REF!</definedName>
    <definedName name="XRefPaste67" hidden="1">#REF!</definedName>
    <definedName name="XRefPaste67Row" hidden="1">#REF!</definedName>
    <definedName name="XRefPaste68" hidden="1">#REF!</definedName>
    <definedName name="XRefPaste68Row" hidden="1">#REF!</definedName>
    <definedName name="XRefPaste69Row" hidden="1">#REF!</definedName>
    <definedName name="XRefPaste6Row" hidden="1">#REF!</definedName>
    <definedName name="XRefPaste7" hidden="1">#REF!</definedName>
    <definedName name="XRefPaste70" hidden="1">#REF!</definedName>
    <definedName name="XRefPaste70Row" hidden="1">#REF!</definedName>
    <definedName name="XRefPaste71" hidden="1">#REF!</definedName>
    <definedName name="XRefPaste71Row" hidden="1">#REF!</definedName>
    <definedName name="XRefPaste72" hidden="1">#REF!</definedName>
    <definedName name="XRefPaste72Row" hidden="1">#REF!</definedName>
    <definedName name="XRefPaste75" hidden="1">#REF!</definedName>
    <definedName name="XRefPaste75Row" hidden="1">#REF!</definedName>
    <definedName name="XRefPaste77" hidden="1">#REF!</definedName>
    <definedName name="XRefPaste77Row" hidden="1">#REF!</definedName>
    <definedName name="XRefPaste78" hidden="1">#REF!</definedName>
    <definedName name="XRefPaste78Row" hidden="1">#REF!</definedName>
    <definedName name="XRefPaste79" hidden="1">#REF!</definedName>
    <definedName name="XRefPaste79Row" hidden="1">#REF!</definedName>
    <definedName name="XRefPaste7Row" hidden="1">#REF!</definedName>
    <definedName name="XRefPaste8" hidden="1">#REF!</definedName>
    <definedName name="XRefPaste80" hidden="1">#REF!</definedName>
    <definedName name="XRefPaste80Row" hidden="1">#REF!</definedName>
    <definedName name="XRefPaste81" hidden="1">#REF!</definedName>
    <definedName name="XRefPaste81Row" hidden="1">#REF!</definedName>
    <definedName name="XRefPaste82" hidden="1">#REF!</definedName>
    <definedName name="XRefPaste82Row" hidden="1">#REF!</definedName>
    <definedName name="XRefPaste8Row" hidden="1">#REF!</definedName>
    <definedName name="XRefPaste9" hidden="1">#REF!</definedName>
    <definedName name="XRefPaste99Row" hidden="1">#REF!</definedName>
    <definedName name="XRefPaste9Row" hidden="1">#REF!</definedName>
    <definedName name="XRefPasteRangeCount" hidden="1">35</definedName>
    <definedName name="xs" hidden="1">{#N/A,#N/A,FALSE,"ENERGIA";#N/A,#N/A,FALSE,"PERDIDAS";#N/A,#N/A,FALSE,"CLIENTES";#N/A,#N/A,FALSE,"ESTADO";#N/A,#N/A,FALSE,"TECNICA"}</definedName>
    <definedName name="xsa" hidden="1">{#N/A,#N/A,FALSE,"LLAVE";#N/A,#N/A,FALSE,"EERR";#N/A,#N/A,FALSE,"ESP";#N/A,#N/A,FALSE,"EOAF";#N/A,#N/A,FALSE,"CASH";#N/A,#N/A,FALSE,"FINANZAS";#N/A,#N/A,FALSE,"DEUDA";#N/A,#N/A,FALSE,"INVERSION";#N/A,#N/A,FALSE,"PERSONAL"}</definedName>
    <definedName name="xx" hidden="1">{#N/A,#N/A,FALSE,"NAI Cash Flow"}</definedName>
    <definedName name="XXW" hidden="1">{#N/A,#N/A,FALSE,"SIM95"}</definedName>
    <definedName name="xxx" localSheetId="0" hidden="1">{#N/A,#N/A,FALSE,"HEADALU";#N/A,#N/A,FALSE,"REVHEAD";#N/A,#N/A,FALSE,"ESTAGIARIOS";#N/A,#N/A,FALSE,"VAGAS"}</definedName>
    <definedName name="xxx" hidden="1">{#N/A,#N/A,FALSE,"HEADALU";#N/A,#N/A,FALSE,"REVHEAD";#N/A,#N/A,FALSE,"ESTAGIARIOS";#N/A,#N/A,FALSE,"VAGAS"}</definedName>
    <definedName name="xxxxxx" hidden="1">{#N/A,#N/A,FALSE,"Offshore 2002 Comparative Fore ";#N/A,#N/A,FALSE,"Offshore Div 6";#N/A,#N/A,FALSE,"Deepwater Div 9"}</definedName>
    <definedName name="xxxxxxx" hidden="1">{#N/A,#N/A,FALSE,"SIM95"}</definedName>
    <definedName name="xxxxxxxxxx" hidden="1">{#N/A,#N/A,FALSE,"Int'l 2002 Comparative Fore";#N/A,#N/A,FALSE,"Int'l - Consolidated";#N/A,#N/A,FALSE,"Co 05 - Tunisia";#N/A,#N/A,FALSE,"Co 06 - Machala Power";#N/A,#N/A,FALSE,"Co. 07 - Samedan of  N Africa";#N/A,#N/A,FALSE,"Co. 08 - Samedan Transfer Sub";#N/A,#N/A,FALSE,"Co. 11 - Samedan Mediterranean";#N/A,#N/A,FALSE,"Co. 12 - Samedan International";#N/A,#N/A,FALSE,"Co. 13 - China";#N/A,#N/A,FALSE,"Co. 14 - EDC Portugal";#N/A,#N/A,FALSE,"Co. 17 - EDC Argentina (Home)";#N/A,#N/A,FALSE,"Co. 18 - EDC Argentina (Branch)";#N/A,#N/A,FALSE,"Co. 19 - EDC Ecuador";#N/A,#N/A,FALSE,"Co. 21 - U.K. Limited";#N/A,#N/A,FALSE,"Co. 22 - EDC Europe ";#N/A,#N/A,FALSE,"Co. 23 - EDC Australia";#N/A,#N/A,FALSE,"Co. 28 - EDC Denmark";#N/A,#N/A,FALSE,"Co. 38 - Viet Nam";#N/A,#N/A,FALSE,"Co. 39-Ireland";#N/A,#N/A,FALSE,"Co.61 - Netherlands"}</definedName>
    <definedName name="xxxxxxxxxxxx" hidden="1">{#N/A,#N/A,FALSE,"NGM Consolidated";#N/A,#N/A,FALSE,"NGM";#N/A,#N/A,FALSE,"NGP"}</definedName>
    <definedName name="xxxxxxxxxxxxxxxxxxxxx" hidden="1">{#N/A,#N/A,FALSE,"NTI";#N/A,#N/A,FALSE,"Co 04 - Pipeline Corp";#N/A,#N/A,FALSE,"Gasdel Pipeline";#N/A,#N/A,FALSE,"Producers Service Inc";#N/A,#N/A,FALSE,"HGC Inc";#N/A,#N/A,FALSE,"HIPS Inc"}</definedName>
    <definedName name="xxxxxxxxxxxxxxxxxxxxxxxxxx" hidden="1">{#N/A,#N/A,FALSE,"NAI";#N/A,#N/A,FALSE,"NAI Eliminations";#N/A,#N/A,FALSE,"Ardmore";#N/A,#N/A,FALSE,"NPM Inc";#N/A,#N/A,FALSE,"Co 45 - Royalty Corp";#N/A,#N/A,FALSE,"Samedan Eliminations (10-49)"}</definedName>
    <definedName name="xxy" hidden="1">{#N/A,#N/A,FALSE,"SIM95"}</definedName>
    <definedName name="YTJ" hidden="1">{#N/A,#N/A,FALSE,"Dutos";#N/A,#N/A,FALSE,"Terminais"}</definedName>
    <definedName name="ytuiyui" hidden="1">{"Japan_Capers_Ed_Pub",#N/A,FALSE,"DI 2 YEAR MASTER SCHEDULE"}</definedName>
    <definedName name="ytuiyui_1" hidden="1">{"Japan_Capers_Ed_Pub",#N/A,FALSE,"DI 2 YEAR MASTER SCHEDULE"}</definedName>
    <definedName name="ytuiyui_2" hidden="1">{"Japan_Capers_Ed_Pub",#N/A,FALSE,"DI 2 YEAR MASTER SCHEDULE"}</definedName>
    <definedName name="ytuiyui_3" hidden="1">{"Japan_Capers_Ed_Pub",#N/A,FALSE,"DI 2 YEAR MASTER SCHEDULE"}</definedName>
    <definedName name="ytuiyui_4" hidden="1">{"Japan_Capers_Ed_Pub",#N/A,FALSE,"DI 2 YEAR MASTER SCHEDULE"}</definedName>
    <definedName name="ytuiyui_5" hidden="1">{"Japan_Capers_Ed_Pub",#N/A,FALSE,"DI 2 YEAR MASTER SCHEDULE"}</definedName>
    <definedName name="YY" hidden="1">{#N/A,#N/A,FALSE,"SIM95"}</definedName>
    <definedName name="YYY" hidden="1">{#N/A,#N/A,FALSE,"SIM95"}</definedName>
    <definedName name="yyyy" hidden="1">{"Econ Consolidado",#N/A,FALSE,"Econ Consol";"Fluxo de Caixa",#N/A,FALSE,"Fluxo Caixa";"Investimentos",#N/A,FALSE,"Investimentos"}</definedName>
    <definedName name="YYYYYYYYYYYY" hidden="1">#REF!</definedName>
    <definedName name="YYZ" hidden="1">{#N/A,#N/A,FALSE,"SIM95"}</definedName>
    <definedName name="Z_146D92FF_DFCA_47DC_9CF6_0D07F916365B_.wvu.Cols" hidden="1">#REF!,#REF!,#REF!,#REF!</definedName>
    <definedName name="Z_146D92FF_DFCA_47DC_9CF6_0D07F916365B_.wvu.FilterData" hidden="1">#REF!</definedName>
    <definedName name="Z_204280AB_6F29_4C38_B953_40E78BD846F8_.wvu.Cols" hidden="1">#REF!,#REF!,#REF!</definedName>
    <definedName name="Z_204280AB_6F29_4C38_B953_40E78BD846F8_.wvu.FilterData" hidden="1">#REF!</definedName>
    <definedName name="Z_204280AB_6F29_4C38_B953_40E78BD846F8_.wvu.PrintArea" hidden="1">#REF!</definedName>
    <definedName name="Z_204280AB_6F29_4C38_B953_40E78BD846F8_.wvu.PrintTitles" hidden="1">#REF!</definedName>
    <definedName name="Z_63159467_684A_11D8_BFD8_0001023722EC_.wvu.Rows" hidden="1">#REF!</definedName>
    <definedName name="Z_7AE3F8A6_7282_4640_BAE6_7D5F8B45608B_.wvu.Cols" hidden="1">#REF!</definedName>
    <definedName name="Z_A46625B5_2B64_4741_9BD6_64D33D3699F2_.wvu.Cols" hidden="1">'[32]22.  Despesa Uso Sistema Distr '!#REF!</definedName>
    <definedName name="Z_EF49ADA1_626D_4B25_B4EE_2ED781FC9DF3_.wvu.Rows" hidden="1">#REF!,#REF!</definedName>
    <definedName name="ZSHSHSH" hidden="1">{#N/A,#N/A,FALSE,"Dutos";#N/A,#N/A,FALSE,"Terminais"}</definedName>
    <definedName name="zzz" hidden="1">{#N/A,#N/A,FALSE,"NAI 2002 Inc Stmt";#N/A,#N/A,FALSE,"NAI 2002 Cash Flow";#N/A,#N/A,FALSE,"NAI 2002 Capex";#N/A,#N/A,FALSE,"NAI 2002 Detail of Expenses"}</definedName>
    <definedName name="zzzzz" hidden="1">{#N/A,#N/A,FALSE,"ENERGIA";#N/A,#N/A,FALSE,"PERDIDAS";#N/A,#N/A,FALSE,"CLIENTES";#N/A,#N/A,FALSE,"ESTADO";#N/A,#N/A,FALSE,"TECNICA"}</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omments1.xml><?xml version="1.0" encoding="utf-8"?>
<comments xmlns="http://schemas.openxmlformats.org/spreadsheetml/2006/main" xmlns:mc="http://schemas.openxmlformats.org/markup-compatibility/2006" xmlns:xr="http://schemas.microsoft.com/office/spreadsheetml/2014/revision" mc:Ignorable="xr">
  <authors>
    <author>Raquel Smolka</author>
  </authors>
  <commentList>
    <comment ref="AB50" authorId="0" shapeId="0" xr:uid="{DCE8E395-01CD-481C-ABF5-DC36BEBCB235}">
      <text>
        <r>
          <rPr>
            <sz val="9"/>
            <color indexed="81"/>
            <rFont val="Segoe UI"/>
            <charset val="1"/>
          </rPr>
          <t xml:space="preserve">Calculado sobre produção de óleo + gás associado
</t>
        </r>
      </text>
    </comment>
    <comment ref="AB51" authorId="0" shapeId="0" xr:uid="{9118DED0-2897-40E5-9A57-93F3C2B5386E}">
      <text>
        <r>
          <rPr>
            <sz val="9"/>
            <color indexed="81"/>
            <rFont val="Segoe UI"/>
            <charset val="1"/>
          </rPr>
          <t xml:space="preserve">Calculado sobre produção de óleo + gás associado
</t>
        </r>
      </text>
    </comment>
  </commentList>
</comments>
</file>

<file path=xl/sharedStrings.xml><?xml version="1.0" encoding="utf-8"?>
<sst xmlns="http://schemas.openxmlformats.org/spreadsheetml/2006/main" count="410" uniqueCount="224">
  <si>
    <t>Dados de Produção</t>
  </si>
  <si>
    <t>Production data</t>
  </si>
  <si>
    <t>1T18</t>
  </si>
  <si>
    <t>2T18</t>
  </si>
  <si>
    <t>3T18</t>
  </si>
  <si>
    <t>4T18</t>
  </si>
  <si>
    <t>1T19</t>
  </si>
  <si>
    <t>2T19</t>
  </si>
  <si>
    <t>3T19</t>
  </si>
  <si>
    <t>4T19</t>
  </si>
  <si>
    <t>1T20</t>
  </si>
  <si>
    <t>2T20</t>
  </si>
  <si>
    <t>3T20</t>
  </si>
  <si>
    <t>4T20</t>
  </si>
  <si>
    <t>1T21</t>
  </si>
  <si>
    <t>2T21</t>
  </si>
  <si>
    <t>3T21</t>
  </si>
  <si>
    <t>4T21</t>
  </si>
  <si>
    <t>1T22</t>
  </si>
  <si>
    <t>2T22</t>
  </si>
  <si>
    <t>3T22</t>
  </si>
  <si>
    <t>4T22</t>
  </si>
  <si>
    <t>1T23</t>
  </si>
  <si>
    <t>2T23</t>
  </si>
  <si>
    <t>3T23</t>
  </si>
  <si>
    <t>4T23</t>
  </si>
  <si>
    <t>1T24</t>
  </si>
  <si>
    <t>Produção de óleo</t>
  </si>
  <si>
    <t>Oil production</t>
  </si>
  <si>
    <t>Produção de óleo (mil boe)</t>
  </si>
  <si>
    <t>Oil production (k bbl)</t>
  </si>
  <si>
    <t>-</t>
  </si>
  <si>
    <t>Produção diária de óleo (mil bbl/d)</t>
  </si>
  <si>
    <t>Daily oil production (k bbl/d)</t>
  </si>
  <si>
    <t xml:space="preserve">Produção de gás </t>
  </si>
  <si>
    <t>Gas production</t>
  </si>
  <si>
    <r>
      <t>Produção de gás (MM m</t>
    </r>
    <r>
      <rPr>
        <vertAlign val="superscript"/>
        <sz val="11"/>
        <color theme="1"/>
        <rFont val="Fira Sans"/>
        <family val="2"/>
      </rPr>
      <t>3</t>
    </r>
    <r>
      <rPr>
        <sz val="11"/>
        <color theme="1"/>
        <rFont val="Fira Sans"/>
        <family val="2"/>
      </rPr>
      <t>)</t>
    </r>
  </si>
  <si>
    <t>Gas production (MM m³)</t>
  </si>
  <si>
    <t>Produção de gás (mil boe)</t>
  </si>
  <si>
    <t>Gas production (k boe)</t>
  </si>
  <si>
    <t>Produção diária de gás (mil boe/d)</t>
  </si>
  <si>
    <t>Daily gas production (k boe/d)</t>
  </si>
  <si>
    <t xml:space="preserve">Produção líquida Enauta </t>
  </si>
  <si>
    <t>Enauta net production</t>
  </si>
  <si>
    <t>Produção de óleo (mil bbl)</t>
  </si>
  <si>
    <t>Produção total (mil boe)</t>
  </si>
  <si>
    <t>Total production (k boe)</t>
  </si>
  <si>
    <t>Reservas 2P de Atlanta (100%)</t>
  </si>
  <si>
    <t>Atlanta 2P Reserves (100%)</t>
  </si>
  <si>
    <t>N/D</t>
  </si>
  <si>
    <t>Reservas 2P de Manati  (45%)</t>
  </si>
  <si>
    <t>Manati 2P Reserves (100%)</t>
  </si>
  <si>
    <t>KPIs</t>
  </si>
  <si>
    <t>Macro</t>
  </si>
  <si>
    <t>Câmbio final do período (R$/US$)</t>
  </si>
  <si>
    <t>Exchange rate - end of period (BRL/USD)</t>
  </si>
  <si>
    <t>Câmbio médio do período (R$/US$)</t>
  </si>
  <si>
    <t>Average exchange rate (BRL/USD)</t>
  </si>
  <si>
    <t>Dívida</t>
  </si>
  <si>
    <t>Debt</t>
  </si>
  <si>
    <t>Dívida total (R$ milhão)</t>
  </si>
  <si>
    <t>Total debt (BRL million)</t>
  </si>
  <si>
    <t>Disponibilidade (R$ milhão)</t>
  </si>
  <si>
    <t>Total cash (BRL million)</t>
  </si>
  <si>
    <t>Dívida (caixa) líquida (R$ milhão)</t>
  </si>
  <si>
    <t>Net debt (cash) (BRL million)</t>
  </si>
  <si>
    <t xml:space="preserve">Mercado </t>
  </si>
  <si>
    <t>Market</t>
  </si>
  <si>
    <t>Enterprise Value (R$ milhão)</t>
  </si>
  <si>
    <t>Enterprise Value (BRL million)</t>
  </si>
  <si>
    <t>EBITDAX  (R$ milhão)</t>
  </si>
  <si>
    <t>EBITDAX (BRL million)</t>
  </si>
  <si>
    <t xml:space="preserve">EV/EBITDA </t>
  </si>
  <si>
    <t xml:space="preserve">EV/EBITDAX </t>
  </si>
  <si>
    <t>Dívida Líquida / EBITDA LTM</t>
  </si>
  <si>
    <t xml:space="preserve">Net debt / EBITDA LTM </t>
  </si>
  <si>
    <t xml:space="preserve">Dívida líquida / EBITDAX LTM </t>
  </si>
  <si>
    <t xml:space="preserve">Net debt / EBITDAX LTM </t>
  </si>
  <si>
    <t>EV/2P</t>
  </si>
  <si>
    <t>P/E</t>
  </si>
  <si>
    <t>Royalties</t>
  </si>
  <si>
    <t>Atlanta</t>
  </si>
  <si>
    <t>Manati</t>
  </si>
  <si>
    <t>Financeiro</t>
  </si>
  <si>
    <t>Financial</t>
  </si>
  <si>
    <t>Capex realizado (US$ milhão)</t>
  </si>
  <si>
    <t>Capex incurred (USD million)</t>
  </si>
  <si>
    <t>Operacionais - Óleo</t>
  </si>
  <si>
    <t>Operational - Oil</t>
  </si>
  <si>
    <t>Offloads, líquido Enauta  (mil bbl)</t>
  </si>
  <si>
    <t>Offloads, net Enauta  (k bbl)</t>
  </si>
  <si>
    <t>Opex (US$ milhões)</t>
  </si>
  <si>
    <t>Opex (USD million)</t>
  </si>
  <si>
    <t>OPEX com afretamento (US$ mil/dia)</t>
  </si>
  <si>
    <t xml:space="preserve">Opex with chartering (USD thousand/day) </t>
  </si>
  <si>
    <t>OPEX sem afretamento (US$ mil/dia)</t>
  </si>
  <si>
    <t xml:space="preserve">Opex without chartering (USD thousand/day) </t>
  </si>
  <si>
    <t>Lifting cost com afretamento (US$/bbl)</t>
  </si>
  <si>
    <t>Lifting cost with chartering (USD/bbl)</t>
  </si>
  <si>
    <t>n.a.</t>
  </si>
  <si>
    <t>Lifting cost sem afretamento (US$/bbl)</t>
  </si>
  <si>
    <t>Lifting cost without chartering (USD/bbl)</t>
  </si>
  <si>
    <t>Brent médio de venda (US$/bbl)</t>
  </si>
  <si>
    <t>Average sales brent (USD/barrel)</t>
  </si>
  <si>
    <t>Demonstração do Resultado (R$ milhão)</t>
  </si>
  <si>
    <r>
      <t xml:space="preserve">Income Statement </t>
    </r>
    <r>
      <rPr>
        <b/>
        <sz val="12"/>
        <color theme="0"/>
        <rFont val="Fira Sans"/>
        <family val="2"/>
      </rPr>
      <t>( R$ million)</t>
    </r>
  </si>
  <si>
    <t>Receita líquida</t>
  </si>
  <si>
    <t>Net revenues</t>
  </si>
  <si>
    <t>Óleo</t>
  </si>
  <si>
    <t>Oil</t>
  </si>
  <si>
    <t>Gás Natural</t>
  </si>
  <si>
    <t>Gas</t>
  </si>
  <si>
    <t>Custos</t>
  </si>
  <si>
    <t>Costs</t>
  </si>
  <si>
    <t>Lucro bruto</t>
  </si>
  <si>
    <t>Gross profit</t>
  </si>
  <si>
    <t>Receitas (despesas) operacionais:</t>
  </si>
  <si>
    <t>Operating income (expenses):</t>
  </si>
  <si>
    <t>Gerais e administrativas</t>
  </si>
  <si>
    <t>General and administrative expenses</t>
  </si>
  <si>
    <t xml:space="preserve">Gastos exploratórios </t>
  </si>
  <si>
    <t>Exploration expenditures</t>
  </si>
  <si>
    <t>Outras despesas operacionais líquidas</t>
  </si>
  <si>
    <t>Other net operational expenses</t>
  </si>
  <si>
    <t>Lucro (Prejuízo) operacional</t>
  </si>
  <si>
    <t>Operating income (Loss)</t>
  </si>
  <si>
    <t>Resultado financeiro líquido</t>
  </si>
  <si>
    <t>Financial results, net</t>
  </si>
  <si>
    <t>Receita financeira</t>
  </si>
  <si>
    <t>Financial income</t>
  </si>
  <si>
    <t>Despesa financeira</t>
  </si>
  <si>
    <t>financial expense</t>
  </si>
  <si>
    <t>Variação cambial</t>
  </si>
  <si>
    <t>Exchange rate</t>
  </si>
  <si>
    <t>Lucro antes do imposto de renda e da contribuição social</t>
  </si>
  <si>
    <t>Income before income tax and social contribution</t>
  </si>
  <si>
    <t>Imposto de renda e contribuição social</t>
  </si>
  <si>
    <t>Income tax and social contribution</t>
  </si>
  <si>
    <t>Lucro (Prejuízo) líquido do período</t>
  </si>
  <si>
    <t>Net income (loss)</t>
  </si>
  <si>
    <t>EBITDA (R$ milhão)</t>
  </si>
  <si>
    <r>
      <t xml:space="preserve">EBITDA </t>
    </r>
    <r>
      <rPr>
        <b/>
        <sz val="12"/>
        <color theme="0"/>
        <rFont val="Fira Sans"/>
        <family val="2"/>
      </rPr>
      <t>(BRL million)</t>
    </r>
  </si>
  <si>
    <t>Lucro (prejuízo) líquido do período</t>
  </si>
  <si>
    <t>Net income (loss) for the period</t>
  </si>
  <si>
    <t>Amortização</t>
  </si>
  <si>
    <t>Amortization</t>
  </si>
  <si>
    <t>Resultado financeiro</t>
  </si>
  <si>
    <t>Financial results</t>
  </si>
  <si>
    <t>EBITDA (1)</t>
  </si>
  <si>
    <t>Custos Exploratórios com poços secos e subcomerciais</t>
  </si>
  <si>
    <t>Exploration expenditure with subcommercial and dry wells</t>
  </si>
  <si>
    <t>EBITDAX (2)</t>
  </si>
  <si>
    <t>Balanço Patrimonial (R$ milhão)</t>
  </si>
  <si>
    <t>Balance Sheet ( R$ million)</t>
  </si>
  <si>
    <t>Ativo</t>
  </si>
  <si>
    <t>Assets</t>
  </si>
  <si>
    <t>Circulante</t>
  </si>
  <si>
    <t>Current</t>
  </si>
  <si>
    <t>Caixa e equivalente de caixa</t>
  </si>
  <si>
    <t>Cash and cash equivalents</t>
  </si>
  <si>
    <t>Aplicações financeiras</t>
  </si>
  <si>
    <t>Investments</t>
  </si>
  <si>
    <t>Caixa restrito</t>
  </si>
  <si>
    <t>Restricted cash</t>
  </si>
  <si>
    <t>Contas a receber</t>
  </si>
  <si>
    <t>Trade receivables</t>
  </si>
  <si>
    <t>Créditos com parceiros</t>
  </si>
  <si>
    <t>Partners credit</t>
  </si>
  <si>
    <t>Outros</t>
  </si>
  <si>
    <t>Other</t>
  </si>
  <si>
    <t>Não Circulante</t>
  </si>
  <si>
    <t>Non-current</t>
  </si>
  <si>
    <t>Contas a receber (FPSO Atlanta)</t>
  </si>
  <si>
    <t>Long term receivables (FPSO Atlanta)</t>
  </si>
  <si>
    <t>Investimentos</t>
  </si>
  <si>
    <t>Imobilizado</t>
  </si>
  <si>
    <t>Property, plant and equipment</t>
  </si>
  <si>
    <t>Intangível</t>
  </si>
  <si>
    <t>Intangible assets</t>
  </si>
  <si>
    <t>Arrendamentos</t>
  </si>
  <si>
    <t>Leases</t>
  </si>
  <si>
    <t>TOTAL DO ATIVO</t>
  </si>
  <si>
    <t>TOTAL ASSETS</t>
  </si>
  <si>
    <t>Passivo e Patrimônio Líquido</t>
  </si>
  <si>
    <t>Liabilities and Shareholders’ Equity</t>
  </si>
  <si>
    <t>Fornecedores</t>
  </si>
  <si>
    <t>Trade payables</t>
  </si>
  <si>
    <t>Lease liabilities</t>
  </si>
  <si>
    <t>Impostos e contribuição a recolher</t>
  </si>
  <si>
    <t>Taxes payable</t>
  </si>
  <si>
    <t>Debêntures</t>
  </si>
  <si>
    <t>Domestic bonds</t>
  </si>
  <si>
    <t>Empréstimos e financiamentos</t>
  </si>
  <si>
    <t>Loans and borrowings</t>
  </si>
  <si>
    <t>Arrendamentos  - direito de uso</t>
  </si>
  <si>
    <t>Provisão para abandono</t>
  </si>
  <si>
    <t>Provision for asset retirement obligations (ARO)</t>
  </si>
  <si>
    <t xml:space="preserve">Imposto de renda e contribuição social diferidos </t>
  </si>
  <si>
    <t>Deferred income tax and social contribution</t>
  </si>
  <si>
    <t>Outros passivos não circulantes</t>
  </si>
  <si>
    <t>Patrimônio Líquido</t>
  </si>
  <si>
    <t>Shareholders’ Equity</t>
  </si>
  <si>
    <t>Capital social integralizado</t>
  </si>
  <si>
    <t>Share capital</t>
  </si>
  <si>
    <t>Outros resultados abrangentes</t>
  </si>
  <si>
    <t>Other comprehensive income</t>
  </si>
  <si>
    <t>Reserva de lucros</t>
  </si>
  <si>
    <t>Income reserve</t>
  </si>
  <si>
    <t>Lucros (prejuízos) acumulados</t>
  </si>
  <si>
    <t>Accumulated profit (loss)</t>
  </si>
  <si>
    <t>Reserva de capital</t>
  </si>
  <si>
    <t>Capital reserve</t>
  </si>
  <si>
    <t>Ações em tesouraria</t>
  </si>
  <si>
    <t>Treasury shares</t>
  </si>
  <si>
    <t>TOTAL DO PASSIVO E PATRIMÔNIO LÍQUIDO</t>
  </si>
  <si>
    <t>TOTAL LIABILITIES AND EQUITY</t>
  </si>
  <si>
    <t xml:space="preserve"> (1) O cálculo do EBITDA considera o lucro antes do imposto de renda, contribuição social, resultado financeiro e despesas de amortização. O EBITDA não é uma medida financeira segundo as Práticas Contábeis Adotadas no Brasil e as IFRS. Tampouco deve ser considerado isoladamente ou como alternativa ao lucro líquido como indicador de desempenho operacional ou alternativa ao fluxo de caixa operacional como medida de liquidez. É possível que outras empresas calculem o EBITDA de maneira diferente da empregada pela Enauta. Além disso, como medida da lucratividade da Empresa, o EBITDA apresenta limitações por não considerar certos custos inerentes ao negócio que podem afetar os resultados líquidos de maneira significativa, tais como despesas financeiras, tributos e amortização. A Enauta usa o EBITDA como um indicador complementar de seu desempenho operacional. </t>
  </si>
  <si>
    <t xml:space="preserve">(1) EBITDA calculation considers earnings before income tax, social contribution, financial result, and amortization expenses. EBITDA is not a financial measure under Brazilian GAAP and IFRS, nor should it be considered in isolation or as an alternative to net income as an indicator of operating performance, or as an alternative to operating cash flow as a measure of liquidity. Other companies may calculate EBITDA differently from Enauta. Furthermore, as a measure of the Company's profitability, EBITDA has limitations because it does not consider certain costs inherent to the business that may significantly affect net income, such as financial expenses, taxes, and amortization. Enauta uses EBITDA as a complementary indicator of its operating performance. </t>
  </si>
  <si>
    <t xml:space="preserve">(2) Despesas com exploração relacionadas a poços sub-comerciais ou a volumes não operacionais.
</t>
  </si>
  <si>
    <t>(2) Exploration expenses related to sub-commercial wells or non-operating volumes.</t>
  </si>
  <si>
    <t>(3) O EBITDAX é uma medida usada pelo setor de petróleo e gás calculada da seguinte maneira: EBITDA + despesas de exploração com poços secos ou sub-comerciais.</t>
  </si>
  <si>
    <t>(3) EBITDAX is a measure used by the oil and gas industry calculated as follows: EBITDA + exploration expenses with dry or subcommercial wells.</t>
  </si>
  <si>
    <t>(4) EBITDA dividido pela receita líquida.</t>
  </si>
  <si>
    <t>(4) EBITDA divided by net revenu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43" formatCode="_-* #,##0.00_-;\-* #,##0.00_-;_-* &quot;-&quot;??_-;_-@_-"/>
    <numFmt numFmtId="164" formatCode="_-* #,##0_-;\-* #,##0_-;_-* &quot;-&quot;??_-;_-@_-"/>
    <numFmt numFmtId="165" formatCode="_-* #,##0.0_-;\-* #,##0.0_-;_-* &quot;-&quot;??_-;_-@_-"/>
    <numFmt numFmtId="166" formatCode="#,##0.0_);\(#,##0.0\)"/>
    <numFmt numFmtId="167" formatCode="#,##0.00_);\(#,##0.00\)"/>
    <numFmt numFmtId="168" formatCode="#,##0_);\(#,##0\)"/>
    <numFmt numFmtId="169" formatCode="#,##0_);\(#,##0\);&quot;-&quot;_)"/>
    <numFmt numFmtId="170" formatCode="0.0%"/>
  </numFmts>
  <fonts count="21" x14ac:knownFonts="1">
    <font>
      <sz val="11"/>
      <color theme="1"/>
      <name val="Calibri"/>
      <family val="2"/>
      <scheme val="minor"/>
    </font>
    <font>
      <sz val="11"/>
      <color theme="1"/>
      <name val="Calibri"/>
      <family val="2"/>
      <scheme val="minor"/>
    </font>
    <font>
      <sz val="11"/>
      <color theme="1"/>
      <name val="Fira Sans"/>
      <family val="2"/>
    </font>
    <font>
      <sz val="11"/>
      <color theme="0"/>
      <name val="Fira Sans"/>
      <family val="2"/>
    </font>
    <font>
      <b/>
      <sz val="11"/>
      <color theme="0"/>
      <name val="Fira Sans"/>
      <family val="2"/>
    </font>
    <font>
      <b/>
      <sz val="14"/>
      <color theme="0"/>
      <name val="Fira Sans"/>
      <family val="2"/>
    </font>
    <font>
      <b/>
      <sz val="11"/>
      <color theme="1"/>
      <name val="Fira Sans"/>
      <family val="2"/>
    </font>
    <font>
      <sz val="9"/>
      <color theme="1"/>
      <name val="Fira Sans"/>
      <family val="2"/>
    </font>
    <font>
      <vertAlign val="superscript"/>
      <sz val="11"/>
      <color theme="1"/>
      <name val="Fira Sans"/>
      <family val="2"/>
    </font>
    <font>
      <sz val="8"/>
      <color theme="1"/>
      <name val="Fira Sans"/>
      <family val="2"/>
    </font>
    <font>
      <sz val="11"/>
      <name val="Fira Sans"/>
      <family val="2"/>
    </font>
    <font>
      <b/>
      <sz val="9"/>
      <color theme="1"/>
      <name val="Fira Sans"/>
      <family val="2"/>
    </font>
    <font>
      <b/>
      <sz val="8"/>
      <color theme="1"/>
      <name val="Fira Sans"/>
      <family val="2"/>
    </font>
    <font>
      <b/>
      <sz val="12"/>
      <color theme="0"/>
      <name val="Fira Sans"/>
      <family val="2"/>
    </font>
    <font>
      <sz val="10"/>
      <color theme="1"/>
      <name val="Fira Sans"/>
      <family val="2"/>
    </font>
    <font>
      <sz val="10"/>
      <name val="Arial"/>
      <family val="2"/>
    </font>
    <font>
      <sz val="11"/>
      <color theme="1" tint="0.14999847407452621"/>
      <name val="Fira Sans"/>
      <family val="2"/>
    </font>
    <font>
      <b/>
      <sz val="11"/>
      <name val="Fira Sans"/>
      <family val="2"/>
    </font>
    <font>
      <b/>
      <sz val="8"/>
      <color theme="1" tint="0.14999847407452621"/>
      <name val="Fira Sans"/>
      <family val="2"/>
    </font>
    <font>
      <sz val="10"/>
      <name val="Fira Sans"/>
      <family val="2"/>
    </font>
    <font>
      <sz val="9"/>
      <color indexed="81"/>
      <name val="Segoe UI"/>
      <charset val="1"/>
    </font>
  </fonts>
  <fills count="5">
    <fill>
      <patternFill patternType="none"/>
    </fill>
    <fill>
      <patternFill patternType="gray125"/>
    </fill>
    <fill>
      <patternFill patternType="solid">
        <fgColor rgb="FF00696E"/>
        <bgColor indexed="64"/>
      </patternFill>
    </fill>
    <fill>
      <patternFill patternType="solid">
        <fgColor theme="0"/>
        <bgColor indexed="64"/>
      </patternFill>
    </fill>
    <fill>
      <patternFill patternType="solid">
        <fgColor rgb="FF00C7B1"/>
        <bgColor indexed="64"/>
      </patternFill>
    </fill>
  </fills>
  <borders count="2">
    <border>
      <left/>
      <right/>
      <top/>
      <bottom/>
      <diagonal/>
    </border>
    <border>
      <left/>
      <right/>
      <top/>
      <bottom style="dashed">
        <color auto="1"/>
      </bottom>
      <diagonal/>
    </border>
  </borders>
  <cellStyleXfs count="4">
    <xf numFmtId="0" fontId="0" fillId="0" borderId="0"/>
    <xf numFmtId="43" fontId="1" fillId="0" borderId="0" applyFont="0" applyFill="0" applyBorder="0" applyAlignment="0" applyProtection="0"/>
    <xf numFmtId="0" fontId="15" fillId="0" borderId="0"/>
    <xf numFmtId="43" fontId="1" fillId="0" borderId="0" applyFont="0" applyFill="0" applyBorder="0" applyAlignment="0" applyProtection="0"/>
  </cellStyleXfs>
  <cellXfs count="100">
    <xf numFmtId="0" fontId="0" fillId="0" borderId="0" xfId="0"/>
    <xf numFmtId="0" fontId="2" fillId="0" borderId="0" xfId="0" applyFont="1" applyAlignment="1">
      <alignment horizontal="center" vertical="center"/>
    </xf>
    <xf numFmtId="0" fontId="2" fillId="0" borderId="0" xfId="0" applyFont="1" applyAlignment="1">
      <alignment vertical="center"/>
    </xf>
    <xf numFmtId="0" fontId="3" fillId="0" borderId="0" xfId="0" applyFont="1" applyAlignment="1">
      <alignment vertical="center"/>
    </xf>
    <xf numFmtId="14" fontId="3" fillId="0" borderId="0" xfId="0" applyNumberFormat="1" applyFont="1" applyAlignment="1">
      <alignment horizontal="center" vertical="center"/>
    </xf>
    <xf numFmtId="14" fontId="3" fillId="0" borderId="0" xfId="0" applyNumberFormat="1" applyFont="1" applyAlignment="1">
      <alignment horizontal="right" vertical="center"/>
    </xf>
    <xf numFmtId="0" fontId="4" fillId="2" borderId="0" xfId="0" applyFont="1" applyFill="1" applyAlignment="1">
      <alignment horizontal="center" vertical="center"/>
    </xf>
    <xf numFmtId="0" fontId="5" fillId="2" borderId="0" xfId="0" applyFont="1" applyFill="1" applyAlignment="1">
      <alignment vertical="center"/>
    </xf>
    <xf numFmtId="0" fontId="4" fillId="2" borderId="0" xfId="0" applyFont="1" applyFill="1" applyAlignment="1">
      <alignment horizontal="right" vertical="center"/>
    </xf>
    <xf numFmtId="0" fontId="4" fillId="2" borderId="0" xfId="0" applyFont="1" applyFill="1" applyAlignment="1">
      <alignment vertical="center"/>
    </xf>
    <xf numFmtId="0" fontId="2" fillId="3" borderId="0" xfId="0" applyFont="1" applyFill="1" applyAlignment="1">
      <alignment horizontal="center" vertical="center"/>
    </xf>
    <xf numFmtId="0" fontId="6" fillId="3" borderId="1" xfId="0" applyFont="1" applyFill="1" applyBorder="1" applyAlignment="1">
      <alignment vertical="center"/>
    </xf>
    <xf numFmtId="0" fontId="7" fillId="3" borderId="1" xfId="0" applyFont="1" applyFill="1" applyBorder="1" applyAlignment="1">
      <alignment horizontal="center" vertical="center"/>
    </xf>
    <xf numFmtId="164" fontId="2" fillId="3" borderId="1" xfId="0" applyNumberFormat="1" applyFont="1" applyFill="1" applyBorder="1" applyAlignment="1">
      <alignment horizontal="right" vertical="center"/>
    </xf>
    <xf numFmtId="164" fontId="3" fillId="3" borderId="1" xfId="0" applyNumberFormat="1" applyFont="1" applyFill="1" applyBorder="1" applyAlignment="1">
      <alignment horizontal="right" vertical="center"/>
    </xf>
    <xf numFmtId="0" fontId="2" fillId="3" borderId="0" xfId="0" applyFont="1" applyFill="1" applyAlignment="1">
      <alignment vertical="center"/>
    </xf>
    <xf numFmtId="0" fontId="2" fillId="3" borderId="0" xfId="0" applyFont="1" applyFill="1" applyAlignment="1">
      <alignment horizontal="left" vertical="center" wrapText="1"/>
    </xf>
    <xf numFmtId="0" fontId="7" fillId="3" borderId="0" xfId="0" applyFont="1" applyFill="1" applyAlignment="1">
      <alignment horizontal="center" vertical="center"/>
    </xf>
    <xf numFmtId="164" fontId="2" fillId="3" borderId="0" xfId="0" applyNumberFormat="1" applyFont="1" applyFill="1" applyAlignment="1">
      <alignment horizontal="right" vertical="center"/>
    </xf>
    <xf numFmtId="0" fontId="2" fillId="3" borderId="1" xfId="0" applyFont="1" applyFill="1" applyBorder="1" applyAlignment="1">
      <alignment horizontal="center" vertical="center"/>
    </xf>
    <xf numFmtId="0" fontId="2" fillId="3" borderId="1" xfId="0" applyFont="1" applyFill="1" applyBorder="1" applyAlignment="1">
      <alignment horizontal="right" vertical="center"/>
    </xf>
    <xf numFmtId="165" fontId="9" fillId="3" borderId="0" xfId="0" applyNumberFormat="1" applyFont="1" applyFill="1" applyAlignment="1">
      <alignment vertical="center"/>
    </xf>
    <xf numFmtId="166" fontId="2" fillId="3" borderId="0" xfId="0" applyNumberFormat="1" applyFont="1" applyFill="1" applyAlignment="1">
      <alignment horizontal="center" vertical="center"/>
    </xf>
    <xf numFmtId="43" fontId="9" fillId="3" borderId="0" xfId="0" applyNumberFormat="1" applyFont="1" applyFill="1" applyAlignment="1">
      <alignment vertical="center"/>
    </xf>
    <xf numFmtId="14" fontId="3" fillId="3" borderId="1" xfId="0" applyNumberFormat="1" applyFont="1" applyFill="1" applyBorder="1" applyAlignment="1">
      <alignment horizontal="right" vertical="center"/>
    </xf>
    <xf numFmtId="43" fontId="10" fillId="3" borderId="1" xfId="1" applyFont="1" applyFill="1" applyBorder="1" applyAlignment="1">
      <alignment horizontal="right" vertical="center"/>
    </xf>
    <xf numFmtId="164" fontId="9" fillId="3" borderId="0" xfId="0" applyNumberFormat="1" applyFont="1" applyFill="1" applyAlignment="1">
      <alignment vertical="center"/>
    </xf>
    <xf numFmtId="0" fontId="6" fillId="3" borderId="0" xfId="0" applyFont="1" applyFill="1" applyAlignment="1">
      <alignment horizontal="left" vertical="center" wrapText="1"/>
    </xf>
    <xf numFmtId="0" fontId="11" fillId="3" borderId="0" xfId="0" applyFont="1" applyFill="1" applyAlignment="1">
      <alignment horizontal="center" vertical="center"/>
    </xf>
    <xf numFmtId="164" fontId="6" fillId="3" borderId="0" xfId="0" applyNumberFormat="1" applyFont="1" applyFill="1" applyAlignment="1">
      <alignment horizontal="right" vertical="center"/>
    </xf>
    <xf numFmtId="164" fontId="12" fillId="3" borderId="0" xfId="0" applyNumberFormat="1" applyFont="1" applyFill="1" applyAlignment="1">
      <alignment vertical="center"/>
    </xf>
    <xf numFmtId="0" fontId="6" fillId="3" borderId="0" xfId="0" applyFont="1" applyFill="1" applyAlignment="1">
      <alignment vertical="center"/>
    </xf>
    <xf numFmtId="0" fontId="4" fillId="4" borderId="0" xfId="0" applyFont="1" applyFill="1" applyAlignment="1">
      <alignment horizontal="center" vertical="center"/>
    </xf>
    <xf numFmtId="0" fontId="13" fillId="4" borderId="0" xfId="0" applyFont="1" applyFill="1" applyAlignment="1">
      <alignment vertical="center"/>
    </xf>
    <xf numFmtId="0" fontId="4" fillId="4" borderId="0" xfId="0" applyFont="1" applyFill="1" applyAlignment="1">
      <alignment horizontal="right" vertical="center"/>
    </xf>
    <xf numFmtId="0" fontId="4" fillId="4" borderId="0" xfId="0" applyFont="1" applyFill="1" applyAlignment="1">
      <alignment vertical="center"/>
    </xf>
    <xf numFmtId="166" fontId="7" fillId="3" borderId="0" xfId="0" applyNumberFormat="1" applyFont="1" applyFill="1" applyAlignment="1">
      <alignment horizontal="center" vertical="center"/>
    </xf>
    <xf numFmtId="167" fontId="2" fillId="3" borderId="0" xfId="0" applyNumberFormat="1" applyFont="1" applyFill="1" applyAlignment="1">
      <alignment horizontal="right" vertical="center" wrapText="1"/>
    </xf>
    <xf numFmtId="166" fontId="14" fillId="3" borderId="0" xfId="0" applyNumberFormat="1" applyFont="1" applyFill="1" applyAlignment="1">
      <alignment horizontal="center" vertical="center" wrapText="1"/>
    </xf>
    <xf numFmtId="168" fontId="4" fillId="4" borderId="0" xfId="0" applyNumberFormat="1" applyFont="1" applyFill="1" applyAlignment="1">
      <alignment horizontal="right" vertical="center"/>
    </xf>
    <xf numFmtId="3" fontId="10" fillId="0" borderId="0" xfId="2" applyNumberFormat="1" applyFont="1" applyAlignment="1">
      <alignment horizontal="left" vertical="center"/>
    </xf>
    <xf numFmtId="166" fontId="7" fillId="0" borderId="0" xfId="0" applyNumberFormat="1" applyFont="1" applyAlignment="1">
      <alignment horizontal="center" vertical="center"/>
    </xf>
    <xf numFmtId="168" fontId="2" fillId="0" borderId="0" xfId="0" applyNumberFormat="1" applyFont="1" applyAlignment="1">
      <alignment horizontal="right" vertical="center" wrapText="1"/>
    </xf>
    <xf numFmtId="168" fontId="2" fillId="3" borderId="0" xfId="0" applyNumberFormat="1" applyFont="1" applyFill="1" applyAlignment="1">
      <alignment horizontal="right" vertical="center" wrapText="1"/>
    </xf>
    <xf numFmtId="168" fontId="2" fillId="3" borderId="0" xfId="0" applyNumberFormat="1" applyFont="1" applyFill="1" applyAlignment="1">
      <alignment vertical="center"/>
    </xf>
    <xf numFmtId="166" fontId="2" fillId="3" borderId="0" xfId="0" applyNumberFormat="1" applyFont="1" applyFill="1" applyAlignment="1">
      <alignment horizontal="right" vertical="center"/>
    </xf>
    <xf numFmtId="3" fontId="10" fillId="3" borderId="0" xfId="2" applyNumberFormat="1" applyFont="1" applyFill="1" applyAlignment="1">
      <alignment horizontal="left" vertical="center"/>
    </xf>
    <xf numFmtId="166" fontId="2" fillId="3" borderId="0" xfId="0" applyNumberFormat="1" applyFont="1" applyFill="1" applyAlignment="1">
      <alignment vertical="center"/>
    </xf>
    <xf numFmtId="169" fontId="16" fillId="3" borderId="0" xfId="3" applyNumberFormat="1" applyFont="1" applyFill="1" applyBorder="1" applyAlignment="1">
      <alignment horizontal="left" vertical="center"/>
    </xf>
    <xf numFmtId="164" fontId="2" fillId="3" borderId="0" xfId="1" applyNumberFormat="1" applyFont="1" applyFill="1" applyAlignment="1">
      <alignment horizontal="right" vertical="center"/>
    </xf>
    <xf numFmtId="0" fontId="2" fillId="0" borderId="0" xfId="0" applyFont="1" applyAlignment="1">
      <alignment horizontal="center"/>
    </xf>
    <xf numFmtId="0" fontId="2" fillId="0" borderId="0" xfId="0" applyFont="1"/>
    <xf numFmtId="170" fontId="2" fillId="0" borderId="0" xfId="0" applyNumberFormat="1" applyFont="1"/>
    <xf numFmtId="164" fontId="2" fillId="3" borderId="0" xfId="1" applyNumberFormat="1" applyFont="1" applyFill="1" applyAlignment="1">
      <alignment horizontal="center" vertical="center"/>
    </xf>
    <xf numFmtId="164" fontId="10" fillId="3" borderId="0" xfId="1" applyNumberFormat="1" applyFont="1" applyFill="1" applyAlignment="1">
      <alignment horizontal="left" vertical="center"/>
    </xf>
    <xf numFmtId="164" fontId="7" fillId="3" borderId="0" xfId="1" applyNumberFormat="1" applyFont="1" applyFill="1" applyAlignment="1">
      <alignment horizontal="center" vertical="center"/>
    </xf>
    <xf numFmtId="164" fontId="2" fillId="3" borderId="0" xfId="1" applyNumberFormat="1" applyFont="1" applyFill="1" applyAlignment="1">
      <alignment horizontal="right" vertical="center" wrapText="1"/>
    </xf>
    <xf numFmtId="164" fontId="2" fillId="3" borderId="0" xfId="1" applyNumberFormat="1" applyFont="1" applyFill="1"/>
    <xf numFmtId="164" fontId="2" fillId="3" borderId="0" xfId="1" applyNumberFormat="1" applyFont="1" applyFill="1" applyBorder="1" applyAlignment="1">
      <alignment horizontal="right" vertical="center"/>
    </xf>
    <xf numFmtId="164" fontId="2" fillId="3" borderId="0" xfId="1" applyNumberFormat="1" applyFont="1" applyFill="1" applyAlignment="1">
      <alignment vertical="center"/>
    </xf>
    <xf numFmtId="164" fontId="11" fillId="3" borderId="0" xfId="1" applyNumberFormat="1" applyFont="1" applyFill="1" applyAlignment="1">
      <alignment horizontal="center" vertical="center"/>
    </xf>
    <xf numFmtId="164" fontId="12" fillId="3" borderId="0" xfId="1" applyNumberFormat="1" applyFont="1" applyFill="1" applyAlignment="1">
      <alignment vertical="center"/>
    </xf>
    <xf numFmtId="164" fontId="6" fillId="3" borderId="0" xfId="1" applyNumberFormat="1" applyFont="1" applyFill="1" applyAlignment="1">
      <alignment vertical="center"/>
    </xf>
    <xf numFmtId="1" fontId="2" fillId="3" borderId="0" xfId="0" applyNumberFormat="1" applyFont="1" applyFill="1" applyAlignment="1">
      <alignment vertical="center"/>
    </xf>
    <xf numFmtId="164" fontId="6" fillId="3" borderId="0" xfId="1" applyNumberFormat="1" applyFont="1" applyFill="1" applyAlignment="1">
      <alignment horizontal="center" vertical="center"/>
    </xf>
    <xf numFmtId="164" fontId="17" fillId="3" borderId="0" xfId="1" applyNumberFormat="1" applyFont="1" applyFill="1" applyAlignment="1">
      <alignment vertical="center"/>
    </xf>
    <xf numFmtId="169" fontId="6" fillId="3" borderId="0" xfId="1" applyNumberFormat="1" applyFont="1" applyFill="1" applyAlignment="1">
      <alignment vertical="center"/>
    </xf>
    <xf numFmtId="169" fontId="6" fillId="3" borderId="0" xfId="1" applyNumberFormat="1" applyFont="1" applyFill="1" applyAlignment="1">
      <alignment horizontal="right" vertical="center"/>
    </xf>
    <xf numFmtId="168" fontId="6" fillId="0" borderId="0" xfId="0" applyNumberFormat="1" applyFont="1" applyAlignment="1">
      <alignment horizontal="right" vertical="center"/>
    </xf>
    <xf numFmtId="164" fontId="10" fillId="3" borderId="0" xfId="1" applyNumberFormat="1" applyFont="1" applyFill="1" applyAlignment="1">
      <alignment horizontal="left" vertical="center" indent="1"/>
    </xf>
    <xf numFmtId="169" fontId="2" fillId="3" borderId="0" xfId="1" applyNumberFormat="1" applyFont="1" applyFill="1" applyAlignment="1">
      <alignment vertical="center"/>
    </xf>
    <xf numFmtId="169" fontId="2" fillId="3" borderId="0" xfId="1" applyNumberFormat="1" applyFont="1" applyFill="1" applyAlignment="1">
      <alignment horizontal="right" vertical="center"/>
    </xf>
    <xf numFmtId="168" fontId="2" fillId="0" borderId="0" xfId="0" applyNumberFormat="1" applyFont="1" applyAlignment="1">
      <alignment horizontal="right" vertical="center"/>
    </xf>
    <xf numFmtId="164" fontId="17" fillId="3" borderId="0" xfId="1" applyNumberFormat="1" applyFont="1" applyFill="1" applyAlignment="1">
      <alignment horizontal="left" vertical="center"/>
    </xf>
    <xf numFmtId="164" fontId="17" fillId="3" borderId="0" xfId="1" applyNumberFormat="1" applyFont="1" applyFill="1" applyAlignment="1">
      <alignment vertical="center" wrapText="1"/>
    </xf>
    <xf numFmtId="164" fontId="18" fillId="3" borderId="0" xfId="1" applyNumberFormat="1" applyFont="1" applyFill="1" applyBorder="1" applyAlignment="1">
      <alignment horizontal="left" vertical="center"/>
    </xf>
    <xf numFmtId="164" fontId="9" fillId="3" borderId="0" xfId="1" applyNumberFormat="1" applyFont="1" applyFill="1" applyAlignment="1">
      <alignment horizontal="center" vertical="center"/>
    </xf>
    <xf numFmtId="0" fontId="10" fillId="3" borderId="0" xfId="0" applyFont="1" applyFill="1" applyAlignment="1">
      <alignment vertical="center"/>
    </xf>
    <xf numFmtId="166" fontId="9" fillId="3" borderId="0" xfId="0" applyNumberFormat="1" applyFont="1" applyFill="1" applyAlignment="1">
      <alignment horizontal="center" vertical="center"/>
    </xf>
    <xf numFmtId="169" fontId="2" fillId="3" borderId="0" xfId="0" applyNumberFormat="1" applyFont="1" applyFill="1" applyAlignment="1">
      <alignment vertical="center"/>
    </xf>
    <xf numFmtId="0" fontId="6" fillId="3" borderId="0" xfId="0" applyFont="1" applyFill="1" applyAlignment="1">
      <alignment horizontal="center" vertical="center"/>
    </xf>
    <xf numFmtId="0" fontId="17" fillId="3" borderId="0" xfId="0" applyFont="1" applyFill="1" applyAlignment="1">
      <alignment vertical="center"/>
    </xf>
    <xf numFmtId="166" fontId="12" fillId="3" borderId="0" xfId="0" applyNumberFormat="1" applyFont="1" applyFill="1" applyAlignment="1">
      <alignment horizontal="center" vertical="center"/>
    </xf>
    <xf numFmtId="169" fontId="6" fillId="3" borderId="0" xfId="0" applyNumberFormat="1" applyFont="1" applyFill="1" applyAlignment="1">
      <alignment vertical="center"/>
    </xf>
    <xf numFmtId="169" fontId="18" fillId="3" borderId="0" xfId="3" applyNumberFormat="1" applyFont="1" applyFill="1" applyBorder="1" applyAlignment="1">
      <alignment horizontal="left" vertical="center"/>
    </xf>
    <xf numFmtId="0" fontId="2" fillId="3" borderId="0" xfId="0" applyFont="1" applyFill="1" applyAlignment="1">
      <alignment horizontal="right" vertical="center"/>
    </xf>
    <xf numFmtId="0" fontId="17" fillId="0" borderId="0" xfId="0" applyFont="1" applyAlignment="1">
      <alignment vertical="center"/>
    </xf>
    <xf numFmtId="0" fontId="2" fillId="0" borderId="0" xfId="0" applyFont="1" applyAlignment="1">
      <alignment horizontal="right" vertical="center"/>
    </xf>
    <xf numFmtId="0" fontId="6" fillId="0" borderId="0" xfId="0" applyFont="1" applyAlignment="1">
      <alignment vertical="center"/>
    </xf>
    <xf numFmtId="0" fontId="2" fillId="0" borderId="0" xfId="0" applyFont="1" applyAlignment="1">
      <alignment vertical="center" wrapText="1"/>
    </xf>
    <xf numFmtId="0" fontId="6" fillId="0" borderId="0" xfId="0" applyFont="1" applyAlignment="1">
      <alignment horizontal="center" vertical="center"/>
    </xf>
    <xf numFmtId="166" fontId="6" fillId="0" borderId="0" xfId="0" applyNumberFormat="1" applyFont="1" applyAlignment="1">
      <alignment horizontal="center" vertical="center"/>
    </xf>
    <xf numFmtId="0" fontId="10" fillId="0" borderId="0" xfId="0" applyFont="1" applyAlignment="1">
      <alignment vertical="center"/>
    </xf>
    <xf numFmtId="166" fontId="2" fillId="0" borderId="0" xfId="0" applyNumberFormat="1" applyFont="1" applyAlignment="1">
      <alignment horizontal="center" vertical="center"/>
    </xf>
    <xf numFmtId="166" fontId="9" fillId="0" borderId="0" xfId="0" applyNumberFormat="1" applyFont="1" applyAlignment="1">
      <alignment horizontal="center" vertical="center"/>
    </xf>
    <xf numFmtId="0" fontId="2" fillId="0" borderId="0" xfId="0" applyFont="1" applyAlignment="1">
      <alignment horizontal="center" vertical="center" wrapText="1"/>
    </xf>
    <xf numFmtId="0" fontId="19" fillId="0" borderId="0" xfId="0" applyFont="1" applyAlignment="1">
      <alignment horizontal="left" vertical="top" wrapText="1"/>
    </xf>
    <xf numFmtId="0" fontId="10" fillId="0" borderId="0" xfId="0" applyFont="1" applyAlignment="1">
      <alignment vertical="top" wrapText="1"/>
    </xf>
    <xf numFmtId="0" fontId="14" fillId="0" borderId="0" xfId="0" applyFont="1" applyAlignment="1">
      <alignment horizontal="left" vertical="top" wrapText="1"/>
    </xf>
    <xf numFmtId="0" fontId="14" fillId="0" borderId="0" xfId="0" applyFont="1" applyAlignment="1">
      <alignment vertical="center"/>
    </xf>
  </cellXfs>
  <cellStyles count="4">
    <cellStyle name="Estilo 1" xfId="2" xr:uid="{F10FEFDC-9084-465C-93CC-95C13ECCBAA0}"/>
    <cellStyle name="Normal" xfId="0" builtinId="0"/>
    <cellStyle name="Vírgula" xfId="1" builtinId="3"/>
    <cellStyle name="Vírgula 34" xfId="3" xr:uid="{343E0498-6D78-412F-A461-D88337C6D6E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theme" Target="theme/theme1.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sharedStrings" Target="sharedStrings.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styles" Target="styles.xml"/><Relationship Id="rId8" Type="http://schemas.openxmlformats.org/officeDocument/2006/relationships/externalLink" Target="externalLinks/externalLink7.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766481</xdr:colOff>
      <xdr:row>1</xdr:row>
      <xdr:rowOff>85646</xdr:rowOff>
    </xdr:from>
    <xdr:to>
      <xdr:col>2</xdr:col>
      <xdr:colOff>134471</xdr:colOff>
      <xdr:row>3</xdr:row>
      <xdr:rowOff>31218</xdr:rowOff>
    </xdr:to>
    <xdr:sp macro="" textlink="">
      <xdr:nvSpPr>
        <xdr:cNvPr id="2" name="Rectangle 3">
          <a:extLst>
            <a:ext uri="{FF2B5EF4-FFF2-40B4-BE49-F238E27FC236}">
              <a16:creationId xmlns:a16="http://schemas.microsoft.com/office/drawing/2014/main" id="{C9356943-E5AE-41C6-9AB9-8178BFE13A4F}"/>
            </a:ext>
          </a:extLst>
        </xdr:cNvPr>
        <xdr:cNvSpPr>
          <a:spLocks/>
        </xdr:cNvSpPr>
      </xdr:nvSpPr>
      <xdr:spPr bwMode="auto">
        <a:xfrm>
          <a:off x="1899956" y="276146"/>
          <a:ext cx="3130365" cy="326572"/>
        </a:xfrm>
        <a:prstGeom prst="rect">
          <a:avLst/>
        </a:prstGeom>
        <a:noFill/>
        <a:ln w="12700" algn="ctr">
          <a:noFill/>
          <a:miter lim="800000"/>
          <a:headEnd/>
          <a:tailEnd/>
        </a:ln>
      </xdr:spPr>
      <xdr:txBody>
        <a:bodyPr wrap="square" lIns="0" tIns="0" rIns="0" bIns="0"/>
        <a:lstStyle>
          <a:defPPr>
            <a:defRPr lang="en-US"/>
          </a:defPPr>
          <a:lvl1pPr marL="0" algn="l" defTabSz="609523" rtl="0" eaLnBrk="1" latinLnBrk="0" hangingPunct="1">
            <a:defRPr sz="2400" kern="1200">
              <a:solidFill>
                <a:schemeClr val="tx1"/>
              </a:solidFill>
              <a:latin typeface="+mn-lt"/>
              <a:ea typeface="+mn-ea"/>
              <a:cs typeface="+mn-cs"/>
            </a:defRPr>
          </a:lvl1pPr>
          <a:lvl2pPr marL="609523" algn="l" defTabSz="609523" rtl="0" eaLnBrk="1" latinLnBrk="0" hangingPunct="1">
            <a:defRPr sz="2400" kern="1200">
              <a:solidFill>
                <a:schemeClr val="tx1"/>
              </a:solidFill>
              <a:latin typeface="+mn-lt"/>
              <a:ea typeface="+mn-ea"/>
              <a:cs typeface="+mn-cs"/>
            </a:defRPr>
          </a:lvl2pPr>
          <a:lvl3pPr marL="1219050" algn="l" defTabSz="609523" rtl="0" eaLnBrk="1" latinLnBrk="0" hangingPunct="1">
            <a:defRPr sz="2400" kern="1200">
              <a:solidFill>
                <a:schemeClr val="tx1"/>
              </a:solidFill>
              <a:latin typeface="+mn-lt"/>
              <a:ea typeface="+mn-ea"/>
              <a:cs typeface="+mn-cs"/>
            </a:defRPr>
          </a:lvl3pPr>
          <a:lvl4pPr marL="1828573" algn="l" defTabSz="609523" rtl="0" eaLnBrk="1" latinLnBrk="0" hangingPunct="1">
            <a:defRPr sz="2400" kern="1200">
              <a:solidFill>
                <a:schemeClr val="tx1"/>
              </a:solidFill>
              <a:latin typeface="+mn-lt"/>
              <a:ea typeface="+mn-ea"/>
              <a:cs typeface="+mn-cs"/>
            </a:defRPr>
          </a:lvl4pPr>
          <a:lvl5pPr marL="2438098" algn="l" defTabSz="609523" rtl="0" eaLnBrk="1" latinLnBrk="0" hangingPunct="1">
            <a:defRPr sz="2400" kern="1200">
              <a:solidFill>
                <a:schemeClr val="tx1"/>
              </a:solidFill>
              <a:latin typeface="+mn-lt"/>
              <a:ea typeface="+mn-ea"/>
              <a:cs typeface="+mn-cs"/>
            </a:defRPr>
          </a:lvl5pPr>
          <a:lvl6pPr marL="3047620" algn="l" defTabSz="609523" rtl="0" eaLnBrk="1" latinLnBrk="0" hangingPunct="1">
            <a:defRPr sz="2400" kern="1200">
              <a:solidFill>
                <a:schemeClr val="tx1"/>
              </a:solidFill>
              <a:latin typeface="+mn-lt"/>
              <a:ea typeface="+mn-ea"/>
              <a:cs typeface="+mn-cs"/>
            </a:defRPr>
          </a:lvl6pPr>
          <a:lvl7pPr marL="3657143" algn="l" defTabSz="609523" rtl="0" eaLnBrk="1" latinLnBrk="0" hangingPunct="1">
            <a:defRPr sz="2400" kern="1200">
              <a:solidFill>
                <a:schemeClr val="tx1"/>
              </a:solidFill>
              <a:latin typeface="+mn-lt"/>
              <a:ea typeface="+mn-ea"/>
              <a:cs typeface="+mn-cs"/>
            </a:defRPr>
          </a:lvl7pPr>
          <a:lvl8pPr marL="4266667" algn="l" defTabSz="609523" rtl="0" eaLnBrk="1" latinLnBrk="0" hangingPunct="1">
            <a:defRPr sz="2400" kern="1200">
              <a:solidFill>
                <a:schemeClr val="tx1"/>
              </a:solidFill>
              <a:latin typeface="+mn-lt"/>
              <a:ea typeface="+mn-ea"/>
              <a:cs typeface="+mn-cs"/>
            </a:defRPr>
          </a:lvl8pPr>
          <a:lvl9pPr marL="4876191" algn="l" defTabSz="609523" rtl="0" eaLnBrk="1" latinLnBrk="0" hangingPunct="1">
            <a:defRPr sz="2400" kern="1200">
              <a:solidFill>
                <a:schemeClr val="tx1"/>
              </a:solidFill>
              <a:latin typeface="+mn-lt"/>
              <a:ea typeface="+mn-ea"/>
              <a:cs typeface="+mn-cs"/>
            </a:defRPr>
          </a:lvl9pPr>
        </a:lstStyle>
        <a:p>
          <a:pPr defTabSz="1130186">
            <a:tabLst>
              <a:tab pos="909139" algn="l"/>
            </a:tabLst>
            <a:defRPr/>
          </a:pPr>
          <a:r>
            <a:rPr lang="pt-BR" sz="2000" b="1" i="0">
              <a:solidFill>
                <a:srgbClr val="00696E"/>
              </a:solidFill>
              <a:latin typeface="Fira Sans" panose="020B0503050000020004" pitchFamily="34" charset="0"/>
              <a:ea typeface="Verdana" panose="020B0604030504040204" pitchFamily="34" charset="0"/>
              <a:cs typeface="Verdana" panose="020B0604030504040204" pitchFamily="34" charset="0"/>
            </a:rPr>
            <a:t>KPIs e Dados financeiros</a:t>
          </a:r>
        </a:p>
        <a:p>
          <a:pPr defTabSz="1130186">
            <a:tabLst>
              <a:tab pos="909139" algn="l"/>
            </a:tabLst>
            <a:defRPr/>
          </a:pPr>
          <a:r>
            <a:rPr lang="pt-BR" sz="2000" b="1" i="0">
              <a:solidFill>
                <a:srgbClr val="00696E"/>
              </a:solidFill>
              <a:latin typeface="Fira Sans" panose="020B0503050000020004" pitchFamily="34" charset="0"/>
              <a:ea typeface="Verdana" panose="020B0604030504040204" pitchFamily="34" charset="0"/>
              <a:cs typeface="Verdana" panose="020B0604030504040204" pitchFamily="34" charset="0"/>
            </a:rPr>
            <a:t>Financial data and KPIs</a:t>
          </a:r>
          <a:endParaRPr lang="pt-BR" sz="700" b="1" i="0">
            <a:solidFill>
              <a:srgbClr val="00696E"/>
            </a:solidFill>
            <a:latin typeface="Fira Sans" panose="020B0503050000020004" pitchFamily="34" charset="0"/>
            <a:ea typeface="Verdana" panose="020B0604030504040204" pitchFamily="34" charset="0"/>
            <a:cs typeface="Verdana" panose="020B0604030504040204" pitchFamily="34" charset="0"/>
          </a:endParaRPr>
        </a:p>
      </xdr:txBody>
    </xdr:sp>
    <xdr:clientData/>
  </xdr:twoCellAnchor>
  <xdr:twoCellAnchor editAs="oneCell">
    <xdr:from>
      <xdr:col>1</xdr:col>
      <xdr:colOff>81643</xdr:colOff>
      <xdr:row>1</xdr:row>
      <xdr:rowOff>82584</xdr:rowOff>
    </xdr:from>
    <xdr:to>
      <xdr:col>1</xdr:col>
      <xdr:colOff>524716</xdr:colOff>
      <xdr:row>4</xdr:row>
      <xdr:rowOff>105228</xdr:rowOff>
    </xdr:to>
    <xdr:pic>
      <xdr:nvPicPr>
        <xdr:cNvPr id="3" name="Imagem 2">
          <a:extLst>
            <a:ext uri="{FF2B5EF4-FFF2-40B4-BE49-F238E27FC236}">
              <a16:creationId xmlns:a16="http://schemas.microsoft.com/office/drawing/2014/main" id="{52FBBC6F-EFEA-4AC4-844E-E6F082100D09}"/>
            </a:ext>
          </a:extLst>
        </xdr:cNvPr>
        <xdr:cNvPicPr>
          <a:picLocks noChangeAspect="1"/>
        </xdr:cNvPicPr>
      </xdr:nvPicPr>
      <xdr:blipFill>
        <a:blip xmlns:r="http://schemas.openxmlformats.org/officeDocument/2006/relationships" r:embed="rId1"/>
        <a:stretch>
          <a:fillRect/>
        </a:stretch>
      </xdr:blipFill>
      <xdr:spPr>
        <a:xfrm>
          <a:off x="1215118" y="273084"/>
          <a:ext cx="443073" cy="594144"/>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D:\USER\JOAO\PERFIL\BAL.PERFIL.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Ger_Rela&#231;&#245;es%20com%20Investidores/CVM/&amp;%20Divulga&#231;&#227;o%20de%20Resultados/2021/4T21/Back%20up%20Release/Backup_Release_4T21_RI_V4.xlsx" TargetMode="External"/></Relationships>
</file>

<file path=xl/externalLinks/_rels/externalLink11.xml.rels><?xml version="1.0" encoding="UTF-8" standalone="yes"?>
<Relationships xmlns="http://schemas.openxmlformats.org/package/2006/relationships"><Relationship Id="rId2" Type="http://schemas.openxmlformats.org/officeDocument/2006/relationships/externalLinkPath" Target="file:///S:\Ger_Rela&#231;&#245;es%20com%20Investidores\CVM\&amp;%20Divulga&#231;&#227;o%20de%20Resultados\2024\1T24\Release\Backup_Release_1T24.xlsx" TargetMode="External"/><Relationship Id="rId1" Type="http://schemas.openxmlformats.org/officeDocument/2006/relationships/externalLinkPath" Target="/Ger_Rela&#231;&#245;es%20com%20Investidores/CVM/&amp;%20Divulga&#231;&#227;o%20de%20Resultados/2024/1T24/Release/Backup_Release_1T24.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UF2%20-%20P&amp;R\Planning%20and%20Reporting\01%20Planning\MI%20Pack%20Project\MI%20Pack%20Project.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EYFRPARISFS002\corpfin\Documents%20and%20Settings\agarcin.FREY-U\My%20Documents\MODELES\WACC%20Equant%20EY.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D4013S006\Trab\Pool\@@@EMPRESAS_SETORES\Alimentos%20e%20Bebidas\Sadia\M&amp;A\Proj.%207%20Belo\Valuation\WACC\WACC%20Calculation%20v5.xls" TargetMode="External"/></Relationships>
</file>

<file path=xl/externalLinks/_rels/externalLink15.xml.rels><?xml version="1.0" encoding="UTF-8" standalone="yes"?>
<Relationships xmlns="http://schemas.openxmlformats.org/package/2006/relationships"><Relationship Id="rId2" Type="http://schemas.openxmlformats.org/officeDocument/2006/relationships/externalLinkPath" Target="file:///S:\Ger_Geral%20Financeira\Planejamento_Financeiro\REAL%20VS%20ORCADO\2023\2023.02\DRE\DRE%202023.02%20v3.xlsb" TargetMode="External"/><Relationship Id="rId1" Type="http://schemas.openxmlformats.org/officeDocument/2006/relationships/externalLinkPath" Target="/Ger_Geral%20Financeira/Planejamento_Financeiro/REAL%20VS%20ORCADO/2023/2023.02/DRE/DRE%202023.02%20v3.xlsb" TargetMode="External"/></Relationships>
</file>

<file path=xl/externalLinks/_rels/externalLink16.xml.rels><?xml version="1.0" encoding="UTF-8" standalone="yes"?>
<Relationships xmlns="http://schemas.openxmlformats.org/package/2006/relationships"><Relationship Id="rId1" Type="http://schemas.microsoft.com/office/2006/relationships/xlExternalLinkPath/xlPathMissing" Target="Worksheet%20in%205210%20Investimento%20Leadsheet"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poindc02-nt\Users\Documents%20and%20Settings\rjb\Configura&#231;&#245;es%20locais\Temporary%20Internet%20Files\Content.Outlook\5S3E8421\GROUPE%20DE%20TRAVAIL%20Assesment%20plant%20team%20Usine\2004%20Plant%20Performance%20Assessment%20Ki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mz-vv-fs-042\Trab3\Trab\Pool\@@@EMPRESAS_SETORES\A&#231;&#250;car&amp;&#193;lcool\PBIO\M&amp;A\Pitch%202011.01.12\Apresenta&#231;&#227;o\M&#250;ltiplos%20de%20Mercado\M&#250;ltiplos%20AA%20v2.xlsx" TargetMode="External"/></Relationships>
</file>

<file path=xl/externalLinks/_rels/externalLink19.xml.rels><?xml version="1.0" encoding="UTF-8" standalone="yes"?>
<Relationships xmlns="http://schemas.openxmlformats.org/package/2006/relationships"><Relationship Id="rId1" Type="http://schemas.microsoft.com/office/2006/relationships/xlExternalLinkPath/xlPathMissing" Target="Worksheet%20in%208410%20Despesas%20com%20Pessoal%20Combined%20Leadsheet"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92.168.92.13\departamentos\Ziptemp\Giovanni_TEMPORARIO\_Pasta1.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apoindc02-nt\Users\Documents%20and%20Settings\rjb\Configura&#231;&#245;es%20locais\Temporary%20Internet%20Files\Content.Outlook\5S3E8421\DOCUME~1\DALKIE~1\LOCALS~1\Temp\C.Program%20Files.Lotus.Notes.Data\BU\BU_model_070104.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apoindc02-nt\Users\Rousseaux\GROUPE%20DE%20TRAVAIL%20Assesment%20plant%20team%20Usine\ActionPlan%202005-7%20Ope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apoindc02-nt\Users\Documents%20and%20Settings\rjb\Configura&#231;&#245;es%20locais\Temporary%20Internet%20Files\Content.Outlook\5S3E8421\Rousseaux\GROUPE%20DE%20TRAVAIL%20Assesment%20plant%20team%20Usine\ActionPlan%202005-7%20Open.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jpastr01\deptos\DOCUME~1\JORGE~1.MAD\CONFIG~1\Temp\Planes%20de%20Accion%20Prioridades%202005-2007%20v31May04.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Ger_Rela&#231;&#245;es%20com%20Investidores/CVM/&amp;%20Divulga&#231;&#227;o%20de%20Resultados/2019/2T19/Backup/Backup_Release_2T19%20V3.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mz-vv-fs-042\Trab3\Users\i399071\AppData\Local\Temp\Temp1_Projeto%20Guarapari%20-%20Consolidated%20Financial%20Model%20-%20v53.xlsx%20(00000002).zip\Modelos%20ACV\Projeto%20Guarapari%20-%20Financial%20Model%20-%20ACV%20v3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http://watt5.uol.com.br/DR/DIAFI/ECONT/EXCEL/CREUSA/TPLA3065.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Users\Guilherme.Pacheco\Desktop\BPR.xlsx"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E:\Documents%20and%20Settings\danicorrea\My%20Documents\Avaliacoes\6321%20EMPR&#201;STIMOS%20E%20FINANCIAMENTOS%20L.PRAZO%20Combined%20Leadsheet.xls" TargetMode="External"/></Relationships>
</file>

<file path=xl/externalLinks/_rels/externalLink29.xml.rels><?xml version="1.0" encoding="UTF-8" standalone="yes"?>
<Relationships xmlns="http://schemas.openxmlformats.org/package/2006/relationships"><Relationship Id="rId1" Type="http://schemas.microsoft.com/office/2006/relationships/xlExternalLinkPath/xlPathMissing" Target="Worksheet%20in%206310%20EMPR&#201;STIMOS%20E%20FINANCIAMENTOS%20Combined%20Leadsheet%20-%20S&#227;o%20Carlos%20DEZ"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ISABEL\aws\APPL\Tesouraria\Base%20de%20Dados\TESTE.XLW.xls" TargetMode="External"/></Relationships>
</file>

<file path=xl/externalLinks/_rels/externalLink30.xml.rels><?xml version="1.0" encoding="UTF-8" standalone="yes"?>
<Relationships xmlns="http://schemas.openxmlformats.org/package/2006/relationships"><Relationship Id="rId1" Type="http://schemas.microsoft.com/office/2006/relationships/xlExternalLinkPath/xlPathMissing" Target="Worksheet%20in%206111%20EMPR&#201;STIMOS%20E%20FINANCIAMENTOS%20Leadsheet" TargetMode="External"/></Relationships>
</file>

<file path=xl/externalLinks/_rels/externalLink31.xml.rels><?xml version="1.0" encoding="UTF-8" standalone="yes"?>
<Relationships xmlns="http://schemas.openxmlformats.org/package/2006/relationships"><Relationship Id="rId1" Type="http://schemas.microsoft.com/office/2006/relationships/xlExternalLinkPath/xlPathMissing" Target="Worksheet%20in%206212%20Empr&#233;stimos%20e%20Financiamentos%20Combined%20Leadsheet"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zinco\SRE\Documents%20and%20Settings\marialuiza\Configura&#231;&#245;es%20locais\Temporary%20Internet%20Files\OLKA\ENERSUL_2_CICLO_DADOS_INICIAIS_An&#225;lise.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Nw_server1\SYS\Dados\Martins\SidecoF\BPLAN%20ME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Meus%20documentos\Plano%202001\PS01-1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O:\AREA%20DE%20TRABALHO\CARTEIRA%20DE%20CLIENTES\CNH%20LATINO%20AMERICANA\Trabalho%20Preliminar%20-%201a.%20visita\Analise%20DTT\CENARIO%20CNH%20LA\FC2L-Monfa\Financeiro.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WINDOWS\Temporary%20Internet%20Files\Content.IE5\4PAFSPUR\ANALISE%20INDICES.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mz-vv-fs-042\Trab3\Users\i378302\Downloads\Proj.%20Royal%20-%20Financial%20Model%20v106.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A:\Cassandra\Carrefour\RDC-Jun.02\Resultado%20-%20RDC.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DUCAO"/>
      <sheetName val="Dados Hoteis"/>
      <sheetName val="INTRO"/>
      <sheetName val="1 - DRE BOOK"/>
      <sheetName val="2 - Evolutivo REAL 2013"/>
      <sheetName val="3 - Evolutivo ORÇ 2014"/>
      <sheetName val="4 - Evolutivo REAL 2014"/>
      <sheetName val="5 - DRE"/>
      <sheetName val="5.1 - DRE ANALÍTICO"/>
      <sheetName val="6 - Receita"/>
      <sheetName val="7 - Pessoal Front"/>
      <sheetName val="8 - Pessoal Reservas"/>
      <sheetName val="9 - Pessoal Governança"/>
      <sheetName val="10 - Pessoal A&amp;B"/>
      <sheetName val="11 - Pessoal GG"/>
      <sheetName val="12 - Pessoal Comercial"/>
      <sheetName val="13 - Pessoal Controladoria"/>
      <sheetName val="14 - Pessoal Manutenção"/>
      <sheetName val="15 - Pessoal Telefonia"/>
      <sheetName val="16 - Pessoal Lavanderia"/>
      <sheetName val="17 - Custo de hospedagem"/>
      <sheetName val="18 - Custo das Vendas"/>
      <sheetName val="19 - Custos não distribuídos"/>
      <sheetName val="20 - Despesas Gerais e Adm"/>
      <sheetName val="21 - Despesas Comerciais"/>
      <sheetName val="22 - Desp e Rec Financeiras"/>
      <sheetName val="23 - Investimentos"/>
      <sheetName val="24 - Métricas (2)"/>
      <sheetName val="25 - RH"/>
      <sheetName val="Orç A&amp;B"/>
      <sheetName val="Base orçamento"/>
      <sheetName val="Jan"/>
      <sheetName val="Fev"/>
      <sheetName val="Mar"/>
      <sheetName val="Abr"/>
      <sheetName val="Mai"/>
      <sheetName val="Jun"/>
      <sheetName val="Jul"/>
      <sheetName val="Ago"/>
      <sheetName val="Set"/>
      <sheetName val="Out"/>
      <sheetName val="Nov"/>
      <sheetName val="Dez"/>
      <sheetName val="Calc"/>
      <sheetName val="HOne"/>
      <sheetName val="GoEight"/>
      <sheetName val="MOne"/>
      <sheetName val="JTwo"/>
      <sheetName val="GrThree"/>
      <sheetName val="JOne"/>
      <sheetName val="HTwo"/>
      <sheetName val="KOne"/>
      <sheetName val="MTwo"/>
      <sheetName val="GoSeven"/>
      <sheetName val="GrFour"/>
      <sheetName val="Curva de Vendas"/>
      <sheetName val="Homog. e C&amp;B"/>
      <sheetName val="Lists"/>
      <sheetName val="Tabelas"/>
      <sheetName val="HIST. GRAFICO RL + EB"/>
    </sheetNames>
    <sheetDataSet>
      <sheetData sheetId="0" refreshError="1">
        <row r="3">
          <cell r="D3" t="str">
            <v xml:space="preserve"> 94/95</v>
          </cell>
          <cell r="E3" t="str">
            <v xml:space="preserve"> 95/96</v>
          </cell>
          <cell r="F3" t="str">
            <v xml:space="preserve"> 96/97</v>
          </cell>
        </row>
        <row r="4">
          <cell r="D4">
            <v>0</v>
          </cell>
          <cell r="E4">
            <v>16878000</v>
          </cell>
          <cell r="F4">
            <v>26794210</v>
          </cell>
        </row>
        <row r="6">
          <cell r="D6">
            <v>60889000</v>
          </cell>
          <cell r="E6">
            <v>43762000</v>
          </cell>
          <cell r="F6">
            <v>25230210</v>
          </cell>
        </row>
        <row r="8">
          <cell r="C8">
            <v>0</v>
          </cell>
          <cell r="D8">
            <v>60889000</v>
          </cell>
          <cell r="E8">
            <v>60640000</v>
          </cell>
          <cell r="F8">
            <v>52024420</v>
          </cell>
        </row>
        <row r="11">
          <cell r="C11">
            <v>0</v>
          </cell>
          <cell r="D11">
            <v>489821</v>
          </cell>
          <cell r="E11">
            <v>827780</v>
          </cell>
          <cell r="F11">
            <v>1263771</v>
          </cell>
        </row>
      </sheetData>
      <sheetData sheetId="1" refreshError="1"/>
      <sheetData sheetId="2" refreshError="1"/>
      <sheetData sheetId="3">
        <row r="3">
          <cell r="D3" t="str">
            <v xml:space="preserve"> 94/95</v>
          </cell>
        </row>
      </sheetData>
      <sheetData sheetId="4">
        <row r="3">
          <cell r="D3" t="str">
            <v xml:space="preserve"> 94/95</v>
          </cell>
        </row>
      </sheetData>
      <sheetData sheetId="5">
        <row r="3">
          <cell r="D3" t="str">
            <v xml:space="preserve"> 94/95</v>
          </cell>
        </row>
      </sheetData>
      <sheetData sheetId="6">
        <row r="3">
          <cell r="D3" t="str">
            <v xml:space="preserve"> 94/95</v>
          </cell>
        </row>
      </sheetData>
      <sheetData sheetId="7">
        <row r="3">
          <cell r="D3" t="str">
            <v xml:space="preserve"> 94/95</v>
          </cell>
        </row>
      </sheetData>
      <sheetData sheetId="8">
        <row r="3">
          <cell r="D3" t="str">
            <v xml:space="preserve"> 94/95</v>
          </cell>
        </row>
      </sheetData>
      <sheetData sheetId="9">
        <row r="3">
          <cell r="D3" t="str">
            <v xml:space="preserve"> 94/95</v>
          </cell>
        </row>
      </sheetData>
      <sheetData sheetId="10">
        <row r="3">
          <cell r="D3" t="str">
            <v xml:space="preserve"> 94/95</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ow r="3">
          <cell r="D3" t="str">
            <v xml:space="preserve"> 94/95</v>
          </cell>
        </row>
      </sheetData>
      <sheetData sheetId="38">
        <row r="3">
          <cell r="D3" t="str">
            <v xml:space="preserve"> 94/95</v>
          </cell>
        </row>
      </sheetData>
      <sheetData sheetId="39">
        <row r="3">
          <cell r="D3" t="str">
            <v xml:space="preserve"> 94/95</v>
          </cell>
        </row>
      </sheetData>
      <sheetData sheetId="40">
        <row r="3">
          <cell r="D3" t="str">
            <v xml:space="preserve"> 94/95</v>
          </cell>
        </row>
      </sheetData>
      <sheetData sheetId="41">
        <row r="3">
          <cell r="D3" t="str">
            <v xml:space="preserve"> 94/95</v>
          </cell>
        </row>
      </sheetData>
      <sheetData sheetId="42">
        <row r="3">
          <cell r="D3" t="str">
            <v xml:space="preserve"> 94/95</v>
          </cell>
        </row>
      </sheetData>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ster Trimestre Consolidada"/>
      <sheetName val="Master Trimestre Abertura"/>
      <sheetName val="Release"/>
      <sheetName val="Master Ano"/>
      <sheetName val="SEM IFRS 16"/>
      <sheetName val="EBITDAX_Projeto"/>
      <sheetName val="Analise DRE"/>
      <sheetName val="Analise FC"/>
      <sheetName val="Producao Gas"/>
      <sheetName val="Producao Condensado"/>
      <sheetName val="Produção Atlanta"/>
      <sheetName val="PL"/>
      <sheetName val="Indicadores de produção"/>
      <sheetName val="Balanço Patrimonial"/>
      <sheetName val="Demonstração do Resultado"/>
      <sheetName val="EBITDAX"/>
      <sheetName val="Planilha1"/>
      <sheetName val="Demonstração do Fluxo de Caixa"/>
    </sheetNames>
    <sheetDataSet>
      <sheetData sheetId="0"/>
      <sheetData sheetId="1">
        <row r="2">
          <cell r="D2">
            <v>44561</v>
          </cell>
        </row>
        <row r="7">
          <cell r="D7">
            <v>0.45</v>
          </cell>
        </row>
        <row r="8">
          <cell r="D8">
            <v>0.5</v>
          </cell>
        </row>
        <row r="9">
          <cell r="D9">
            <v>6.2897999999999996</v>
          </cell>
        </row>
        <row r="10">
          <cell r="D10">
            <v>265.8</v>
          </cell>
        </row>
        <row r="12">
          <cell r="D12">
            <v>1000000</v>
          </cell>
        </row>
        <row r="15">
          <cell r="C15" t="str">
            <v>Ano</v>
          </cell>
          <cell r="F15"/>
          <cell r="G15">
            <v>0</v>
          </cell>
          <cell r="H15">
            <v>1</v>
          </cell>
          <cell r="I15">
            <v>1</v>
          </cell>
          <cell r="J15">
            <v>1</v>
          </cell>
          <cell r="K15">
            <v>1</v>
          </cell>
          <cell r="L15">
            <v>2</v>
          </cell>
          <cell r="M15">
            <v>2</v>
          </cell>
          <cell r="N15">
            <v>2</v>
          </cell>
          <cell r="O15">
            <v>2</v>
          </cell>
          <cell r="P15">
            <v>3</v>
          </cell>
          <cell r="Q15">
            <v>3</v>
          </cell>
          <cell r="R15">
            <v>3</v>
          </cell>
          <cell r="S15">
            <v>3</v>
          </cell>
          <cell r="T15">
            <v>4</v>
          </cell>
          <cell r="U15">
            <v>4</v>
          </cell>
          <cell r="V15">
            <v>4</v>
          </cell>
          <cell r="W15">
            <v>4</v>
          </cell>
          <cell r="X15">
            <v>5</v>
          </cell>
          <cell r="Y15">
            <v>5</v>
          </cell>
          <cell r="Z15">
            <v>5</v>
          </cell>
          <cell r="AA15">
            <v>5</v>
          </cell>
          <cell r="AB15">
            <v>6</v>
          </cell>
          <cell r="AC15">
            <v>6</v>
          </cell>
          <cell r="AD15">
            <v>6</v>
          </cell>
          <cell r="AE15">
            <v>6</v>
          </cell>
          <cell r="AF15">
            <v>7</v>
          </cell>
          <cell r="AG15">
            <v>7</v>
          </cell>
          <cell r="AH15">
            <v>7</v>
          </cell>
          <cell r="AI15">
            <v>7</v>
          </cell>
          <cell r="AJ15">
            <v>8</v>
          </cell>
          <cell r="AK15">
            <v>8</v>
          </cell>
          <cell r="AL15">
            <v>8</v>
          </cell>
          <cell r="AM15">
            <v>8</v>
          </cell>
          <cell r="AN15">
            <v>9</v>
          </cell>
          <cell r="AO15">
            <v>9</v>
          </cell>
          <cell r="AP15">
            <v>9</v>
          </cell>
          <cell r="AQ15">
            <v>9</v>
          </cell>
          <cell r="AR15">
            <v>10</v>
          </cell>
          <cell r="AS15">
            <v>10</v>
          </cell>
          <cell r="AT15">
            <v>10</v>
          </cell>
          <cell r="AU15">
            <v>10</v>
          </cell>
          <cell r="AV15">
            <v>11</v>
          </cell>
          <cell r="AW15">
            <v>11</v>
          </cell>
          <cell r="AX15">
            <v>11</v>
          </cell>
          <cell r="AY15">
            <v>11</v>
          </cell>
          <cell r="AZ15">
            <v>12</v>
          </cell>
          <cell r="BA15">
            <v>12</v>
          </cell>
          <cell r="BB15">
            <v>12</v>
          </cell>
          <cell r="BC15">
            <v>12</v>
          </cell>
          <cell r="BD15"/>
          <cell r="BE15"/>
          <cell r="BF15"/>
          <cell r="BG15"/>
          <cell r="BH15"/>
          <cell r="BI15"/>
          <cell r="BJ15"/>
          <cell r="BK15"/>
          <cell r="BL15"/>
          <cell r="BM15"/>
          <cell r="BN15"/>
          <cell r="BO15"/>
          <cell r="BP15"/>
          <cell r="BQ15"/>
          <cell r="BR15"/>
          <cell r="BS15"/>
          <cell r="BT15"/>
          <cell r="BU15"/>
          <cell r="BV15"/>
          <cell r="BW15"/>
          <cell r="BX15"/>
          <cell r="BY15"/>
          <cell r="BZ15"/>
          <cell r="CA15"/>
          <cell r="CB15"/>
          <cell r="CC15"/>
          <cell r="CD15"/>
          <cell r="CE15"/>
          <cell r="CF15"/>
          <cell r="CG15"/>
          <cell r="CH15"/>
          <cell r="CI15"/>
          <cell r="CJ15"/>
          <cell r="CK15"/>
          <cell r="CL15"/>
          <cell r="CM15"/>
          <cell r="CN15"/>
          <cell r="CO15"/>
          <cell r="CP15"/>
          <cell r="CQ15"/>
          <cell r="CR15"/>
          <cell r="CS15"/>
          <cell r="CT15"/>
          <cell r="CU15"/>
          <cell r="CV15"/>
          <cell r="CW15"/>
          <cell r="CX15"/>
          <cell r="CY15"/>
          <cell r="CZ15"/>
          <cell r="DA15"/>
          <cell r="DB15"/>
          <cell r="DC15"/>
          <cell r="DD15"/>
          <cell r="DE15"/>
          <cell r="DF15"/>
          <cell r="DG15"/>
          <cell r="DH15"/>
          <cell r="DI15"/>
          <cell r="DJ15"/>
          <cell r="DK15"/>
          <cell r="DL15"/>
          <cell r="DM15"/>
          <cell r="DN15"/>
          <cell r="DO15"/>
          <cell r="DP15"/>
          <cell r="DQ15"/>
          <cell r="DR15"/>
          <cell r="DS15"/>
          <cell r="DT15"/>
          <cell r="DU15"/>
          <cell r="DV15"/>
          <cell r="DW15"/>
          <cell r="DX15"/>
          <cell r="DY15"/>
          <cell r="DZ15"/>
          <cell r="EA15"/>
          <cell r="EB15"/>
          <cell r="EC15"/>
          <cell r="ED15"/>
          <cell r="EE15"/>
          <cell r="EF15"/>
          <cell r="EG15"/>
          <cell r="EH15"/>
          <cell r="EI15"/>
          <cell r="EJ15"/>
          <cell r="EK15"/>
          <cell r="EL15"/>
          <cell r="EM15"/>
          <cell r="EN15"/>
          <cell r="EO15"/>
          <cell r="EP15"/>
          <cell r="EQ15"/>
          <cell r="ER15"/>
          <cell r="ES15"/>
          <cell r="ET15"/>
          <cell r="EU15"/>
          <cell r="EV15"/>
          <cell r="EW15"/>
          <cell r="EX15"/>
          <cell r="EY15"/>
          <cell r="EZ15"/>
          <cell r="FA15"/>
          <cell r="FB15"/>
          <cell r="FC15"/>
          <cell r="FD15"/>
          <cell r="FE15"/>
          <cell r="FF15"/>
          <cell r="FG15"/>
          <cell r="FH15"/>
          <cell r="FI15"/>
          <cell r="FJ15"/>
          <cell r="FK15"/>
          <cell r="FL15"/>
          <cell r="FM15"/>
          <cell r="FN15"/>
          <cell r="FO15"/>
          <cell r="FP15"/>
          <cell r="FQ15"/>
          <cell r="FR15"/>
          <cell r="FS15"/>
          <cell r="FT15"/>
          <cell r="FU15"/>
          <cell r="FV15"/>
          <cell r="FW15"/>
          <cell r="FX15"/>
          <cell r="FY15"/>
          <cell r="FZ15"/>
          <cell r="GA15"/>
          <cell r="GB15"/>
          <cell r="GC15"/>
          <cell r="GD15"/>
          <cell r="GE15"/>
          <cell r="GF15"/>
          <cell r="GG15"/>
          <cell r="GH15"/>
          <cell r="GI15"/>
          <cell r="GJ15"/>
          <cell r="GK15"/>
          <cell r="GL15"/>
          <cell r="GM15"/>
          <cell r="GN15"/>
          <cell r="GO15"/>
          <cell r="GP15"/>
          <cell r="GQ15"/>
          <cell r="GR15"/>
          <cell r="GS15"/>
          <cell r="GT15"/>
          <cell r="GU15"/>
          <cell r="GV15"/>
          <cell r="GW15"/>
          <cell r="GX15"/>
          <cell r="GY15"/>
          <cell r="GZ15"/>
          <cell r="HA15"/>
          <cell r="HB15"/>
          <cell r="HC15"/>
          <cell r="HD15"/>
          <cell r="HE15"/>
          <cell r="HF15"/>
          <cell r="HG15"/>
          <cell r="HH15"/>
          <cell r="HI15"/>
          <cell r="HJ15"/>
          <cell r="HK15"/>
          <cell r="HL15"/>
          <cell r="HM15"/>
          <cell r="HN15"/>
          <cell r="HO15"/>
          <cell r="HP15"/>
          <cell r="HQ15"/>
          <cell r="HR15"/>
          <cell r="HS15"/>
          <cell r="HT15"/>
          <cell r="HU15"/>
          <cell r="HV15"/>
          <cell r="HW15"/>
          <cell r="HX15"/>
          <cell r="HY15"/>
          <cell r="HZ15"/>
          <cell r="IA15"/>
          <cell r="IB15"/>
          <cell r="IC15"/>
          <cell r="ID15"/>
          <cell r="IE15"/>
          <cell r="IF15"/>
          <cell r="IG15"/>
          <cell r="IH15"/>
          <cell r="II15"/>
          <cell r="IJ15"/>
          <cell r="IK15"/>
          <cell r="IL15"/>
          <cell r="IM15"/>
          <cell r="IN15"/>
          <cell r="IO15"/>
          <cell r="IP15"/>
          <cell r="IQ15"/>
          <cell r="IR15"/>
          <cell r="IS15"/>
          <cell r="IT15"/>
          <cell r="IU15"/>
          <cell r="IV15"/>
          <cell r="IW15"/>
          <cell r="IX15"/>
          <cell r="IY15"/>
          <cell r="IZ15"/>
          <cell r="JA15"/>
          <cell r="JB15"/>
          <cell r="JC15"/>
          <cell r="JD15"/>
          <cell r="JE15"/>
          <cell r="JF15"/>
          <cell r="JG15"/>
          <cell r="JH15"/>
          <cell r="JI15"/>
          <cell r="JJ15"/>
          <cell r="JK15"/>
          <cell r="JL15"/>
          <cell r="JM15"/>
          <cell r="JN15"/>
          <cell r="JO15"/>
          <cell r="JP15"/>
          <cell r="JQ15"/>
          <cell r="JR15"/>
          <cell r="JS15"/>
          <cell r="JT15"/>
          <cell r="JU15"/>
          <cell r="JV15"/>
          <cell r="JW15"/>
          <cell r="JX15"/>
          <cell r="JY15"/>
          <cell r="JZ15"/>
          <cell r="KA15"/>
          <cell r="KB15"/>
          <cell r="KC15"/>
          <cell r="KD15"/>
          <cell r="KE15"/>
          <cell r="KF15"/>
          <cell r="KG15"/>
          <cell r="KH15"/>
          <cell r="KI15"/>
          <cell r="KJ15"/>
          <cell r="KK15"/>
          <cell r="KL15"/>
          <cell r="KM15"/>
          <cell r="KN15"/>
          <cell r="KO15"/>
          <cell r="KP15"/>
          <cell r="KQ15"/>
          <cell r="KR15"/>
          <cell r="KS15"/>
          <cell r="KT15"/>
          <cell r="KU15"/>
          <cell r="KV15"/>
          <cell r="KW15"/>
          <cell r="KX15"/>
          <cell r="KY15"/>
          <cell r="KZ15"/>
          <cell r="LA15"/>
          <cell r="LB15"/>
          <cell r="LC15"/>
          <cell r="LD15"/>
          <cell r="LE15"/>
          <cell r="LF15"/>
          <cell r="LG15"/>
          <cell r="LH15"/>
          <cell r="LI15"/>
          <cell r="LJ15"/>
          <cell r="LK15"/>
          <cell r="LL15"/>
          <cell r="LM15"/>
          <cell r="LN15"/>
          <cell r="LO15"/>
          <cell r="LP15"/>
          <cell r="LQ15"/>
          <cell r="LR15"/>
          <cell r="LS15"/>
          <cell r="LT15"/>
          <cell r="LU15"/>
          <cell r="LV15"/>
          <cell r="LW15"/>
          <cell r="LX15"/>
          <cell r="LY15"/>
          <cell r="LZ15"/>
          <cell r="MA15"/>
          <cell r="MB15"/>
          <cell r="MC15"/>
          <cell r="MD15"/>
          <cell r="ME15"/>
          <cell r="MF15"/>
          <cell r="MG15"/>
          <cell r="MH15"/>
          <cell r="MI15"/>
          <cell r="MJ15"/>
          <cell r="MK15"/>
          <cell r="ML15"/>
          <cell r="MM15"/>
          <cell r="MN15"/>
          <cell r="MO15"/>
          <cell r="MP15"/>
          <cell r="MQ15"/>
          <cell r="MR15"/>
          <cell r="MS15"/>
          <cell r="MT15"/>
          <cell r="MU15"/>
          <cell r="MV15"/>
          <cell r="MW15"/>
          <cell r="MX15"/>
          <cell r="MY15"/>
          <cell r="MZ15"/>
          <cell r="NA15"/>
          <cell r="NB15"/>
          <cell r="NC15"/>
          <cell r="ND15"/>
          <cell r="NE15"/>
          <cell r="NF15"/>
          <cell r="NG15"/>
          <cell r="NH15"/>
          <cell r="NI15"/>
          <cell r="NJ15"/>
          <cell r="NK15"/>
          <cell r="NL15"/>
          <cell r="NM15"/>
          <cell r="NN15"/>
          <cell r="NO15"/>
          <cell r="NP15"/>
          <cell r="NQ15"/>
          <cell r="NR15"/>
          <cell r="NS15"/>
          <cell r="NT15"/>
          <cell r="NU15"/>
          <cell r="NV15"/>
          <cell r="NW15"/>
          <cell r="NX15"/>
          <cell r="NY15"/>
          <cell r="NZ15"/>
          <cell r="OA15"/>
          <cell r="OB15"/>
          <cell r="OC15"/>
          <cell r="OD15"/>
          <cell r="OE15"/>
          <cell r="OF15"/>
          <cell r="OG15"/>
          <cell r="OH15"/>
          <cell r="OI15"/>
          <cell r="OJ15"/>
          <cell r="OK15"/>
          <cell r="OL15"/>
          <cell r="OM15"/>
          <cell r="ON15"/>
          <cell r="OO15"/>
          <cell r="OP15"/>
          <cell r="OQ15"/>
          <cell r="OR15"/>
          <cell r="OS15"/>
          <cell r="OT15"/>
          <cell r="OU15"/>
          <cell r="OV15"/>
          <cell r="OW15"/>
          <cell r="OX15"/>
          <cell r="OY15"/>
          <cell r="OZ15"/>
          <cell r="PA15"/>
          <cell r="PB15"/>
          <cell r="PC15"/>
          <cell r="PD15"/>
          <cell r="PE15"/>
          <cell r="PF15"/>
          <cell r="PG15"/>
          <cell r="PH15"/>
          <cell r="PI15"/>
          <cell r="PJ15"/>
          <cell r="PK15"/>
          <cell r="PL15"/>
          <cell r="PM15"/>
          <cell r="PN15"/>
          <cell r="PO15"/>
          <cell r="PP15"/>
          <cell r="PQ15"/>
          <cell r="PR15"/>
          <cell r="PS15"/>
          <cell r="PT15"/>
          <cell r="PU15"/>
          <cell r="PV15"/>
          <cell r="PW15"/>
          <cell r="PX15"/>
          <cell r="PY15"/>
          <cell r="PZ15"/>
          <cell r="QA15"/>
          <cell r="QB15"/>
          <cell r="QC15"/>
          <cell r="QD15"/>
          <cell r="QE15"/>
          <cell r="QF15"/>
          <cell r="QG15"/>
          <cell r="QH15"/>
          <cell r="QI15"/>
          <cell r="QJ15"/>
          <cell r="QK15"/>
          <cell r="QL15"/>
          <cell r="QM15"/>
          <cell r="QN15"/>
          <cell r="QO15"/>
          <cell r="QP15"/>
          <cell r="QQ15"/>
          <cell r="QR15"/>
          <cell r="QS15"/>
          <cell r="QT15"/>
          <cell r="QU15"/>
          <cell r="QV15"/>
          <cell r="QW15"/>
          <cell r="QX15"/>
          <cell r="QY15"/>
          <cell r="QZ15"/>
          <cell r="RA15"/>
          <cell r="RB15"/>
          <cell r="RC15"/>
          <cell r="RD15"/>
          <cell r="RE15"/>
          <cell r="RF15"/>
          <cell r="RG15"/>
          <cell r="RH15"/>
          <cell r="RI15"/>
          <cell r="RJ15"/>
          <cell r="RK15"/>
          <cell r="RL15"/>
          <cell r="RM15"/>
        </row>
        <row r="16">
          <cell r="C16" t="str">
            <v>Trimestres Finais</v>
          </cell>
          <cell r="F16"/>
          <cell r="G16">
            <v>0</v>
          </cell>
          <cell r="H16">
            <v>0</v>
          </cell>
          <cell r="I16">
            <v>0</v>
          </cell>
          <cell r="J16">
            <v>0</v>
          </cell>
          <cell r="K16">
            <v>1</v>
          </cell>
          <cell r="L16">
            <v>0</v>
          </cell>
          <cell r="M16">
            <v>0</v>
          </cell>
          <cell r="N16">
            <v>0</v>
          </cell>
          <cell r="O16">
            <v>2</v>
          </cell>
          <cell r="P16">
            <v>0</v>
          </cell>
          <cell r="Q16">
            <v>0</v>
          </cell>
          <cell r="R16">
            <v>0</v>
          </cell>
          <cell r="S16">
            <v>3</v>
          </cell>
          <cell r="T16">
            <v>0</v>
          </cell>
          <cell r="U16">
            <v>0</v>
          </cell>
          <cell r="V16">
            <v>0</v>
          </cell>
          <cell r="W16">
            <v>4</v>
          </cell>
          <cell r="X16">
            <v>0</v>
          </cell>
          <cell r="Y16">
            <v>0</v>
          </cell>
          <cell r="Z16">
            <v>0</v>
          </cell>
          <cell r="AA16">
            <v>5</v>
          </cell>
          <cell r="AB16">
            <v>0</v>
          </cell>
          <cell r="AC16">
            <v>0</v>
          </cell>
          <cell r="AD16">
            <v>0</v>
          </cell>
          <cell r="AE16">
            <v>6</v>
          </cell>
          <cell r="AF16">
            <v>0</v>
          </cell>
          <cell r="AG16">
            <v>0</v>
          </cell>
          <cell r="AH16">
            <v>0</v>
          </cell>
          <cell r="AI16">
            <v>7</v>
          </cell>
          <cell r="AJ16">
            <v>0</v>
          </cell>
          <cell r="AK16">
            <v>0</v>
          </cell>
          <cell r="AL16">
            <v>0</v>
          </cell>
          <cell r="AM16">
            <v>8</v>
          </cell>
          <cell r="AN16">
            <v>0</v>
          </cell>
          <cell r="AO16">
            <v>0</v>
          </cell>
          <cell r="AP16">
            <v>0</v>
          </cell>
          <cell r="AQ16">
            <v>9</v>
          </cell>
          <cell r="AR16">
            <v>0</v>
          </cell>
          <cell r="AS16">
            <v>0</v>
          </cell>
          <cell r="AT16">
            <v>0</v>
          </cell>
          <cell r="AU16">
            <v>10</v>
          </cell>
          <cell r="AV16">
            <v>0</v>
          </cell>
          <cell r="AW16">
            <v>0</v>
          </cell>
          <cell r="AX16">
            <v>0</v>
          </cell>
          <cell r="AY16">
            <v>11</v>
          </cell>
          <cell r="AZ16">
            <v>0</v>
          </cell>
          <cell r="BA16">
            <v>12</v>
          </cell>
          <cell r="BB16">
            <v>12</v>
          </cell>
          <cell r="BC16">
            <v>12</v>
          </cell>
          <cell r="BD16"/>
          <cell r="BE16"/>
          <cell r="BF16"/>
          <cell r="BG16"/>
          <cell r="BH16"/>
          <cell r="BI16"/>
          <cell r="BJ16"/>
          <cell r="BK16"/>
          <cell r="BL16"/>
          <cell r="BM16"/>
          <cell r="BN16"/>
          <cell r="BO16"/>
          <cell r="BP16"/>
          <cell r="BQ16"/>
          <cell r="BR16"/>
          <cell r="BS16"/>
          <cell r="BT16"/>
          <cell r="BU16"/>
          <cell r="BV16"/>
          <cell r="BW16"/>
          <cell r="BX16"/>
          <cell r="BY16"/>
          <cell r="BZ16"/>
          <cell r="CA16"/>
          <cell r="CB16"/>
          <cell r="CC16"/>
          <cell r="CD16"/>
          <cell r="CE16"/>
          <cell r="CF16"/>
          <cell r="CG16"/>
          <cell r="CH16"/>
          <cell r="CI16"/>
          <cell r="CJ16"/>
          <cell r="CK16"/>
          <cell r="CL16"/>
          <cell r="CM16"/>
          <cell r="CN16"/>
          <cell r="CO16"/>
          <cell r="CP16"/>
          <cell r="CQ16"/>
          <cell r="CR16"/>
          <cell r="CS16"/>
          <cell r="CT16"/>
          <cell r="CU16"/>
          <cell r="CV16"/>
          <cell r="CW16"/>
          <cell r="CX16"/>
          <cell r="CY16"/>
          <cell r="CZ16"/>
          <cell r="DA16"/>
          <cell r="DB16"/>
          <cell r="DC16"/>
          <cell r="DD16"/>
          <cell r="DE16"/>
          <cell r="DF16"/>
          <cell r="DG16"/>
          <cell r="DH16"/>
          <cell r="DI16"/>
          <cell r="DJ16"/>
          <cell r="DK16"/>
          <cell r="DL16"/>
          <cell r="DM16"/>
          <cell r="DN16"/>
          <cell r="DO16"/>
          <cell r="DP16"/>
          <cell r="DQ16"/>
          <cell r="DR16"/>
          <cell r="DS16"/>
          <cell r="DT16"/>
          <cell r="DU16"/>
          <cell r="DV16"/>
          <cell r="DW16"/>
          <cell r="DX16"/>
          <cell r="DY16"/>
          <cell r="DZ16"/>
          <cell r="EA16"/>
          <cell r="EB16"/>
          <cell r="EC16"/>
          <cell r="ED16"/>
          <cell r="EE16"/>
          <cell r="EF16"/>
          <cell r="EG16"/>
          <cell r="EH16"/>
          <cell r="EI16"/>
          <cell r="EJ16"/>
          <cell r="EK16"/>
          <cell r="EL16"/>
          <cell r="EM16"/>
          <cell r="EN16"/>
          <cell r="EO16"/>
          <cell r="EP16"/>
          <cell r="EQ16"/>
          <cell r="ER16"/>
          <cell r="ES16"/>
          <cell r="ET16"/>
          <cell r="EU16"/>
          <cell r="EV16"/>
          <cell r="EW16"/>
          <cell r="EX16"/>
          <cell r="EY16"/>
          <cell r="EZ16"/>
          <cell r="FA16"/>
          <cell r="FB16"/>
          <cell r="FC16"/>
          <cell r="FD16"/>
          <cell r="FE16"/>
          <cell r="FF16"/>
          <cell r="FG16"/>
          <cell r="FH16"/>
          <cell r="FI16"/>
          <cell r="FJ16"/>
          <cell r="FK16"/>
          <cell r="FL16"/>
          <cell r="FM16"/>
          <cell r="FN16"/>
          <cell r="FO16"/>
          <cell r="FP16"/>
          <cell r="FQ16"/>
          <cell r="FR16"/>
          <cell r="FS16"/>
          <cell r="FT16"/>
          <cell r="FU16"/>
          <cell r="FV16"/>
          <cell r="FW16"/>
          <cell r="FX16"/>
          <cell r="FY16"/>
          <cell r="FZ16"/>
          <cell r="GA16"/>
          <cell r="GB16"/>
          <cell r="GC16"/>
          <cell r="GD16"/>
          <cell r="GE16"/>
          <cell r="GF16"/>
          <cell r="GG16"/>
          <cell r="GH16"/>
          <cell r="GI16"/>
          <cell r="GJ16"/>
          <cell r="GK16"/>
          <cell r="GL16"/>
          <cell r="GM16"/>
          <cell r="GN16"/>
          <cell r="GO16"/>
          <cell r="GP16"/>
          <cell r="GQ16"/>
          <cell r="GR16"/>
          <cell r="GS16"/>
          <cell r="GT16"/>
          <cell r="GU16"/>
          <cell r="GV16"/>
          <cell r="GW16"/>
          <cell r="GX16"/>
          <cell r="GY16"/>
          <cell r="GZ16"/>
          <cell r="HA16"/>
          <cell r="HB16"/>
          <cell r="HC16"/>
          <cell r="HD16"/>
          <cell r="HE16"/>
          <cell r="HF16"/>
          <cell r="HG16"/>
          <cell r="HH16"/>
          <cell r="HI16"/>
          <cell r="HJ16"/>
          <cell r="HK16"/>
          <cell r="HL16"/>
          <cell r="HM16"/>
          <cell r="HN16"/>
          <cell r="HO16"/>
          <cell r="HP16"/>
          <cell r="HQ16"/>
          <cell r="HR16"/>
          <cell r="HS16"/>
          <cell r="HT16"/>
          <cell r="HU16"/>
          <cell r="HV16"/>
          <cell r="HW16"/>
          <cell r="HX16"/>
          <cell r="HY16"/>
          <cell r="HZ16"/>
          <cell r="IA16"/>
          <cell r="IB16"/>
          <cell r="IC16"/>
          <cell r="ID16"/>
          <cell r="IE16"/>
          <cell r="IF16"/>
          <cell r="IG16"/>
          <cell r="IH16"/>
          <cell r="II16"/>
          <cell r="IJ16"/>
          <cell r="IK16"/>
          <cell r="IL16"/>
          <cell r="IM16"/>
          <cell r="IN16"/>
          <cell r="IO16"/>
          <cell r="IP16"/>
          <cell r="IQ16"/>
          <cell r="IR16"/>
          <cell r="IS16"/>
          <cell r="IT16"/>
          <cell r="IU16"/>
          <cell r="IV16"/>
          <cell r="IW16"/>
          <cell r="IX16"/>
          <cell r="IY16"/>
          <cell r="IZ16"/>
          <cell r="JA16"/>
          <cell r="JB16"/>
          <cell r="JC16"/>
          <cell r="JD16"/>
          <cell r="JE16"/>
          <cell r="JF16"/>
          <cell r="JG16"/>
          <cell r="JH16"/>
          <cell r="JI16"/>
          <cell r="JJ16"/>
          <cell r="JK16"/>
          <cell r="JL16"/>
          <cell r="JM16"/>
          <cell r="JN16"/>
          <cell r="JO16"/>
          <cell r="JP16"/>
          <cell r="JQ16"/>
          <cell r="JR16"/>
          <cell r="JS16"/>
          <cell r="JT16"/>
          <cell r="JU16"/>
          <cell r="JV16"/>
          <cell r="JW16"/>
          <cell r="JX16"/>
          <cell r="JY16"/>
          <cell r="JZ16"/>
          <cell r="KA16"/>
          <cell r="KB16"/>
          <cell r="KC16"/>
          <cell r="KD16"/>
          <cell r="KE16"/>
          <cell r="KF16"/>
          <cell r="KG16"/>
          <cell r="KH16"/>
          <cell r="KI16"/>
          <cell r="KJ16"/>
          <cell r="KK16"/>
          <cell r="KL16"/>
          <cell r="KM16"/>
          <cell r="KN16"/>
          <cell r="KO16"/>
          <cell r="KP16"/>
          <cell r="KQ16"/>
          <cell r="KR16"/>
          <cell r="KS16"/>
          <cell r="KT16"/>
          <cell r="KU16"/>
          <cell r="KV16"/>
          <cell r="KW16"/>
          <cell r="KX16"/>
          <cell r="KY16"/>
          <cell r="KZ16"/>
          <cell r="LA16"/>
          <cell r="LB16"/>
          <cell r="LC16"/>
          <cell r="LD16"/>
          <cell r="LE16"/>
          <cell r="LF16"/>
          <cell r="LG16"/>
          <cell r="LH16"/>
          <cell r="LI16"/>
          <cell r="LJ16"/>
          <cell r="LK16"/>
          <cell r="LL16"/>
          <cell r="LM16"/>
          <cell r="LN16"/>
          <cell r="LO16"/>
          <cell r="LP16"/>
          <cell r="LQ16"/>
          <cell r="LR16"/>
          <cell r="LS16"/>
          <cell r="LT16"/>
          <cell r="LU16"/>
          <cell r="LV16"/>
          <cell r="LW16"/>
          <cell r="LX16"/>
          <cell r="LY16"/>
          <cell r="LZ16"/>
          <cell r="MA16"/>
          <cell r="MB16"/>
          <cell r="MC16"/>
          <cell r="MD16"/>
          <cell r="ME16"/>
          <cell r="MF16"/>
          <cell r="MG16"/>
          <cell r="MH16"/>
          <cell r="MI16"/>
          <cell r="MJ16"/>
          <cell r="MK16"/>
          <cell r="ML16"/>
          <cell r="MM16"/>
          <cell r="MN16"/>
          <cell r="MO16"/>
          <cell r="MP16"/>
          <cell r="MQ16"/>
          <cell r="MR16"/>
          <cell r="MS16"/>
          <cell r="MT16"/>
          <cell r="MU16"/>
          <cell r="MV16"/>
          <cell r="MW16"/>
          <cell r="MX16"/>
          <cell r="MY16"/>
          <cell r="MZ16"/>
          <cell r="NA16"/>
          <cell r="NB16"/>
          <cell r="NC16"/>
          <cell r="ND16"/>
          <cell r="NE16"/>
          <cell r="NF16"/>
          <cell r="NG16"/>
          <cell r="NH16"/>
          <cell r="NI16"/>
          <cell r="NJ16"/>
          <cell r="NK16"/>
          <cell r="NL16"/>
          <cell r="NM16"/>
          <cell r="NN16"/>
          <cell r="NO16"/>
          <cell r="NP16"/>
          <cell r="NQ16"/>
          <cell r="NR16"/>
          <cell r="NS16"/>
          <cell r="NT16"/>
          <cell r="NU16"/>
          <cell r="NV16"/>
          <cell r="NW16"/>
          <cell r="NX16"/>
          <cell r="NY16"/>
          <cell r="NZ16"/>
          <cell r="OA16"/>
          <cell r="OB16"/>
          <cell r="OC16"/>
          <cell r="OD16"/>
          <cell r="OE16"/>
          <cell r="OF16"/>
          <cell r="OG16"/>
          <cell r="OH16"/>
          <cell r="OI16"/>
          <cell r="OJ16"/>
          <cell r="OK16"/>
          <cell r="OL16"/>
          <cell r="OM16"/>
          <cell r="ON16"/>
          <cell r="OO16"/>
          <cell r="OP16"/>
          <cell r="OQ16"/>
          <cell r="OR16"/>
          <cell r="OS16"/>
          <cell r="OT16"/>
          <cell r="OU16"/>
          <cell r="OV16"/>
          <cell r="OW16"/>
          <cell r="OX16"/>
          <cell r="OY16"/>
          <cell r="OZ16"/>
          <cell r="PA16"/>
          <cell r="PB16"/>
          <cell r="PC16"/>
          <cell r="PD16"/>
          <cell r="PE16"/>
          <cell r="PF16"/>
          <cell r="PG16"/>
          <cell r="PH16"/>
          <cell r="PI16"/>
          <cell r="PJ16"/>
          <cell r="PK16"/>
          <cell r="PL16"/>
          <cell r="PM16"/>
          <cell r="PN16"/>
          <cell r="PO16"/>
          <cell r="PP16"/>
          <cell r="PQ16"/>
          <cell r="PR16"/>
          <cell r="PS16"/>
          <cell r="PT16"/>
          <cell r="PU16"/>
          <cell r="PV16"/>
          <cell r="PW16"/>
          <cell r="PX16"/>
          <cell r="PY16"/>
          <cell r="PZ16"/>
          <cell r="QA16"/>
          <cell r="QB16"/>
          <cell r="QC16"/>
          <cell r="QD16"/>
          <cell r="QE16"/>
          <cell r="QF16"/>
          <cell r="QG16"/>
          <cell r="QH16"/>
          <cell r="QI16"/>
          <cell r="QJ16"/>
          <cell r="QK16"/>
          <cell r="QL16"/>
          <cell r="QM16"/>
          <cell r="QN16"/>
          <cell r="QO16"/>
          <cell r="QP16"/>
          <cell r="QQ16"/>
          <cell r="QR16"/>
          <cell r="QS16"/>
          <cell r="QT16"/>
          <cell r="QU16"/>
          <cell r="QV16"/>
          <cell r="QW16"/>
          <cell r="QX16"/>
          <cell r="QY16"/>
          <cell r="QZ16"/>
          <cell r="RA16"/>
          <cell r="RB16"/>
          <cell r="RC16"/>
          <cell r="RD16"/>
          <cell r="RE16"/>
          <cell r="RF16"/>
          <cell r="RG16"/>
          <cell r="RH16"/>
          <cell r="RI16"/>
          <cell r="RJ16"/>
          <cell r="RK16"/>
          <cell r="RL16"/>
          <cell r="RM16"/>
        </row>
        <row r="19">
          <cell r="C19" t="str">
            <v>Acumulado ano sobre Acumulado ano</v>
          </cell>
          <cell r="F19"/>
          <cell r="G19">
            <v>0</v>
          </cell>
          <cell r="H19">
            <v>0</v>
          </cell>
          <cell r="I19">
            <v>0</v>
          </cell>
          <cell r="J19">
            <v>0</v>
          </cell>
          <cell r="K19">
            <v>0</v>
          </cell>
          <cell r="L19">
            <v>0</v>
          </cell>
          <cell r="M19">
            <v>0</v>
          </cell>
          <cell r="N19">
            <v>0</v>
          </cell>
          <cell r="O19">
            <v>0</v>
          </cell>
          <cell r="P19">
            <v>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1</v>
          </cell>
          <cell r="AW19">
            <v>1</v>
          </cell>
          <cell r="AX19">
            <v>1</v>
          </cell>
          <cell r="AY19">
            <v>1</v>
          </cell>
          <cell r="AZ19">
            <v>2</v>
          </cell>
          <cell r="BA19">
            <v>2</v>
          </cell>
          <cell r="BB19">
            <v>2</v>
          </cell>
          <cell r="BC19">
            <v>2</v>
          </cell>
          <cell r="BD19"/>
          <cell r="BE19"/>
          <cell r="BF19"/>
          <cell r="BG19"/>
          <cell r="BH19"/>
          <cell r="BI19"/>
          <cell r="BJ19"/>
          <cell r="BK19"/>
          <cell r="BL19"/>
          <cell r="BM19"/>
          <cell r="BN19"/>
          <cell r="BO19"/>
          <cell r="BP19"/>
          <cell r="BQ19"/>
          <cell r="BR19"/>
          <cell r="BS19"/>
          <cell r="BT19"/>
          <cell r="BU19"/>
          <cell r="BV19"/>
          <cell r="BW19"/>
          <cell r="BX19"/>
          <cell r="BY19"/>
          <cell r="BZ19"/>
          <cell r="CA19"/>
          <cell r="CB19"/>
          <cell r="CC19"/>
          <cell r="CD19"/>
          <cell r="CE19"/>
          <cell r="CF19"/>
          <cell r="CG19"/>
          <cell r="CH19"/>
          <cell r="CI19"/>
          <cell r="CJ19"/>
          <cell r="CK19"/>
          <cell r="CL19"/>
          <cell r="CM19"/>
          <cell r="CN19"/>
          <cell r="CO19"/>
          <cell r="CP19"/>
          <cell r="CQ19"/>
          <cell r="CR19"/>
          <cell r="CS19"/>
          <cell r="CT19"/>
          <cell r="CU19"/>
          <cell r="CV19"/>
          <cell r="CW19"/>
          <cell r="CX19"/>
          <cell r="CY19"/>
          <cell r="CZ19"/>
          <cell r="DA19"/>
          <cell r="DB19"/>
          <cell r="DC19"/>
          <cell r="DD19"/>
          <cell r="DE19"/>
          <cell r="DF19"/>
          <cell r="DG19"/>
          <cell r="DH19"/>
          <cell r="DI19"/>
          <cell r="DJ19"/>
          <cell r="DK19"/>
          <cell r="DL19"/>
          <cell r="DM19"/>
          <cell r="DN19"/>
          <cell r="DO19"/>
          <cell r="DP19"/>
          <cell r="DQ19"/>
          <cell r="DR19"/>
          <cell r="DS19"/>
          <cell r="DT19"/>
          <cell r="DU19"/>
          <cell r="DV19"/>
          <cell r="DW19"/>
          <cell r="DX19"/>
          <cell r="DY19"/>
          <cell r="DZ19"/>
          <cell r="EA19"/>
          <cell r="EB19"/>
          <cell r="EC19"/>
          <cell r="ED19"/>
          <cell r="EE19"/>
          <cell r="EF19"/>
          <cell r="EG19"/>
          <cell r="EH19"/>
          <cell r="EI19"/>
          <cell r="EJ19"/>
          <cell r="EK19"/>
          <cell r="EL19"/>
          <cell r="EM19"/>
          <cell r="EN19"/>
          <cell r="EO19"/>
          <cell r="EP19"/>
          <cell r="EQ19"/>
          <cell r="ER19"/>
          <cell r="ES19"/>
          <cell r="ET19"/>
          <cell r="EU19"/>
          <cell r="EV19"/>
          <cell r="EW19"/>
          <cell r="EX19"/>
          <cell r="EY19"/>
          <cell r="EZ19"/>
          <cell r="FA19"/>
          <cell r="FB19"/>
          <cell r="FC19"/>
          <cell r="FD19"/>
          <cell r="FE19"/>
          <cell r="FF19"/>
          <cell r="FG19"/>
          <cell r="FH19"/>
          <cell r="FI19"/>
          <cell r="FJ19"/>
          <cell r="FK19"/>
          <cell r="FL19"/>
          <cell r="FM19"/>
          <cell r="FN19"/>
          <cell r="FO19"/>
          <cell r="FP19"/>
          <cell r="FQ19"/>
          <cell r="FR19"/>
          <cell r="FS19"/>
          <cell r="FT19"/>
          <cell r="FU19"/>
          <cell r="FV19"/>
          <cell r="FW19"/>
          <cell r="FX19"/>
          <cell r="FY19"/>
          <cell r="FZ19"/>
          <cell r="GA19"/>
          <cell r="GB19"/>
          <cell r="GC19"/>
          <cell r="GD19"/>
          <cell r="GE19"/>
          <cell r="GF19"/>
          <cell r="GG19"/>
          <cell r="GH19"/>
          <cell r="GI19"/>
          <cell r="GJ19"/>
          <cell r="GK19"/>
          <cell r="GL19"/>
          <cell r="GM19"/>
          <cell r="GN19"/>
          <cell r="GO19"/>
          <cell r="GP19"/>
          <cell r="GQ19"/>
          <cell r="GR19"/>
          <cell r="GS19"/>
          <cell r="GT19"/>
          <cell r="GU19"/>
          <cell r="GV19"/>
          <cell r="GW19"/>
          <cell r="GX19"/>
          <cell r="GY19"/>
          <cell r="GZ19"/>
          <cell r="HA19"/>
          <cell r="HB19"/>
          <cell r="HC19"/>
          <cell r="HD19"/>
          <cell r="HE19"/>
          <cell r="HF19"/>
          <cell r="HG19"/>
          <cell r="HH19"/>
          <cell r="HI19"/>
          <cell r="HJ19"/>
          <cell r="HK19"/>
          <cell r="HL19"/>
          <cell r="HM19"/>
          <cell r="HN19"/>
          <cell r="HO19"/>
          <cell r="HP19"/>
          <cell r="HQ19"/>
          <cell r="HR19"/>
          <cell r="HS19"/>
          <cell r="HT19"/>
          <cell r="HU19"/>
          <cell r="HV19"/>
          <cell r="HW19"/>
          <cell r="HX19"/>
          <cell r="HY19"/>
          <cell r="HZ19"/>
          <cell r="IA19"/>
          <cell r="IB19"/>
          <cell r="IC19"/>
          <cell r="ID19"/>
          <cell r="IE19"/>
          <cell r="IF19"/>
          <cell r="IG19"/>
          <cell r="IH19"/>
          <cell r="II19"/>
          <cell r="IJ19"/>
          <cell r="IK19"/>
          <cell r="IL19"/>
          <cell r="IM19"/>
          <cell r="IN19"/>
          <cell r="IO19"/>
          <cell r="IP19"/>
          <cell r="IQ19"/>
          <cell r="IR19"/>
          <cell r="IS19"/>
          <cell r="IT19"/>
          <cell r="IU19"/>
          <cell r="IV19"/>
          <cell r="IW19"/>
          <cell r="IX19"/>
          <cell r="IY19"/>
          <cell r="IZ19"/>
          <cell r="JA19"/>
          <cell r="JB19"/>
          <cell r="JC19"/>
          <cell r="JD19"/>
          <cell r="JE19"/>
          <cell r="JF19"/>
          <cell r="JG19"/>
          <cell r="JH19"/>
          <cell r="JI19"/>
          <cell r="JJ19"/>
          <cell r="JK19"/>
          <cell r="JL19"/>
          <cell r="JM19"/>
          <cell r="JN19"/>
          <cell r="JO19"/>
          <cell r="JP19"/>
          <cell r="JQ19"/>
          <cell r="JR19"/>
          <cell r="JS19"/>
          <cell r="JT19"/>
          <cell r="JU19"/>
          <cell r="JV19"/>
          <cell r="JW19"/>
          <cell r="JX19"/>
          <cell r="JY19"/>
          <cell r="JZ19"/>
          <cell r="KA19"/>
          <cell r="KB19"/>
          <cell r="KC19"/>
          <cell r="KD19"/>
          <cell r="KE19"/>
          <cell r="KF19"/>
          <cell r="KG19"/>
          <cell r="KH19"/>
          <cell r="KI19"/>
          <cell r="KJ19"/>
          <cell r="KK19"/>
          <cell r="KL19"/>
          <cell r="KM19"/>
          <cell r="KN19"/>
          <cell r="KO19"/>
          <cell r="KP19"/>
          <cell r="KQ19"/>
          <cell r="KR19"/>
          <cell r="KS19"/>
          <cell r="KT19"/>
          <cell r="KU19"/>
          <cell r="KV19"/>
          <cell r="KW19"/>
          <cell r="KX19"/>
          <cell r="KY19"/>
          <cell r="KZ19"/>
          <cell r="LA19"/>
          <cell r="LB19"/>
          <cell r="LC19"/>
          <cell r="LD19"/>
          <cell r="LE19"/>
          <cell r="LF19"/>
          <cell r="LG19"/>
          <cell r="LH19"/>
          <cell r="LI19"/>
          <cell r="LJ19"/>
          <cell r="LK19"/>
          <cell r="LL19"/>
          <cell r="LM19"/>
          <cell r="LN19"/>
          <cell r="LO19"/>
          <cell r="LP19"/>
          <cell r="LQ19"/>
          <cell r="LR19"/>
          <cell r="LS19"/>
          <cell r="LT19"/>
          <cell r="LU19"/>
          <cell r="LV19"/>
          <cell r="LW19"/>
          <cell r="LX19"/>
          <cell r="LY19"/>
          <cell r="LZ19"/>
          <cell r="MA19"/>
          <cell r="MB19"/>
          <cell r="MC19"/>
          <cell r="MD19"/>
          <cell r="ME19"/>
          <cell r="MF19"/>
          <cell r="MG19"/>
          <cell r="MH19"/>
          <cell r="MI19"/>
          <cell r="MJ19"/>
          <cell r="MK19"/>
          <cell r="ML19"/>
          <cell r="MM19"/>
          <cell r="MN19"/>
          <cell r="MO19"/>
          <cell r="MP19"/>
          <cell r="MQ19"/>
          <cell r="MR19"/>
          <cell r="MS19"/>
          <cell r="MT19"/>
          <cell r="MU19"/>
          <cell r="MV19"/>
          <cell r="MW19"/>
          <cell r="MX19"/>
          <cell r="MY19"/>
          <cell r="MZ19"/>
          <cell r="NA19"/>
          <cell r="NB19"/>
          <cell r="NC19"/>
          <cell r="ND19"/>
          <cell r="NE19"/>
          <cell r="NF19"/>
          <cell r="NG19"/>
          <cell r="NH19"/>
          <cell r="NI19"/>
          <cell r="NJ19"/>
          <cell r="NK19"/>
          <cell r="NL19"/>
          <cell r="NM19"/>
          <cell r="NN19"/>
          <cell r="NO19"/>
          <cell r="NP19"/>
          <cell r="NQ19"/>
          <cell r="NR19"/>
          <cell r="NS19"/>
          <cell r="NT19"/>
          <cell r="NU19"/>
          <cell r="NV19"/>
          <cell r="NW19"/>
          <cell r="NX19"/>
          <cell r="NY19"/>
          <cell r="NZ19"/>
          <cell r="OA19"/>
          <cell r="OB19"/>
          <cell r="OC19"/>
          <cell r="OD19"/>
          <cell r="OE19"/>
          <cell r="OF19"/>
          <cell r="OG19"/>
          <cell r="OH19"/>
          <cell r="OI19"/>
          <cell r="OJ19"/>
          <cell r="OK19"/>
          <cell r="OL19"/>
          <cell r="OM19"/>
          <cell r="ON19"/>
          <cell r="OO19"/>
          <cell r="OP19"/>
          <cell r="OQ19"/>
          <cell r="OR19"/>
          <cell r="OS19"/>
          <cell r="OT19"/>
          <cell r="OU19"/>
          <cell r="OV19"/>
          <cell r="OW19"/>
          <cell r="OX19"/>
          <cell r="OY19"/>
          <cell r="OZ19"/>
          <cell r="PA19"/>
          <cell r="PB19"/>
          <cell r="PC19"/>
          <cell r="PD19"/>
          <cell r="PE19"/>
          <cell r="PF19"/>
          <cell r="PG19"/>
          <cell r="PH19"/>
          <cell r="PI19"/>
          <cell r="PJ19"/>
          <cell r="PK19"/>
          <cell r="PL19"/>
          <cell r="PM19"/>
          <cell r="PN19"/>
          <cell r="PO19"/>
          <cell r="PP19"/>
          <cell r="PQ19"/>
          <cell r="PR19"/>
          <cell r="PS19"/>
          <cell r="PT19"/>
          <cell r="PU19"/>
          <cell r="PV19"/>
          <cell r="PW19"/>
          <cell r="PX19"/>
          <cell r="PY19"/>
          <cell r="PZ19"/>
          <cell r="QA19"/>
          <cell r="QB19"/>
          <cell r="QC19"/>
          <cell r="QD19"/>
          <cell r="QE19"/>
          <cell r="QF19"/>
          <cell r="QG19"/>
          <cell r="QH19"/>
          <cell r="QI19"/>
          <cell r="QJ19"/>
          <cell r="QK19"/>
          <cell r="QL19"/>
          <cell r="QM19"/>
          <cell r="QN19"/>
          <cell r="QO19"/>
          <cell r="QP19"/>
          <cell r="QQ19"/>
          <cell r="QR19"/>
          <cell r="QS19"/>
          <cell r="QT19"/>
          <cell r="QU19"/>
          <cell r="QV19"/>
          <cell r="QW19"/>
          <cell r="QX19"/>
          <cell r="QY19"/>
          <cell r="QZ19"/>
          <cell r="RA19"/>
          <cell r="RB19"/>
          <cell r="RC19"/>
          <cell r="RD19"/>
          <cell r="RE19"/>
          <cell r="RF19"/>
          <cell r="RG19"/>
          <cell r="RH19"/>
          <cell r="RI19"/>
          <cell r="RJ19"/>
          <cell r="RK19"/>
          <cell r="RL19"/>
          <cell r="RM19"/>
        </row>
      </sheetData>
      <sheetData sheetId="2"/>
      <sheetData sheetId="3">
        <row r="14">
          <cell r="C14" t="str">
            <v>Ano</v>
          </cell>
          <cell r="F14"/>
          <cell r="G14">
            <v>0</v>
          </cell>
          <cell r="H14">
            <v>0</v>
          </cell>
          <cell r="I14">
            <v>0</v>
          </cell>
          <cell r="J14">
            <v>1</v>
          </cell>
          <cell r="K14">
            <v>2</v>
          </cell>
          <cell r="L14">
            <v>3</v>
          </cell>
          <cell r="M14">
            <v>4</v>
          </cell>
          <cell r="N14">
            <v>5</v>
          </cell>
          <cell r="O14">
            <v>6</v>
          </cell>
          <cell r="P14">
            <v>7</v>
          </cell>
          <cell r="Q14">
            <v>8</v>
          </cell>
          <cell r="R14">
            <v>9</v>
          </cell>
          <cell r="S14">
            <v>10</v>
          </cell>
          <cell r="T14">
            <v>11</v>
          </cell>
          <cell r="U14">
            <v>12</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Abertura Custos (EX IFRS)"/>
      <sheetName val="Balanço Patrim"/>
      <sheetName val="Principais Indicadores"/>
      <sheetName val="Informações Fin Cons"/>
      <sheetName val="Lifting Cost"/>
      <sheetName val="Abertura Custos Operacionais"/>
      <sheetName val="Custos Ex IFRS"/>
      <sheetName val="Produção"/>
      <sheetName val="DRE"/>
      <sheetName val="Producao Gas"/>
      <sheetName val="Producao Condensado"/>
      <sheetName val="Produção Atlanta"/>
      <sheetName val="Indicadores de produção"/>
      <sheetName val="Indicadores de produção (tri)"/>
      <sheetName val="EBITDAX"/>
      <sheetName val="Demonstração do Resultado (OLD)"/>
      <sheetName val="Demonstração do Resultado (o&amp;g)"/>
      <sheetName val="Balanço Patrimonial"/>
      <sheetName val="Fundamentos (OLD)"/>
      <sheetName val="Fundamentos (2)"/>
      <sheetName val="Master Trimestre Abertura"/>
      <sheetName val="Disponibilidade ajustada"/>
      <sheetName val="NE Resultado Financeiro"/>
      <sheetName val="Outros ativos"/>
      <sheetName val="Gráficos release (OLD)"/>
      <sheetName val="Gráficos release (o&amp;g)"/>
      <sheetName val="gráfico 2"/>
      <sheetName val="gráfico 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ow r="2">
          <cell r="D2">
            <v>45382</v>
          </cell>
        </row>
        <row r="7">
          <cell r="D7">
            <v>0.45</v>
          </cell>
        </row>
        <row r="9">
          <cell r="D9">
            <v>6.2897999999999996</v>
          </cell>
        </row>
        <row r="10">
          <cell r="D10">
            <v>265.8</v>
          </cell>
        </row>
        <row r="11">
          <cell r="D11">
            <v>1000</v>
          </cell>
        </row>
        <row r="12">
          <cell r="D12">
            <v>1000000</v>
          </cell>
        </row>
        <row r="19">
          <cell r="C19" t="str">
            <v>Acumulado ano sobre Acumulado ano</v>
          </cell>
          <cell r="G19">
            <v>0</v>
          </cell>
          <cell r="H19">
            <v>0</v>
          </cell>
          <cell r="I19">
            <v>0</v>
          </cell>
          <cell r="J19">
            <v>0</v>
          </cell>
          <cell r="K19">
            <v>0</v>
          </cell>
          <cell r="L19">
            <v>0</v>
          </cell>
          <cell r="M19">
            <v>0</v>
          </cell>
          <cell r="N19">
            <v>0</v>
          </cell>
          <cell r="O19">
            <v>0</v>
          </cell>
          <cell r="P19">
            <v>0</v>
          </cell>
          <cell r="Q19">
            <v>0</v>
          </cell>
          <cell r="R19">
            <v>0</v>
          </cell>
          <cell r="S19">
            <v>0</v>
          </cell>
          <cell r="T19">
            <v>0</v>
          </cell>
          <cell r="U19">
            <v>0</v>
          </cell>
          <cell r="V19">
            <v>0</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0</v>
          </cell>
          <cell r="BB19">
            <v>0</v>
          </cell>
          <cell r="BC19">
            <v>0</v>
          </cell>
          <cell r="BD19">
            <v>0</v>
          </cell>
          <cell r="BE19">
            <v>0</v>
          </cell>
          <cell r="BF19">
            <v>0</v>
          </cell>
          <cell r="BG19">
            <v>0</v>
          </cell>
          <cell r="BH19">
            <v>1</v>
          </cell>
          <cell r="BI19">
            <v>0</v>
          </cell>
          <cell r="BJ19">
            <v>0</v>
          </cell>
          <cell r="BK19">
            <v>0</v>
          </cell>
          <cell r="BL19">
            <v>2</v>
          </cell>
        </row>
        <row r="23">
          <cell r="C23" t="str">
            <v>Período</v>
          </cell>
          <cell r="G23" t="str">
            <v>4T09</v>
          </cell>
          <cell r="H23" t="str">
            <v>1T10</v>
          </cell>
          <cell r="I23" t="str">
            <v>2T10</v>
          </cell>
          <cell r="J23" t="str">
            <v>3T10</v>
          </cell>
          <cell r="K23" t="str">
            <v>4T10</v>
          </cell>
          <cell r="L23" t="str">
            <v>1T11</v>
          </cell>
          <cell r="M23" t="str">
            <v>2T11</v>
          </cell>
          <cell r="N23" t="str">
            <v>3T11</v>
          </cell>
          <cell r="O23" t="str">
            <v>4T11</v>
          </cell>
          <cell r="P23" t="str">
            <v>1T12</v>
          </cell>
          <cell r="Q23" t="str">
            <v>2T12</v>
          </cell>
          <cell r="R23" t="str">
            <v>3T12</v>
          </cell>
          <cell r="S23" t="str">
            <v>4T12</v>
          </cell>
          <cell r="T23" t="str">
            <v>1T13</v>
          </cell>
          <cell r="U23" t="str">
            <v>2T13</v>
          </cell>
          <cell r="V23" t="str">
            <v>3T13</v>
          </cell>
          <cell r="W23" t="str">
            <v>4T13</v>
          </cell>
          <cell r="X23" t="str">
            <v>1T14</v>
          </cell>
          <cell r="Y23" t="str">
            <v>2T14</v>
          </cell>
          <cell r="Z23" t="str">
            <v>3T14</v>
          </cell>
          <cell r="AA23" t="str">
            <v>4T14</v>
          </cell>
          <cell r="AB23" t="str">
            <v>1T15</v>
          </cell>
          <cell r="AC23" t="str">
            <v>2T15</v>
          </cell>
          <cell r="AD23" t="str">
            <v>3T15</v>
          </cell>
          <cell r="AE23" t="str">
            <v>4T15</v>
          </cell>
          <cell r="AF23" t="str">
            <v>1T16</v>
          </cell>
          <cell r="AG23" t="str">
            <v>2T16</v>
          </cell>
          <cell r="AH23" t="str">
            <v>3T16</v>
          </cell>
          <cell r="AI23" t="str">
            <v>4T16</v>
          </cell>
          <cell r="AJ23" t="str">
            <v>1T17</v>
          </cell>
          <cell r="AK23" t="str">
            <v>2T17</v>
          </cell>
          <cell r="AL23" t="str">
            <v>3T17</v>
          </cell>
          <cell r="AM23" t="str">
            <v>4T17</v>
          </cell>
          <cell r="AN23" t="str">
            <v>1T18</v>
          </cell>
          <cell r="AO23" t="str">
            <v>2T18</v>
          </cell>
          <cell r="AP23" t="str">
            <v>3T18</v>
          </cell>
          <cell r="AQ23" t="str">
            <v>4T18</v>
          </cell>
          <cell r="AR23" t="str">
            <v>1T19</v>
          </cell>
          <cell r="AS23" t="str">
            <v>2T19</v>
          </cell>
          <cell r="AT23" t="str">
            <v>3T19</v>
          </cell>
          <cell r="AU23" t="str">
            <v>4T19</v>
          </cell>
          <cell r="AV23" t="str">
            <v>1T20</v>
          </cell>
          <cell r="AW23" t="str">
            <v>2T20</v>
          </cell>
          <cell r="AX23" t="str">
            <v>3T20</v>
          </cell>
          <cell r="AY23" t="str">
            <v>4T20</v>
          </cell>
          <cell r="AZ23" t="str">
            <v>1T21</v>
          </cell>
          <cell r="BA23" t="str">
            <v>2T21</v>
          </cell>
          <cell r="BB23" t="str">
            <v>3T21</v>
          </cell>
          <cell r="BC23" t="str">
            <v>4T21</v>
          </cell>
          <cell r="BD23" t="str">
            <v>1T22</v>
          </cell>
          <cell r="BE23" t="str">
            <v>2T22</v>
          </cell>
          <cell r="BF23" t="str">
            <v>3T22</v>
          </cell>
          <cell r="BG23" t="str">
            <v>4T22</v>
          </cell>
          <cell r="BH23" t="str">
            <v>1T23</v>
          </cell>
          <cell r="BI23" t="str">
            <v>2T23</v>
          </cell>
          <cell r="BJ23" t="str">
            <v>3T23</v>
          </cell>
          <cell r="BK23" t="str">
            <v>4T23</v>
          </cell>
          <cell r="BL23" t="str">
            <v>1T24</v>
          </cell>
        </row>
      </sheetData>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Menu"/>
      <sheetName val="Actual"/>
      <sheetName val="Budget"/>
      <sheetName val="LE"/>
      <sheetName val="Actual vs Plan vs LE"/>
      <sheetName val="Dados"/>
      <sheetName val="Overhead"/>
      <sheetName val="Historical Graphs"/>
      <sheetName val="Actual Brazil Consolidated"/>
      <sheetName val="Actual SBEP"/>
      <sheetName val="Actual Tamba"/>
      <sheetName val="Actual Comgas"/>
      <sheetName val="Actual Colombia"/>
      <sheetName val="Actual Argentina"/>
      <sheetName val="Actual DW"/>
      <sheetName val="Actual EC"/>
      <sheetName val="Actual Ot"/>
      <sheetName val="Plan Brazil Consolidated"/>
      <sheetName val="P&amp;L"/>
      <sheetName val="Plan SBEP "/>
      <sheetName val="Plan Tamba "/>
      <sheetName val="Plan Comgas "/>
      <sheetName val="Plan Colombia"/>
      <sheetName val="Plan Argentina"/>
      <sheetName val="Plan DW "/>
      <sheetName val="Plan EC "/>
      <sheetName val="Plan Ot "/>
      <sheetName val="LE Brazil Consolidated "/>
      <sheetName val="LE SBEP "/>
      <sheetName val="LE Tamba  "/>
      <sheetName val="LE Comgas "/>
      <sheetName val="LE Colombia"/>
      <sheetName val="LE Argentina "/>
      <sheetName val="LE DW"/>
      <sheetName val="LE EC"/>
      <sheetName val="LE Ot"/>
      <sheetName val="Var Brazil Consolidated"/>
      <sheetName val="Var SBEP"/>
      <sheetName val="Var Tamba"/>
      <sheetName val="Var Comgas"/>
      <sheetName val="Var Colombia"/>
      <sheetName val="Var Argentina"/>
      <sheetName val="Var DW"/>
      <sheetName val="Var EC"/>
      <sheetName val="Var Ot"/>
      <sheetName val="OH Graphs"/>
      <sheetName val="Data SBEP"/>
      <sheetName val="Data Tamba"/>
      <sheetName val="Data Comgás"/>
      <sheetName val="Data SEPC"/>
      <sheetName val="Data SCAP"/>
      <sheetName val="Data Overhead"/>
      <sheetName val="Data Macro Graphs"/>
      <sheetName val="Cash"/>
      <sheetName val="Data Hist Graph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ow r="17">
          <cell r="A17" t="str">
            <v>BBB</v>
          </cell>
          <cell r="B17" t="str">
            <v>DW Month</v>
          </cell>
          <cell r="C17" t="str">
            <v>EC Month</v>
          </cell>
          <cell r="D17" t="str">
            <v>OT Month</v>
          </cell>
          <cell r="E17" t="str">
            <v>Total Month</v>
          </cell>
          <cell r="F17" t="str">
            <v>DW YTD</v>
          </cell>
          <cell r="G17" t="str">
            <v>EC YTD</v>
          </cell>
          <cell r="H17" t="str">
            <v>OT YTD</v>
          </cell>
          <cell r="I17" t="str">
            <v>Total YTD</v>
          </cell>
        </row>
        <row r="18">
          <cell r="A18" t="str">
            <v>BS</v>
          </cell>
          <cell r="B18">
            <v>0</v>
          </cell>
          <cell r="C18">
            <v>0</v>
          </cell>
          <cell r="D18">
            <v>0</v>
          </cell>
          <cell r="E18">
            <v>0</v>
          </cell>
          <cell r="F18">
            <v>5.8900000000000003E-3</v>
          </cell>
          <cell r="G18">
            <v>0</v>
          </cell>
          <cell r="H18">
            <v>4.0000000000000003E-5</v>
          </cell>
          <cell r="I18">
            <v>5.9300000000000004E-3</v>
          </cell>
        </row>
        <row r="19">
          <cell r="A19" t="str">
            <v>B7</v>
          </cell>
          <cell r="B19">
            <v>-226777.67395</v>
          </cell>
          <cell r="C19">
            <v>-6867.4517999999998</v>
          </cell>
          <cell r="D19">
            <v>302986.79060000001</v>
          </cell>
          <cell r="E19">
            <v>69341.664850000001</v>
          </cell>
          <cell r="F19">
            <v>-111780.47199999999</v>
          </cell>
          <cell r="G19">
            <v>-125403.27373</v>
          </cell>
          <cell r="H19">
            <v>2591094.2609100002</v>
          </cell>
          <cell r="I19">
            <v>2353910.5151800001</v>
          </cell>
        </row>
        <row r="20">
          <cell r="A20" t="str">
            <v>B7</v>
          </cell>
          <cell r="B20">
            <v>0</v>
          </cell>
          <cell r="C20">
            <v>0</v>
          </cell>
          <cell r="D20">
            <v>0</v>
          </cell>
          <cell r="E20">
            <v>0</v>
          </cell>
          <cell r="F20">
            <v>0</v>
          </cell>
          <cell r="G20">
            <v>0</v>
          </cell>
          <cell r="H20">
            <v>0</v>
          </cell>
          <cell r="I20">
            <v>0</v>
          </cell>
        </row>
        <row r="21">
          <cell r="A21" t="str">
            <v>B3</v>
          </cell>
          <cell r="B21">
            <v>-212557.73908</v>
          </cell>
          <cell r="C21">
            <v>-10427.048769999999</v>
          </cell>
          <cell r="D21">
            <v>304479.07509</v>
          </cell>
          <cell r="E21">
            <v>81494.287240000005</v>
          </cell>
          <cell r="F21">
            <v>504024.82780000003</v>
          </cell>
          <cell r="G21">
            <v>-72291.73358</v>
          </cell>
          <cell r="H21">
            <v>2777749.7538899998</v>
          </cell>
          <cell r="I21">
            <v>3209482.8481100001</v>
          </cell>
        </row>
        <row r="22">
          <cell r="A22" t="str">
            <v>B100</v>
          </cell>
          <cell r="B22">
            <v>-12475.58682</v>
          </cell>
          <cell r="C22">
            <v>-47.006810000000002</v>
          </cell>
          <cell r="D22">
            <v>-263.54358000000002</v>
          </cell>
          <cell r="E22">
            <v>-12786.137210000001</v>
          </cell>
          <cell r="F22">
            <v>1738600.29856</v>
          </cell>
          <cell r="G22">
            <v>4194.6958100000002</v>
          </cell>
          <cell r="H22">
            <v>11772.03032</v>
          </cell>
          <cell r="I22">
            <v>1754567.0246900001</v>
          </cell>
        </row>
        <row r="23">
          <cell r="A23" t="str">
            <v>B110</v>
          </cell>
          <cell r="B23">
            <v>-12475.58682</v>
          </cell>
          <cell r="C23">
            <v>-47.006810000000002</v>
          </cell>
          <cell r="D23">
            <v>-237.90288000000001</v>
          </cell>
          <cell r="E23">
            <v>-12760.496510000001</v>
          </cell>
          <cell r="F23">
            <v>1738600.29856</v>
          </cell>
          <cell r="G23">
            <v>4194.6958100000002</v>
          </cell>
          <cell r="H23">
            <v>11337.35902</v>
          </cell>
          <cell r="I23">
            <v>1754132.3533900001</v>
          </cell>
        </row>
        <row r="24">
          <cell r="A24" t="str">
            <v>B11001</v>
          </cell>
          <cell r="B24">
            <v>19615.0039</v>
          </cell>
          <cell r="D24">
            <v>-216.41255000000001</v>
          </cell>
          <cell r="E24">
            <v>19398.591349999999</v>
          </cell>
          <cell r="F24">
            <v>4496784.1173999999</v>
          </cell>
          <cell r="G24">
            <v>10526.698609999999</v>
          </cell>
          <cell r="H24">
            <v>12625.8747</v>
          </cell>
          <cell r="I24">
            <v>4519936.6907099998</v>
          </cell>
        </row>
        <row r="25">
          <cell r="A25" t="str">
            <v>B11003</v>
          </cell>
          <cell r="F25">
            <v>4477169.1135</v>
          </cell>
          <cell r="G25">
            <v>10526.698609999999</v>
          </cell>
          <cell r="H25">
            <v>12842.287249999999</v>
          </cell>
          <cell r="I25">
            <v>4500538.0993600003</v>
          </cell>
        </row>
        <row r="26">
          <cell r="A26" t="str">
            <v>B11004</v>
          </cell>
        </row>
        <row r="27">
          <cell r="A27" t="str">
            <v>B11005</v>
          </cell>
          <cell r="B27">
            <v>19153.071810000001</v>
          </cell>
          <cell r="D27">
            <v>-216.41255000000001</v>
          </cell>
          <cell r="E27">
            <v>18936.65926</v>
          </cell>
          <cell r="F27">
            <v>19153.071810000001</v>
          </cell>
          <cell r="H27">
            <v>-216.41255000000001</v>
          </cell>
          <cell r="I27">
            <v>18936.65926</v>
          </cell>
        </row>
        <row r="28">
          <cell r="A28" t="str">
            <v>B11006</v>
          </cell>
          <cell r="B28">
            <v>461.93209000000002</v>
          </cell>
          <cell r="E28">
            <v>461.93209000000002</v>
          </cell>
          <cell r="F28">
            <v>461.93209000000002</v>
          </cell>
          <cell r="I28">
            <v>461.93209000000002</v>
          </cell>
        </row>
        <row r="29">
          <cell r="A29" t="str">
            <v>B11021</v>
          </cell>
        </row>
        <row r="30">
          <cell r="A30" t="str">
            <v>B11012</v>
          </cell>
        </row>
        <row r="31">
          <cell r="A31" t="str">
            <v>B11002</v>
          </cell>
          <cell r="B31">
            <v>-32090.59072</v>
          </cell>
          <cell r="C31">
            <v>-47.006810000000002</v>
          </cell>
          <cell r="D31">
            <v>-21.49033</v>
          </cell>
          <cell r="E31">
            <v>-32159.08786</v>
          </cell>
          <cell r="F31">
            <v>-2758183.8188399998</v>
          </cell>
          <cell r="G31">
            <v>-6332.0028000000002</v>
          </cell>
          <cell r="H31">
            <v>-1288.51568</v>
          </cell>
          <cell r="I31">
            <v>-2765804.3373199999</v>
          </cell>
        </row>
        <row r="32">
          <cell r="A32" t="str">
            <v>B11014</v>
          </cell>
          <cell r="F32">
            <v>-2726093.2281200001</v>
          </cell>
          <cell r="G32">
            <v>-6284.9959900000003</v>
          </cell>
          <cell r="H32">
            <v>-1267.0253499999999</v>
          </cell>
          <cell r="I32">
            <v>-2733645.2494600001</v>
          </cell>
        </row>
        <row r="33">
          <cell r="A33" t="str">
            <v>B11017</v>
          </cell>
          <cell r="B33">
            <v>-32090.59072</v>
          </cell>
          <cell r="C33">
            <v>-47.006810000000002</v>
          </cell>
          <cell r="D33">
            <v>-21.49033</v>
          </cell>
          <cell r="E33">
            <v>-32159.08786</v>
          </cell>
          <cell r="F33">
            <v>-32090.59072</v>
          </cell>
          <cell r="G33">
            <v>-47.006810000000002</v>
          </cell>
          <cell r="H33">
            <v>-21.49033</v>
          </cell>
          <cell r="I33">
            <v>-32159.08786</v>
          </cell>
        </row>
        <row r="34">
          <cell r="A34" t="str">
            <v>B11018</v>
          </cell>
        </row>
        <row r="35">
          <cell r="A35" t="str">
            <v>B11025</v>
          </cell>
        </row>
        <row r="36">
          <cell r="A36" t="str">
            <v>B11022</v>
          </cell>
        </row>
        <row r="37">
          <cell r="A37" t="str">
            <v>B120</v>
          </cell>
          <cell r="D37">
            <v>-25.640699999999999</v>
          </cell>
          <cell r="E37">
            <v>-25.640699999999999</v>
          </cell>
          <cell r="H37">
            <v>387.55966000000001</v>
          </cell>
          <cell r="I37">
            <v>387.55966000000001</v>
          </cell>
        </row>
        <row r="38">
          <cell r="A38" t="str">
            <v>B12004</v>
          </cell>
          <cell r="H38">
            <v>1559.7547400000001</v>
          </cell>
          <cell r="I38">
            <v>1559.7547400000001</v>
          </cell>
        </row>
        <row r="39">
          <cell r="A39" t="str">
            <v>B12006</v>
          </cell>
          <cell r="H39">
            <v>1559.7547400000001</v>
          </cell>
          <cell r="I39">
            <v>1559.7547400000001</v>
          </cell>
        </row>
        <row r="40">
          <cell r="A40" t="str">
            <v>B12051</v>
          </cell>
          <cell r="H40">
            <v>1559.7547300000001</v>
          </cell>
          <cell r="I40">
            <v>1559.7547300000001</v>
          </cell>
        </row>
        <row r="41">
          <cell r="A41" t="str">
            <v>B12017</v>
          </cell>
          <cell r="H41">
            <v>1.0000000000000001E-5</v>
          </cell>
          <cell r="I41">
            <v>1.0000000000000001E-5</v>
          </cell>
        </row>
        <row r="42">
          <cell r="A42" t="str">
            <v>B12005</v>
          </cell>
          <cell r="D42">
            <v>-25.640699999999999</v>
          </cell>
          <cell r="E42">
            <v>-25.640699999999999</v>
          </cell>
          <cell r="H42">
            <v>-1172.19508</v>
          </cell>
          <cell r="I42">
            <v>-1172.19508</v>
          </cell>
        </row>
        <row r="43">
          <cell r="A43" t="str">
            <v>B12010</v>
          </cell>
          <cell r="H43">
            <v>-1146.55438</v>
          </cell>
          <cell r="I43">
            <v>-1146.55438</v>
          </cell>
        </row>
        <row r="44">
          <cell r="A44" t="str">
            <v>B12031</v>
          </cell>
          <cell r="H44">
            <v>-1146.5543700000001</v>
          </cell>
          <cell r="I44">
            <v>-1146.5543700000001</v>
          </cell>
        </row>
        <row r="45">
          <cell r="A45" t="str">
            <v>B12032</v>
          </cell>
          <cell r="H45">
            <v>-1.0000000000000001E-5</v>
          </cell>
          <cell r="I45">
            <v>-1.0000000000000001E-5</v>
          </cell>
        </row>
        <row r="46">
          <cell r="A46" t="str">
            <v>B12011</v>
          </cell>
          <cell r="D46">
            <v>-25.640699999999999</v>
          </cell>
          <cell r="E46">
            <v>-25.640699999999999</v>
          </cell>
          <cell r="H46">
            <v>-25.640699999999999</v>
          </cell>
          <cell r="I46">
            <v>-25.640699999999999</v>
          </cell>
        </row>
        <row r="47">
          <cell r="A47" t="str">
            <v>B12046</v>
          </cell>
          <cell r="D47">
            <v>-25.640699999999999</v>
          </cell>
          <cell r="E47">
            <v>-25.640699999999999</v>
          </cell>
          <cell r="H47">
            <v>-25.640699999999999</v>
          </cell>
          <cell r="I47">
            <v>-25.640699999999999</v>
          </cell>
        </row>
        <row r="48">
          <cell r="A48" t="str">
            <v>B130</v>
          </cell>
          <cell r="H48">
            <v>47.111640000000001</v>
          </cell>
          <cell r="I48">
            <v>47.111640000000001</v>
          </cell>
        </row>
        <row r="49">
          <cell r="A49" t="str">
            <v>B132</v>
          </cell>
          <cell r="H49">
            <v>47.111640000000001</v>
          </cell>
          <cell r="I49">
            <v>47.111640000000001</v>
          </cell>
        </row>
        <row r="50">
          <cell r="A50" t="str">
            <v>B13201</v>
          </cell>
          <cell r="H50">
            <v>47.111640000000001</v>
          </cell>
          <cell r="I50">
            <v>47.111640000000001</v>
          </cell>
        </row>
        <row r="51">
          <cell r="A51" t="str">
            <v>B13202</v>
          </cell>
        </row>
        <row r="52">
          <cell r="A52" t="str">
            <v>B13204</v>
          </cell>
        </row>
        <row r="53">
          <cell r="A53" t="str">
            <v>B200</v>
          </cell>
          <cell r="B53">
            <v>-67788.186870000005</v>
          </cell>
          <cell r="C53">
            <v>-10364.084419999999</v>
          </cell>
          <cell r="D53">
            <v>83699.229760000002</v>
          </cell>
          <cell r="E53">
            <v>5546.9584699999996</v>
          </cell>
          <cell r="F53">
            <v>-60328.142919999998</v>
          </cell>
          <cell r="G53">
            <v>-5067.6562700000004</v>
          </cell>
          <cell r="H53">
            <v>176405.6643</v>
          </cell>
          <cell r="I53">
            <v>111009.86511</v>
          </cell>
        </row>
        <row r="54">
          <cell r="A54" t="str">
            <v>B270</v>
          </cell>
          <cell r="B54">
            <v>-67788.186870000005</v>
          </cell>
          <cell r="C54">
            <v>-10364.084419999999</v>
          </cell>
          <cell r="D54">
            <v>83699.229760000002</v>
          </cell>
          <cell r="E54">
            <v>5546.9584699999996</v>
          </cell>
          <cell r="F54">
            <v>-60328.142919999998</v>
          </cell>
          <cell r="G54">
            <v>-5067.6562700000004</v>
          </cell>
          <cell r="H54">
            <v>176405.6643</v>
          </cell>
          <cell r="I54">
            <v>111009.86511</v>
          </cell>
        </row>
        <row r="55">
          <cell r="A55" t="str">
            <v>B250</v>
          </cell>
          <cell r="B55">
            <v>33163.439760000001</v>
          </cell>
          <cell r="D55">
            <v>39642.321109999997</v>
          </cell>
          <cell r="E55">
            <v>72805.760869999998</v>
          </cell>
          <cell r="F55">
            <v>-34459.091999999997</v>
          </cell>
          <cell r="G55">
            <v>-22.75723</v>
          </cell>
          <cell r="H55">
            <v>518431.38101999997</v>
          </cell>
          <cell r="I55">
            <v>483949.53178999998</v>
          </cell>
        </row>
        <row r="56">
          <cell r="A56" t="str">
            <v>B300</v>
          </cell>
          <cell r="B56">
            <v>-165457.40515000001</v>
          </cell>
          <cell r="C56">
            <v>-15.95754</v>
          </cell>
          <cell r="D56">
            <v>181401.06779999999</v>
          </cell>
          <cell r="E56">
            <v>15927.705110000001</v>
          </cell>
          <cell r="F56">
            <v>-1139788.23584</v>
          </cell>
          <cell r="G56">
            <v>-71396.015889999995</v>
          </cell>
          <cell r="H56">
            <v>2071140.6782500001</v>
          </cell>
          <cell r="I56">
            <v>859956.42651999998</v>
          </cell>
        </row>
        <row r="57">
          <cell r="A57" t="str">
            <v>B310</v>
          </cell>
          <cell r="B57">
            <v>-10943.40616</v>
          </cell>
          <cell r="C57">
            <v>-1.821E-2</v>
          </cell>
          <cell r="D57">
            <v>1600.6360299999999</v>
          </cell>
          <cell r="E57">
            <v>-9342.7883399999992</v>
          </cell>
          <cell r="F57">
            <v>27509.666270000002</v>
          </cell>
          <cell r="G57">
            <v>0.18471000000000001</v>
          </cell>
          <cell r="H57">
            <v>2371.2675399999998</v>
          </cell>
          <cell r="I57">
            <v>29881.11852</v>
          </cell>
        </row>
        <row r="58">
          <cell r="A58" t="str">
            <v>B320</v>
          </cell>
          <cell r="B58">
            <v>-25774.611720000001</v>
          </cell>
          <cell r="C58">
            <v>2.0797300000000001</v>
          </cell>
          <cell r="D58">
            <v>10172.41223</v>
          </cell>
          <cell r="E58">
            <v>-15600.11976</v>
          </cell>
          <cell r="F58">
            <v>-1769223.1216500001</v>
          </cell>
          <cell r="G58">
            <v>-71579.807449999993</v>
          </cell>
          <cell r="H58">
            <v>2143723.0557400002</v>
          </cell>
          <cell r="I58">
            <v>302920.12663999997</v>
          </cell>
        </row>
        <row r="59">
          <cell r="A59" t="str">
            <v>B321</v>
          </cell>
          <cell r="F59">
            <v>10513.76899</v>
          </cell>
          <cell r="I59">
            <v>10513.76899</v>
          </cell>
        </row>
        <row r="60">
          <cell r="A60" t="str">
            <v>B322</v>
          </cell>
          <cell r="F60">
            <v>900.97568999999999</v>
          </cell>
          <cell r="G60">
            <v>209.54013</v>
          </cell>
          <cell r="I60">
            <v>1110.5158200000001</v>
          </cell>
        </row>
        <row r="61">
          <cell r="A61" t="str">
            <v>B330</v>
          </cell>
          <cell r="B61">
            <v>-128739.38727000001</v>
          </cell>
          <cell r="C61">
            <v>-18.01906</v>
          </cell>
          <cell r="D61">
            <v>169628.01954000001</v>
          </cell>
          <cell r="E61">
            <v>40870.613210000003</v>
          </cell>
          <cell r="F61">
            <v>590510.47485999996</v>
          </cell>
          <cell r="G61">
            <v>-25.93328</v>
          </cell>
          <cell r="H61">
            <v>-74953.64503</v>
          </cell>
          <cell r="I61">
            <v>515530.89655</v>
          </cell>
        </row>
        <row r="62">
          <cell r="A62" t="str">
            <v>B332</v>
          </cell>
          <cell r="B62">
            <v>-128739.38727000001</v>
          </cell>
          <cell r="C62">
            <v>-18.01906</v>
          </cell>
          <cell r="D62">
            <v>169628.01954000001</v>
          </cell>
          <cell r="E62">
            <v>40870.613210000003</v>
          </cell>
          <cell r="F62">
            <v>590510.47485999996</v>
          </cell>
          <cell r="G62">
            <v>-25.93328</v>
          </cell>
          <cell r="H62">
            <v>-74953.64503</v>
          </cell>
          <cell r="I62">
            <v>515530.89655</v>
          </cell>
        </row>
        <row r="63">
          <cell r="A63" t="str">
            <v>B400</v>
          </cell>
          <cell r="B63">
            <v>-9782.0094100000006</v>
          </cell>
          <cell r="C63">
            <v>3559.5969700000001</v>
          </cell>
          <cell r="D63">
            <v>-1379.4211299999999</v>
          </cell>
          <cell r="E63">
            <v>-7601.8335699999998</v>
          </cell>
          <cell r="F63">
            <v>-223246.48501999999</v>
          </cell>
          <cell r="G63">
            <v>-53111.540150000001</v>
          </cell>
          <cell r="H63">
            <v>-185128.03135999999</v>
          </cell>
          <cell r="I63">
            <v>-461486.05653</v>
          </cell>
        </row>
        <row r="64">
          <cell r="A64" t="str">
            <v>B410</v>
          </cell>
          <cell r="B64">
            <v>71726.660699999993</v>
          </cell>
          <cell r="C64">
            <v>1027.1767500000001</v>
          </cell>
          <cell r="D64">
            <v>-21756.807359999999</v>
          </cell>
          <cell r="E64">
            <v>50997.03009</v>
          </cell>
          <cell r="F64">
            <v>139081.71552</v>
          </cell>
          <cell r="G64">
            <v>-68913.54088</v>
          </cell>
          <cell r="H64">
            <v>-438439.98599000002</v>
          </cell>
          <cell r="I64">
            <v>-368271.81134999997</v>
          </cell>
        </row>
        <row r="65">
          <cell r="A65" t="str">
            <v>B411</v>
          </cell>
          <cell r="B65">
            <v>71675.86563</v>
          </cell>
          <cell r="C65">
            <v>1027.1767500000001</v>
          </cell>
          <cell r="D65">
            <v>-21756.807359999999</v>
          </cell>
          <cell r="E65">
            <v>50946.23502</v>
          </cell>
          <cell r="F65">
            <v>142971.50740999999</v>
          </cell>
          <cell r="G65">
            <v>-68913.54088</v>
          </cell>
          <cell r="H65">
            <v>-438439.98599000002</v>
          </cell>
          <cell r="I65">
            <v>-364382.01945999998</v>
          </cell>
        </row>
        <row r="66">
          <cell r="A66" t="str">
            <v>B413</v>
          </cell>
          <cell r="B66">
            <v>50.795070000000003</v>
          </cell>
          <cell r="E66">
            <v>50.795070000000003</v>
          </cell>
          <cell r="F66">
            <v>-3889.79189</v>
          </cell>
          <cell r="I66">
            <v>-3889.79189</v>
          </cell>
        </row>
        <row r="67">
          <cell r="A67" t="str">
            <v>B420</v>
          </cell>
          <cell r="B67">
            <v>-81508.670110000006</v>
          </cell>
          <cell r="C67">
            <v>2532.42022</v>
          </cell>
          <cell r="D67">
            <v>20377.38623</v>
          </cell>
          <cell r="E67">
            <v>-58598.863660000003</v>
          </cell>
          <cell r="F67">
            <v>-362328.20053999999</v>
          </cell>
          <cell r="G67">
            <v>15802.00073</v>
          </cell>
          <cell r="H67">
            <v>253311.95462999999</v>
          </cell>
          <cell r="I67">
            <v>-93214.245179999998</v>
          </cell>
        </row>
        <row r="68">
          <cell r="A68" t="str">
            <v>B421</v>
          </cell>
          <cell r="B68">
            <v>-80867.805210000006</v>
          </cell>
          <cell r="D68">
            <v>13949.263709999999</v>
          </cell>
          <cell r="E68">
            <v>-66918.541500000007</v>
          </cell>
          <cell r="F68">
            <v>-279839.56306999997</v>
          </cell>
          <cell r="G68">
            <v>-989.44628999999998</v>
          </cell>
          <cell r="H68">
            <v>179401.74499000001</v>
          </cell>
          <cell r="I68">
            <v>-101427.26437</v>
          </cell>
        </row>
        <row r="69">
          <cell r="A69" t="str">
            <v>B42101</v>
          </cell>
          <cell r="D69">
            <v>13919.059579999999</v>
          </cell>
          <cell r="E69">
            <v>13919.059579999999</v>
          </cell>
          <cell r="H69">
            <v>13919.059579999999</v>
          </cell>
          <cell r="I69">
            <v>13919.059579999999</v>
          </cell>
        </row>
        <row r="70">
          <cell r="A70" t="str">
            <v>B42102</v>
          </cell>
          <cell r="B70">
            <v>-80867.805210000006</v>
          </cell>
          <cell r="D70">
            <v>30.204129999999999</v>
          </cell>
          <cell r="E70">
            <v>-80837.601079999993</v>
          </cell>
          <cell r="F70">
            <v>-80867.805210000006</v>
          </cell>
          <cell r="H70">
            <v>30.204129999999999</v>
          </cell>
          <cell r="I70">
            <v>-80837.601079999993</v>
          </cell>
        </row>
        <row r="71">
          <cell r="A71" t="str">
            <v>B42103</v>
          </cell>
          <cell r="F71">
            <v>-198971.75786000001</v>
          </cell>
          <cell r="G71">
            <v>-989.44628999999998</v>
          </cell>
          <cell r="H71">
            <v>165452.48128000001</v>
          </cell>
          <cell r="I71">
            <v>-34508.722869999998</v>
          </cell>
        </row>
        <row r="72">
          <cell r="A72" t="str">
            <v>B42104</v>
          </cell>
        </row>
        <row r="73">
          <cell r="A73" t="str">
            <v>B422</v>
          </cell>
          <cell r="B73">
            <v>-640.86490000000003</v>
          </cell>
          <cell r="C73">
            <v>2532.42022</v>
          </cell>
          <cell r="D73">
            <v>6428.1225199999999</v>
          </cell>
          <cell r="E73">
            <v>8319.6778400000003</v>
          </cell>
          <cell r="F73">
            <v>-82488.637470000001</v>
          </cell>
          <cell r="G73">
            <v>16791.44702</v>
          </cell>
          <cell r="H73">
            <v>73910.209640000001</v>
          </cell>
          <cell r="I73">
            <v>8213.0191900000009</v>
          </cell>
        </row>
        <row r="74">
          <cell r="A74" t="str">
            <v>B500</v>
          </cell>
          <cell r="D74">
            <v>-1472.01794</v>
          </cell>
          <cell r="E74">
            <v>-1472.01794</v>
          </cell>
          <cell r="H74">
            <v>-20202.678680000001</v>
          </cell>
          <cell r="I74">
            <v>-20202.678680000001</v>
          </cell>
        </row>
        <row r="75">
          <cell r="A75" t="str">
            <v>B600</v>
          </cell>
          <cell r="B75">
            <v>-4437.9254600000004</v>
          </cell>
          <cell r="D75">
            <v>1359.1545799999999</v>
          </cell>
          <cell r="E75">
            <v>-3078.77088</v>
          </cell>
          <cell r="F75">
            <v>-392558.81478000002</v>
          </cell>
          <cell r="H75">
            <v>18675.217059999999</v>
          </cell>
          <cell r="I75">
            <v>-373883.59772000002</v>
          </cell>
        </row>
        <row r="76">
          <cell r="A76" t="str">
            <v>B630</v>
          </cell>
        </row>
        <row r="77">
          <cell r="A77" t="str">
            <v>B640</v>
          </cell>
          <cell r="B77">
            <v>-1743.0019400000001</v>
          </cell>
          <cell r="E77">
            <v>-1743.0019400000001</v>
          </cell>
          <cell r="F77">
            <v>-355572.39465999999</v>
          </cell>
          <cell r="I77">
            <v>-355572.39465999999</v>
          </cell>
        </row>
        <row r="78">
          <cell r="A78" t="str">
            <v>B64001</v>
          </cell>
          <cell r="F78">
            <v>-353829.39272</v>
          </cell>
          <cell r="I78">
            <v>-353829.39272</v>
          </cell>
        </row>
        <row r="79">
          <cell r="A79" t="str">
            <v>B64003</v>
          </cell>
          <cell r="B79">
            <v>-1743.0019400000001</v>
          </cell>
          <cell r="E79">
            <v>-1743.0019400000001</v>
          </cell>
          <cell r="F79">
            <v>-1743.0019400000001</v>
          </cell>
          <cell r="I79">
            <v>-1743.0019400000001</v>
          </cell>
        </row>
        <row r="80">
          <cell r="A80" t="str">
            <v>B64007</v>
          </cell>
        </row>
        <row r="81">
          <cell r="A81" t="str">
            <v>B650</v>
          </cell>
          <cell r="B81">
            <v>-2694.9235199999998</v>
          </cell>
          <cell r="D81">
            <v>1359.1545799999999</v>
          </cell>
          <cell r="E81">
            <v>-1335.7689399999999</v>
          </cell>
          <cell r="F81">
            <v>-36986.420120000002</v>
          </cell>
          <cell r="H81">
            <v>18675.217059999999</v>
          </cell>
          <cell r="I81">
            <v>-18311.20306</v>
          </cell>
        </row>
        <row r="82">
          <cell r="A82" t="str">
            <v>B65001</v>
          </cell>
          <cell r="B82">
            <v>-1313.76466</v>
          </cell>
          <cell r="E82">
            <v>-1313.76466</v>
          </cell>
          <cell r="F82">
            <v>-18030.734990000001</v>
          </cell>
          <cell r="I82">
            <v>-18030.734990000001</v>
          </cell>
        </row>
        <row r="83">
          <cell r="A83" t="str">
            <v>B65002</v>
          </cell>
          <cell r="F83">
            <v>-16716.97033</v>
          </cell>
          <cell r="I83">
            <v>-16716.97033</v>
          </cell>
        </row>
        <row r="84">
          <cell r="A84" t="str">
            <v>B65004</v>
          </cell>
          <cell r="B84">
            <v>-733.72626000000002</v>
          </cell>
          <cell r="E84">
            <v>-733.72626000000002</v>
          </cell>
          <cell r="F84">
            <v>-733.72626000000002</v>
          </cell>
          <cell r="I84">
            <v>-733.72626000000002</v>
          </cell>
        </row>
        <row r="85">
          <cell r="A85" t="str">
            <v>B65007</v>
          </cell>
          <cell r="B85">
            <v>-580.03840000000002</v>
          </cell>
          <cell r="E85">
            <v>-580.03840000000002</v>
          </cell>
          <cell r="F85">
            <v>-580.03840000000002</v>
          </cell>
          <cell r="I85">
            <v>-580.03840000000002</v>
          </cell>
        </row>
        <row r="86">
          <cell r="A86" t="str">
            <v>B65031P</v>
          </cell>
          <cell r="B86">
            <v>-1381.15886</v>
          </cell>
          <cell r="D86">
            <v>1359.1545799999999</v>
          </cell>
          <cell r="E86">
            <v>-22.004280000000001</v>
          </cell>
          <cell r="F86">
            <v>-18955.685130000002</v>
          </cell>
          <cell r="H86">
            <v>18675.217059999999</v>
          </cell>
          <cell r="I86">
            <v>-280.46807000000001</v>
          </cell>
        </row>
        <row r="87">
          <cell r="A87" t="str">
            <v>B65035</v>
          </cell>
          <cell r="F87">
            <v>27416.678879999999</v>
          </cell>
          <cell r="H87">
            <v>17316.062480000001</v>
          </cell>
          <cell r="I87">
            <v>44732.74136</v>
          </cell>
        </row>
        <row r="88">
          <cell r="A88" t="str">
            <v>B65034</v>
          </cell>
          <cell r="B88">
            <v>-1381.15886</v>
          </cell>
          <cell r="D88">
            <v>1359.1545799999999</v>
          </cell>
          <cell r="E88">
            <v>-22.004280000000001</v>
          </cell>
          <cell r="F88">
            <v>-1381.15886</v>
          </cell>
          <cell r="H88">
            <v>1359.1545799999999</v>
          </cell>
          <cell r="I88">
            <v>-22.004280000000001</v>
          </cell>
        </row>
        <row r="89">
          <cell r="A89" t="str">
            <v>B65031</v>
          </cell>
          <cell r="F89">
            <v>-44991.205150000002</v>
          </cell>
          <cell r="I89">
            <v>-44991.205150000002</v>
          </cell>
        </row>
        <row r="90">
          <cell r="A90" t="str">
            <v>B800</v>
          </cell>
          <cell r="B90">
            <v>-68095.165760000004</v>
          </cell>
          <cell r="C90">
            <v>-11871.33489</v>
          </cell>
          <cell r="D90">
            <v>-45825.935360000003</v>
          </cell>
          <cell r="E90">
            <v>-125792.43601</v>
          </cell>
          <cell r="F90">
            <v>3218980.5308400001</v>
          </cell>
          <cell r="G90">
            <v>-687668.15485000005</v>
          </cell>
          <cell r="H90">
            <v>-3307580.8952899999</v>
          </cell>
          <cell r="I90">
            <v>-776268.51930000004</v>
          </cell>
        </row>
        <row r="91">
          <cell r="A91" t="str">
            <v>B810</v>
          </cell>
          <cell r="F91">
            <v>-756.90105000000005</v>
          </cell>
          <cell r="G91">
            <v>95000</v>
          </cell>
          <cell r="H91">
            <v>-1475695.7324000001</v>
          </cell>
          <cell r="I91">
            <v>-1381452.6334500001</v>
          </cell>
        </row>
        <row r="92">
          <cell r="A92" t="str">
            <v>B81001</v>
          </cell>
          <cell r="F92">
            <v>-756.90105000000005</v>
          </cell>
          <cell r="G92">
            <v>95000</v>
          </cell>
          <cell r="H92">
            <v>-1475695.7324000001</v>
          </cell>
          <cell r="I92">
            <v>-1381452.6334500001</v>
          </cell>
        </row>
        <row r="93">
          <cell r="A93" t="str">
            <v>B81004</v>
          </cell>
          <cell r="F93">
            <v>-756.90105000000005</v>
          </cell>
          <cell r="G93">
            <v>95000</v>
          </cell>
          <cell r="H93">
            <v>-1475695.7324000001</v>
          </cell>
          <cell r="I93">
            <v>-1381452.6334500001</v>
          </cell>
        </row>
        <row r="94">
          <cell r="A94" t="str">
            <v>B81009</v>
          </cell>
        </row>
        <row r="95">
          <cell r="A95" t="str">
            <v>B81025</v>
          </cell>
        </row>
        <row r="96">
          <cell r="A96" t="str">
            <v>B81026</v>
          </cell>
        </row>
        <row r="97">
          <cell r="A97" t="str">
            <v>B81010</v>
          </cell>
          <cell r="F97">
            <v>-756.90105000000005</v>
          </cell>
          <cell r="G97">
            <v>95000</v>
          </cell>
          <cell r="H97">
            <v>-1475695.7324000001</v>
          </cell>
          <cell r="I97">
            <v>-1381452.6334500001</v>
          </cell>
        </row>
        <row r="98">
          <cell r="A98" t="str">
            <v>B81027</v>
          </cell>
          <cell r="F98">
            <v>-756.90105000000005</v>
          </cell>
          <cell r="G98">
            <v>95000</v>
          </cell>
          <cell r="H98">
            <v>-1475695.7324000001</v>
          </cell>
          <cell r="I98">
            <v>-1381452.6334500001</v>
          </cell>
        </row>
        <row r="99">
          <cell r="A99" t="str">
            <v>B81028</v>
          </cell>
        </row>
        <row r="100">
          <cell r="A100" t="str">
            <v>B81029</v>
          </cell>
        </row>
        <row r="101">
          <cell r="A101" t="str">
            <v>B820</v>
          </cell>
          <cell r="B101">
            <v>-68095.165760000004</v>
          </cell>
          <cell r="C101">
            <v>-11871.33489</v>
          </cell>
          <cell r="D101">
            <v>-45825.935360000003</v>
          </cell>
          <cell r="E101">
            <v>-125792.43601</v>
          </cell>
          <cell r="F101">
            <v>3219737.4318900001</v>
          </cell>
          <cell r="G101">
            <v>-782668.15485000005</v>
          </cell>
          <cell r="H101">
            <v>-1831885.16289</v>
          </cell>
          <cell r="I101">
            <v>605184.11415000004</v>
          </cell>
        </row>
        <row r="102">
          <cell r="A102" t="str">
            <v>B821</v>
          </cell>
          <cell r="B102">
            <v>-68095.165760000004</v>
          </cell>
          <cell r="C102">
            <v>-11871.33489</v>
          </cell>
          <cell r="D102">
            <v>-45825.935360000003</v>
          </cell>
          <cell r="E102">
            <v>-125792.43601</v>
          </cell>
          <cell r="F102">
            <v>3219737.4318900001</v>
          </cell>
          <cell r="G102">
            <v>-782668.15485000005</v>
          </cell>
          <cell r="H102">
            <v>-1831885.16289</v>
          </cell>
          <cell r="I102">
            <v>605184.11415000004</v>
          </cell>
        </row>
        <row r="103">
          <cell r="A103" t="str">
            <v>B82101</v>
          </cell>
          <cell r="F103">
            <v>3287832.5976499999</v>
          </cell>
          <cell r="G103">
            <v>-770796.81995999999</v>
          </cell>
          <cell r="H103">
            <v>-1786059.22753</v>
          </cell>
          <cell r="I103">
            <v>730976.55015999998</v>
          </cell>
        </row>
        <row r="104">
          <cell r="A104" t="str">
            <v>B82102</v>
          </cell>
          <cell r="B104">
            <v>-68095.165760000004</v>
          </cell>
          <cell r="C104">
            <v>-652.50510999999995</v>
          </cell>
          <cell r="D104">
            <v>-57044.765140000003</v>
          </cell>
          <cell r="E104">
            <v>-125792.43601</v>
          </cell>
          <cell r="F104">
            <v>-68095.165760000004</v>
          </cell>
          <cell r="G104">
            <v>-652.50510999999995</v>
          </cell>
          <cell r="H104">
            <v>-57044.765140000003</v>
          </cell>
          <cell r="I104">
            <v>-125792.43601</v>
          </cell>
        </row>
        <row r="105">
          <cell r="A105" t="str">
            <v>B82115</v>
          </cell>
          <cell r="C105">
            <v>-11218.82978</v>
          </cell>
          <cell r="D105">
            <v>11218.82978</v>
          </cell>
          <cell r="E105">
            <v>0</v>
          </cell>
          <cell r="G105">
            <v>-11218.82978</v>
          </cell>
          <cell r="H105">
            <v>11218.82978</v>
          </cell>
          <cell r="I105">
            <v>0</v>
          </cell>
        </row>
        <row r="106">
          <cell r="A106" t="str">
            <v>B900</v>
          </cell>
          <cell r="B106">
            <v>294872.83970999997</v>
          </cell>
          <cell r="C106">
            <v>18738.786690000001</v>
          </cell>
          <cell r="D106">
            <v>-257160.85524</v>
          </cell>
          <cell r="E106">
            <v>56450.771159999997</v>
          </cell>
          <cell r="F106">
            <v>-3107200.0529499999</v>
          </cell>
          <cell r="G106">
            <v>813071.42857999995</v>
          </cell>
          <cell r="H106">
            <v>716486.63442000002</v>
          </cell>
          <cell r="I106">
            <v>-1577641.9899500001</v>
          </cell>
        </row>
        <row r="107">
          <cell r="A107" t="str">
            <v>B910</v>
          </cell>
          <cell r="B107">
            <v>291804.98587999999</v>
          </cell>
          <cell r="C107">
            <v>18738.786690000001</v>
          </cell>
          <cell r="D107">
            <v>-260893.4394</v>
          </cell>
          <cell r="E107">
            <v>49650.333169999998</v>
          </cell>
          <cell r="F107">
            <v>-3316726.1561699999</v>
          </cell>
          <cell r="G107">
            <v>812991.27740000002</v>
          </cell>
          <cell r="H107">
            <v>1010943.75576</v>
          </cell>
          <cell r="I107">
            <v>-1492791.12301</v>
          </cell>
        </row>
        <row r="108">
          <cell r="A108" t="str">
            <v>B912</v>
          </cell>
          <cell r="B108">
            <v>291804.98587999999</v>
          </cell>
          <cell r="C108">
            <v>18738.786690000001</v>
          </cell>
          <cell r="D108">
            <v>-260893.4394</v>
          </cell>
          <cell r="E108">
            <v>49650.333169999998</v>
          </cell>
          <cell r="F108">
            <v>-2946362.42374</v>
          </cell>
          <cell r="G108">
            <v>812991.27740000002</v>
          </cell>
          <cell r="H108">
            <v>1115843.4566200001</v>
          </cell>
          <cell r="I108">
            <v>-1017527.68972</v>
          </cell>
        </row>
        <row r="109">
          <cell r="A109" t="str">
            <v>B91201</v>
          </cell>
          <cell r="B109">
            <v>302129.33419000002</v>
          </cell>
          <cell r="C109">
            <v>18920.404269999999</v>
          </cell>
          <cell r="D109">
            <v>-188946.48775999999</v>
          </cell>
          <cell r="E109">
            <v>132103.2507</v>
          </cell>
          <cell r="F109">
            <v>-4675691.77618</v>
          </cell>
          <cell r="G109">
            <v>697186.19050999999</v>
          </cell>
          <cell r="H109">
            <v>2983278.03211</v>
          </cell>
          <cell r="I109">
            <v>-995227.55356000003</v>
          </cell>
        </row>
        <row r="110">
          <cell r="A110" t="str">
            <v>B91202</v>
          </cell>
          <cell r="B110">
            <v>-10324.348309999999</v>
          </cell>
          <cell r="C110">
            <v>-181.61758</v>
          </cell>
          <cell r="D110">
            <v>-71946.951639999999</v>
          </cell>
          <cell r="E110">
            <v>-82452.917530000006</v>
          </cell>
          <cell r="F110">
            <v>1729329.35244</v>
          </cell>
          <cell r="G110">
            <v>115805.08689000001</v>
          </cell>
          <cell r="H110">
            <v>-1867434.57549</v>
          </cell>
          <cell r="I110">
            <v>-22300.136159999998</v>
          </cell>
        </row>
        <row r="111">
          <cell r="A111" t="str">
            <v>B913P</v>
          </cell>
          <cell r="F111">
            <v>-370363.73242999997</v>
          </cell>
          <cell r="H111">
            <v>-104899.70086</v>
          </cell>
          <cell r="I111">
            <v>-475263.43329000002</v>
          </cell>
        </row>
        <row r="112">
          <cell r="A112" t="str">
            <v>B91301</v>
          </cell>
          <cell r="F112">
            <v>-370363.73242999997</v>
          </cell>
          <cell r="H112">
            <v>-104899.70086</v>
          </cell>
          <cell r="I112">
            <v>-475263.43329000002</v>
          </cell>
        </row>
        <row r="113">
          <cell r="A113" t="str">
            <v>B91302</v>
          </cell>
        </row>
        <row r="114">
          <cell r="A114" t="str">
            <v>B91305</v>
          </cell>
        </row>
        <row r="115">
          <cell r="A115" t="str">
            <v>B920</v>
          </cell>
          <cell r="B115">
            <v>3067.85383</v>
          </cell>
          <cell r="D115">
            <v>3732.5841599999999</v>
          </cell>
          <cell r="E115">
            <v>6800.4379900000004</v>
          </cell>
          <cell r="F115">
            <v>209526.10321999999</v>
          </cell>
          <cell r="G115">
            <v>80.151179999999997</v>
          </cell>
          <cell r="H115">
            <v>-294457.12134000001</v>
          </cell>
          <cell r="I115">
            <v>-84850.866940000007</v>
          </cell>
        </row>
        <row r="116">
          <cell r="A116" t="str">
            <v>B92001</v>
          </cell>
          <cell r="F116">
            <v>0.27742</v>
          </cell>
          <cell r="G116">
            <v>1.7780000000000001E-2</v>
          </cell>
          <cell r="H116">
            <v>-0.29520000000000002</v>
          </cell>
          <cell r="I116">
            <v>0</v>
          </cell>
        </row>
        <row r="117">
          <cell r="A117" t="str">
            <v>B92013P</v>
          </cell>
          <cell r="F117">
            <v>0.27742</v>
          </cell>
          <cell r="G117">
            <v>1.7780000000000001E-2</v>
          </cell>
          <cell r="H117">
            <v>-0.29520000000000002</v>
          </cell>
          <cell r="I117">
            <v>0</v>
          </cell>
        </row>
        <row r="118">
          <cell r="A118" t="str">
            <v>B92015</v>
          </cell>
          <cell r="F118">
            <v>0.27742</v>
          </cell>
          <cell r="G118">
            <v>1.7780000000000001E-2</v>
          </cell>
          <cell r="H118">
            <v>-0.29520000000000002</v>
          </cell>
          <cell r="I118">
            <v>0</v>
          </cell>
        </row>
        <row r="119">
          <cell r="A119" t="str">
            <v>B92016</v>
          </cell>
        </row>
        <row r="120">
          <cell r="A120" t="str">
            <v>B92002</v>
          </cell>
          <cell r="B120">
            <v>3067.85383</v>
          </cell>
          <cell r="D120">
            <v>3732.5841599999999</v>
          </cell>
          <cell r="E120">
            <v>6800.4379900000004</v>
          </cell>
          <cell r="F120">
            <v>209525.82579999999</v>
          </cell>
          <cell r="G120">
            <v>80.133399999999995</v>
          </cell>
          <cell r="H120">
            <v>-294456.82614000002</v>
          </cell>
          <cell r="I120">
            <v>-84850.866940000007</v>
          </cell>
        </row>
        <row r="121">
          <cell r="A121" t="str">
            <v>B92004</v>
          </cell>
          <cell r="B121">
            <v>3067.85383</v>
          </cell>
          <cell r="D121">
            <v>3500</v>
          </cell>
          <cell r="E121">
            <v>6567.85383</v>
          </cell>
          <cell r="F121">
            <v>3067.85383</v>
          </cell>
          <cell r="H121">
            <v>3500</v>
          </cell>
          <cell r="I121">
            <v>6567.85383</v>
          </cell>
        </row>
        <row r="122">
          <cell r="A122" t="str">
            <v>B92005</v>
          </cell>
        </row>
        <row r="123">
          <cell r="A123" t="str">
            <v>B92009</v>
          </cell>
          <cell r="F123">
            <v>206457.97197000001</v>
          </cell>
          <cell r="G123">
            <v>80.133399999999995</v>
          </cell>
          <cell r="H123">
            <v>-298189.41029999999</v>
          </cell>
          <cell r="I123">
            <v>-91651.304929999998</v>
          </cell>
        </row>
        <row r="124">
          <cell r="A124" t="str">
            <v>B92020</v>
          </cell>
          <cell r="D124">
            <v>232.58416</v>
          </cell>
          <cell r="E124">
            <v>232.58416</v>
          </cell>
          <cell r="H124">
            <v>232.58416</v>
          </cell>
          <cell r="I124">
            <v>232.58416</v>
          </cell>
        </row>
        <row r="125">
          <cell r="A125" t="str">
            <v>PL</v>
          </cell>
          <cell r="B125">
            <v>-68095.165760000004</v>
          </cell>
          <cell r="C125">
            <v>-652.50510999999995</v>
          </cell>
          <cell r="D125">
            <v>-57044.765140000003</v>
          </cell>
          <cell r="E125">
            <v>-125792.43601</v>
          </cell>
          <cell r="F125">
            <v>-68095.165760000004</v>
          </cell>
          <cell r="G125">
            <v>-652.50510999999995</v>
          </cell>
          <cell r="H125">
            <v>-57044.765140000003</v>
          </cell>
          <cell r="I125">
            <v>-125792.43601</v>
          </cell>
        </row>
        <row r="126">
          <cell r="A126" t="str">
            <v>P7</v>
          </cell>
          <cell r="B126">
            <v>-68095.165760000004</v>
          </cell>
          <cell r="C126">
            <v>-652.50510999999995</v>
          </cell>
          <cell r="D126">
            <v>-57044.765140000003</v>
          </cell>
          <cell r="E126">
            <v>-125792.43601</v>
          </cell>
          <cell r="F126">
            <v>-68095.165760000004</v>
          </cell>
          <cell r="G126">
            <v>-652.50510999999995</v>
          </cell>
          <cell r="H126">
            <v>-57044.765140000003</v>
          </cell>
          <cell r="I126">
            <v>-125792.43601</v>
          </cell>
        </row>
        <row r="127">
          <cell r="A127" t="str">
            <v>P5</v>
          </cell>
          <cell r="B127">
            <v>-68095.165760000004</v>
          </cell>
          <cell r="C127">
            <v>-652.50510999999995</v>
          </cell>
          <cell r="D127">
            <v>-57044.765140000003</v>
          </cell>
          <cell r="E127">
            <v>-125792.43601</v>
          </cell>
          <cell r="F127">
            <v>-68095.165760000004</v>
          </cell>
          <cell r="G127">
            <v>-652.50510999999995</v>
          </cell>
          <cell r="H127">
            <v>-57044.765140000003</v>
          </cell>
          <cell r="I127">
            <v>-125792.43601</v>
          </cell>
        </row>
        <row r="128">
          <cell r="A128" t="str">
            <v>P3</v>
          </cell>
          <cell r="B128">
            <v>-117015.48777000001</v>
          </cell>
          <cell r="C128">
            <v>-652.50510999999995</v>
          </cell>
          <cell r="D128">
            <v>-17372.2399</v>
          </cell>
          <cell r="E128">
            <v>-135040.23277999999</v>
          </cell>
          <cell r="F128">
            <v>-117015.48777000001</v>
          </cell>
          <cell r="G128">
            <v>-652.50510999999995</v>
          </cell>
          <cell r="H128">
            <v>-17372.2399</v>
          </cell>
          <cell r="I128">
            <v>-135040.23277999999</v>
          </cell>
        </row>
        <row r="129">
          <cell r="A129" t="str">
            <v>P2</v>
          </cell>
          <cell r="B129">
            <v>-127608.6508</v>
          </cell>
          <cell r="C129">
            <v>-654.95338000000004</v>
          </cell>
          <cell r="D129">
            <v>7878.3242399999999</v>
          </cell>
          <cell r="E129">
            <v>-120385.27993999999</v>
          </cell>
          <cell r="F129">
            <v>-127608.6508</v>
          </cell>
          <cell r="G129">
            <v>-654.95338000000004</v>
          </cell>
          <cell r="H129">
            <v>7878.3242399999999</v>
          </cell>
          <cell r="I129">
            <v>-120385.27993999999</v>
          </cell>
        </row>
        <row r="130">
          <cell r="A130" t="str">
            <v>P100</v>
          </cell>
          <cell r="B130">
            <v>-183412.3799</v>
          </cell>
          <cell r="E130">
            <v>-183412.3799</v>
          </cell>
          <cell r="F130">
            <v>-183412.3799</v>
          </cell>
          <cell r="I130">
            <v>-183412.3799</v>
          </cell>
        </row>
        <row r="131">
          <cell r="A131" t="str">
            <v>P110</v>
          </cell>
          <cell r="B131">
            <v>-183412.3799</v>
          </cell>
          <cell r="E131">
            <v>-183412.3799</v>
          </cell>
          <cell r="F131">
            <v>-183412.3799</v>
          </cell>
          <cell r="I131">
            <v>-183412.3799</v>
          </cell>
        </row>
        <row r="132">
          <cell r="A132" t="str">
            <v>P111</v>
          </cell>
          <cell r="B132">
            <v>-520.48996999999997</v>
          </cell>
          <cell r="E132">
            <v>-520.48996999999997</v>
          </cell>
          <cell r="F132">
            <v>-520.48996999999997</v>
          </cell>
          <cell r="I132">
            <v>-520.48996999999997</v>
          </cell>
        </row>
        <row r="133">
          <cell r="A133" t="str">
            <v>P11101</v>
          </cell>
        </row>
        <row r="134">
          <cell r="A134" t="str">
            <v>P11102</v>
          </cell>
          <cell r="B134">
            <v>-520.48996999999997</v>
          </cell>
          <cell r="E134">
            <v>-520.48996999999997</v>
          </cell>
          <cell r="F134">
            <v>-520.48996999999997</v>
          </cell>
          <cell r="I134">
            <v>-520.48996999999997</v>
          </cell>
        </row>
        <row r="135">
          <cell r="A135" t="str">
            <v>P112</v>
          </cell>
          <cell r="B135">
            <v>-201476.74922</v>
          </cell>
          <cell r="E135">
            <v>-201476.74922</v>
          </cell>
          <cell r="F135">
            <v>-201476.74922</v>
          </cell>
          <cell r="I135">
            <v>-201476.74922</v>
          </cell>
        </row>
        <row r="136">
          <cell r="A136" t="str">
            <v>P11201</v>
          </cell>
          <cell r="B136">
            <v>-201476.74922</v>
          </cell>
          <cell r="E136">
            <v>-201476.74922</v>
          </cell>
          <cell r="F136">
            <v>-201476.74922</v>
          </cell>
          <cell r="I136">
            <v>-201476.74922</v>
          </cell>
        </row>
        <row r="137">
          <cell r="A137" t="str">
            <v>P113</v>
          </cell>
          <cell r="B137">
            <v>13446.599759999999</v>
          </cell>
          <cell r="E137">
            <v>13446.599759999999</v>
          </cell>
          <cell r="F137">
            <v>13446.599759999999</v>
          </cell>
          <cell r="I137">
            <v>13446.599759999999</v>
          </cell>
        </row>
        <row r="138">
          <cell r="A138" t="str">
            <v>P115</v>
          </cell>
          <cell r="B138">
            <v>5138.2595300000003</v>
          </cell>
          <cell r="E138">
            <v>5138.2595300000003</v>
          </cell>
          <cell r="F138">
            <v>5138.2595300000003</v>
          </cell>
          <cell r="I138">
            <v>5138.2595300000003</v>
          </cell>
        </row>
        <row r="139">
          <cell r="A139" t="str">
            <v>P200</v>
          </cell>
          <cell r="B139">
            <v>55803.729099999997</v>
          </cell>
          <cell r="C139">
            <v>-654.95338000000004</v>
          </cell>
          <cell r="D139">
            <v>7878.3242399999999</v>
          </cell>
          <cell r="E139">
            <v>63027.09996</v>
          </cell>
          <cell r="F139">
            <v>55803.729099999997</v>
          </cell>
          <cell r="G139">
            <v>-654.95338000000004</v>
          </cell>
          <cell r="H139">
            <v>7878.3242399999999</v>
          </cell>
          <cell r="I139">
            <v>63027.09996</v>
          </cell>
        </row>
        <row r="140">
          <cell r="A140" t="str">
            <v>P220</v>
          </cell>
          <cell r="B140">
            <v>17041.864740000001</v>
          </cell>
          <cell r="E140">
            <v>17041.864740000001</v>
          </cell>
          <cell r="F140">
            <v>17041.864740000001</v>
          </cell>
          <cell r="I140">
            <v>17041.864740000001</v>
          </cell>
        </row>
        <row r="141">
          <cell r="A141" t="str">
            <v>P220</v>
          </cell>
        </row>
        <row r="142">
          <cell r="A142" t="str">
            <v>P22001</v>
          </cell>
          <cell r="B142">
            <v>16921.282190000002</v>
          </cell>
          <cell r="E142">
            <v>16921.282190000002</v>
          </cell>
          <cell r="F142">
            <v>16921.282190000002</v>
          </cell>
          <cell r="I142">
            <v>16921.282190000002</v>
          </cell>
        </row>
        <row r="143">
          <cell r="A143" t="str">
            <v>P22002</v>
          </cell>
          <cell r="B143">
            <v>120.58255</v>
          </cell>
          <cell r="E143">
            <v>120.58255</v>
          </cell>
          <cell r="F143">
            <v>120.58255</v>
          </cell>
          <cell r="I143">
            <v>120.58255</v>
          </cell>
        </row>
        <row r="144">
          <cell r="A144" t="str">
            <v>P230</v>
          </cell>
          <cell r="B144">
            <v>9065.7653599999994</v>
          </cell>
          <cell r="C144">
            <v>422.75745000000001</v>
          </cell>
          <cell r="D144">
            <v>-725.51397999999995</v>
          </cell>
          <cell r="E144">
            <v>8763.0088300000007</v>
          </cell>
          <cell r="F144">
            <v>9065.7653599999994</v>
          </cell>
          <cell r="G144">
            <v>422.75745000000001</v>
          </cell>
          <cell r="H144">
            <v>-725.51397999999995</v>
          </cell>
          <cell r="I144">
            <v>8763.0088300000007</v>
          </cell>
        </row>
        <row r="145">
          <cell r="A145" t="str">
            <v>P231</v>
          </cell>
          <cell r="B145">
            <v>4204.7537199999997</v>
          </cell>
          <cell r="E145">
            <v>4204.7537199999997</v>
          </cell>
          <cell r="F145">
            <v>4204.7537199999997</v>
          </cell>
          <cell r="I145">
            <v>4204.7537199999997</v>
          </cell>
        </row>
        <row r="146">
          <cell r="A146" t="str">
            <v>P232</v>
          </cell>
          <cell r="B146">
            <v>51.751530000000002</v>
          </cell>
          <cell r="E146">
            <v>51.751530000000002</v>
          </cell>
          <cell r="F146">
            <v>51.751530000000002</v>
          </cell>
          <cell r="I146">
            <v>51.751530000000002</v>
          </cell>
        </row>
        <row r="147">
          <cell r="A147" t="str">
            <v>P233</v>
          </cell>
          <cell r="B147">
            <v>5289.5628900000002</v>
          </cell>
          <cell r="E147">
            <v>5289.5628900000002</v>
          </cell>
          <cell r="F147">
            <v>5289.5628900000002</v>
          </cell>
          <cell r="I147">
            <v>5289.5628900000002</v>
          </cell>
        </row>
        <row r="148">
          <cell r="A148" t="str">
            <v>P235</v>
          </cell>
          <cell r="B148">
            <v>2132.3062</v>
          </cell>
          <cell r="C148">
            <v>420.38323000000003</v>
          </cell>
          <cell r="D148">
            <v>189.50917000000001</v>
          </cell>
          <cell r="E148">
            <v>2742.1986000000002</v>
          </cell>
          <cell r="F148">
            <v>2132.3062</v>
          </cell>
          <cell r="G148">
            <v>420.38323000000003</v>
          </cell>
          <cell r="H148">
            <v>189.50917000000001</v>
          </cell>
          <cell r="I148">
            <v>2742.1986000000002</v>
          </cell>
        </row>
        <row r="149">
          <cell r="A149" t="str">
            <v>P236</v>
          </cell>
          <cell r="B149">
            <v>-2606.7596400000002</v>
          </cell>
          <cell r="C149">
            <v>0.93311999999999995</v>
          </cell>
          <cell r="D149">
            <v>133.43018000000001</v>
          </cell>
          <cell r="E149">
            <v>-2472.3963399999998</v>
          </cell>
          <cell r="F149">
            <v>-2606.7596400000002</v>
          </cell>
          <cell r="G149">
            <v>0.93311999999999995</v>
          </cell>
          <cell r="H149">
            <v>133.43018000000001</v>
          </cell>
          <cell r="I149">
            <v>-2472.3963399999998</v>
          </cell>
        </row>
        <row r="150">
          <cell r="A150" t="str">
            <v>P237</v>
          </cell>
          <cell r="B150">
            <v>2.7703600000000002</v>
          </cell>
          <cell r="C150">
            <v>1.4411</v>
          </cell>
          <cell r="D150">
            <v>-1048.4533300000001</v>
          </cell>
          <cell r="E150">
            <v>-1044.2418700000001</v>
          </cell>
          <cell r="F150">
            <v>2.7703600000000002</v>
          </cell>
          <cell r="G150">
            <v>1.4411</v>
          </cell>
          <cell r="H150">
            <v>-1048.4533300000001</v>
          </cell>
          <cell r="I150">
            <v>-1044.2418700000001</v>
          </cell>
        </row>
        <row r="151">
          <cell r="A151" t="str">
            <v>P238</v>
          </cell>
          <cell r="B151">
            <v>-8.6196999999999999</v>
          </cell>
          <cell r="E151">
            <v>-8.6196999999999999</v>
          </cell>
          <cell r="F151">
            <v>-8.6196999999999999</v>
          </cell>
          <cell r="I151">
            <v>-8.6196999999999999</v>
          </cell>
        </row>
        <row r="152">
          <cell r="A152" t="str">
            <v>P240</v>
          </cell>
          <cell r="B152">
            <v>1120.6563200000001</v>
          </cell>
          <cell r="C152">
            <v>47.120359999999998</v>
          </cell>
          <cell r="D152">
            <v>672.12807999999995</v>
          </cell>
          <cell r="E152">
            <v>1839.9047599999999</v>
          </cell>
          <cell r="F152">
            <v>1120.6563200000001</v>
          </cell>
          <cell r="G152">
            <v>47.120359999999998</v>
          </cell>
          <cell r="H152">
            <v>672.12807999999995</v>
          </cell>
          <cell r="I152">
            <v>1839.9047599999999</v>
          </cell>
        </row>
        <row r="153">
          <cell r="A153" t="str">
            <v>P241</v>
          </cell>
          <cell r="B153">
            <v>-57.405589999999997</v>
          </cell>
          <cell r="E153">
            <v>-57.405589999999997</v>
          </cell>
          <cell r="F153">
            <v>-57.405589999999997</v>
          </cell>
          <cell r="I153">
            <v>-57.405589999999997</v>
          </cell>
        </row>
        <row r="154">
          <cell r="A154" t="str">
            <v>P24102</v>
          </cell>
          <cell r="B154">
            <v>-57.405589999999997</v>
          </cell>
          <cell r="E154">
            <v>-57.405589999999997</v>
          </cell>
          <cell r="F154">
            <v>-57.405589999999997</v>
          </cell>
          <cell r="I154">
            <v>-57.405589999999997</v>
          </cell>
        </row>
        <row r="155">
          <cell r="A155" t="str">
            <v>P242</v>
          </cell>
          <cell r="B155">
            <v>1169.2391299999999</v>
          </cell>
          <cell r="E155">
            <v>1169.2391299999999</v>
          </cell>
          <cell r="F155">
            <v>1169.2391299999999</v>
          </cell>
          <cell r="I155">
            <v>1169.2391299999999</v>
          </cell>
        </row>
        <row r="156">
          <cell r="A156" t="str">
            <v>P243</v>
          </cell>
          <cell r="C156">
            <v>35.239829999999998</v>
          </cell>
          <cell r="D156">
            <v>646.99242000000004</v>
          </cell>
          <cell r="E156">
            <v>682.23225000000002</v>
          </cell>
          <cell r="G156">
            <v>35.239829999999998</v>
          </cell>
          <cell r="H156">
            <v>646.99242000000004</v>
          </cell>
          <cell r="I156">
            <v>682.23225000000002</v>
          </cell>
        </row>
        <row r="157">
          <cell r="A157" t="str">
            <v>P24310</v>
          </cell>
          <cell r="C157">
            <v>35.239829999999998</v>
          </cell>
          <cell r="D157">
            <v>60.96519</v>
          </cell>
          <cell r="E157">
            <v>96.205020000000005</v>
          </cell>
          <cell r="G157">
            <v>35.239829999999998</v>
          </cell>
          <cell r="H157">
            <v>60.96519</v>
          </cell>
          <cell r="I157">
            <v>96.205020000000005</v>
          </cell>
        </row>
        <row r="158">
          <cell r="A158" t="str">
            <v>P24311</v>
          </cell>
          <cell r="C158">
            <v>35.239829999999998</v>
          </cell>
          <cell r="D158">
            <v>60.96519</v>
          </cell>
          <cell r="E158">
            <v>96.205020000000005</v>
          </cell>
          <cell r="G158">
            <v>35.239829999999998</v>
          </cell>
          <cell r="H158">
            <v>60.96519</v>
          </cell>
          <cell r="I158">
            <v>96.205020000000005</v>
          </cell>
        </row>
        <row r="159">
          <cell r="A159" t="str">
            <v>P24320</v>
          </cell>
          <cell r="D159">
            <v>586.02723000000003</v>
          </cell>
          <cell r="E159">
            <v>586.02723000000003</v>
          </cell>
          <cell r="H159">
            <v>586.02723000000003</v>
          </cell>
          <cell r="I159">
            <v>586.02723000000003</v>
          </cell>
        </row>
        <row r="160">
          <cell r="A160" t="str">
            <v>P24313</v>
          </cell>
          <cell r="D160">
            <v>586.02723000000003</v>
          </cell>
          <cell r="E160">
            <v>586.02723000000003</v>
          </cell>
          <cell r="H160">
            <v>586.02723000000003</v>
          </cell>
          <cell r="I160">
            <v>586.02723000000003</v>
          </cell>
        </row>
        <row r="161">
          <cell r="A161" t="str">
            <v>P244P</v>
          </cell>
          <cell r="B161">
            <v>8.8227799999999998</v>
          </cell>
          <cell r="C161">
            <v>11.88053</v>
          </cell>
          <cell r="D161">
            <v>25.135660000000001</v>
          </cell>
          <cell r="E161">
            <v>45.838970000000003</v>
          </cell>
          <cell r="F161">
            <v>8.8227799999999998</v>
          </cell>
          <cell r="G161">
            <v>11.88053</v>
          </cell>
          <cell r="H161">
            <v>25.135660000000001</v>
          </cell>
          <cell r="I161">
            <v>45.838970000000003</v>
          </cell>
        </row>
        <row r="162">
          <cell r="A162" t="str">
            <v>P24401</v>
          </cell>
          <cell r="B162">
            <v>8.8227799999999998</v>
          </cell>
          <cell r="C162">
            <v>11.88053</v>
          </cell>
          <cell r="D162">
            <v>25.135660000000001</v>
          </cell>
          <cell r="E162">
            <v>45.838970000000003</v>
          </cell>
          <cell r="F162">
            <v>8.8227799999999998</v>
          </cell>
          <cell r="G162">
            <v>11.88053</v>
          </cell>
          <cell r="H162">
            <v>25.135660000000001</v>
          </cell>
          <cell r="I162">
            <v>45.838970000000003</v>
          </cell>
        </row>
        <row r="163">
          <cell r="A163" t="str">
            <v>P250</v>
          </cell>
          <cell r="B163">
            <v>1541.9098300000001</v>
          </cell>
          <cell r="C163">
            <v>-1169.21081</v>
          </cell>
          <cell r="E163">
            <v>372.69902000000002</v>
          </cell>
          <cell r="F163">
            <v>1541.9098300000001</v>
          </cell>
          <cell r="G163">
            <v>-1169.21081</v>
          </cell>
          <cell r="I163">
            <v>372.69902000000002</v>
          </cell>
        </row>
        <row r="164">
          <cell r="A164" t="str">
            <v>P251</v>
          </cell>
          <cell r="B164">
            <v>838.94723999999997</v>
          </cell>
          <cell r="C164">
            <v>-1169.21081</v>
          </cell>
          <cell r="E164">
            <v>-330.26357000000002</v>
          </cell>
          <cell r="F164">
            <v>838.94723999999997</v>
          </cell>
          <cell r="G164">
            <v>-1169.21081</v>
          </cell>
          <cell r="I164">
            <v>-330.26357000000002</v>
          </cell>
        </row>
        <row r="165">
          <cell r="A165" t="str">
            <v>P253</v>
          </cell>
          <cell r="B165">
            <v>702.96258999999998</v>
          </cell>
          <cell r="E165">
            <v>702.96258999999998</v>
          </cell>
          <cell r="F165">
            <v>702.96258999999998</v>
          </cell>
          <cell r="I165">
            <v>702.96258999999998</v>
          </cell>
        </row>
        <row r="166">
          <cell r="A166" t="str">
            <v>P260</v>
          </cell>
          <cell r="B166">
            <v>32090.59072</v>
          </cell>
          <cell r="C166">
            <v>47.006810000000002</v>
          </cell>
          <cell r="D166">
            <v>47.131030000000003</v>
          </cell>
          <cell r="E166">
            <v>32184.72856</v>
          </cell>
          <cell r="F166">
            <v>32090.59072</v>
          </cell>
          <cell r="G166">
            <v>47.006810000000002</v>
          </cell>
          <cell r="H166">
            <v>47.131030000000003</v>
          </cell>
          <cell r="I166">
            <v>32184.72856</v>
          </cell>
        </row>
        <row r="167">
          <cell r="A167" t="str">
            <v>P261</v>
          </cell>
          <cell r="B167">
            <v>32090.59072</v>
          </cell>
          <cell r="C167">
            <v>47.006810000000002</v>
          </cell>
          <cell r="D167">
            <v>47.131030000000003</v>
          </cell>
          <cell r="E167">
            <v>32184.72856</v>
          </cell>
          <cell r="F167">
            <v>32090.59072</v>
          </cell>
          <cell r="G167">
            <v>47.006810000000002</v>
          </cell>
          <cell r="H167">
            <v>47.131030000000003</v>
          </cell>
          <cell r="I167">
            <v>32184.72856</v>
          </cell>
        </row>
        <row r="168">
          <cell r="A168" t="str">
            <v>P26101</v>
          </cell>
          <cell r="B168">
            <v>23837.320479999998</v>
          </cell>
          <cell r="C168">
            <v>47.006810000000002</v>
          </cell>
          <cell r="D168">
            <v>47.131030000000003</v>
          </cell>
          <cell r="E168">
            <v>23931.458320000002</v>
          </cell>
          <cell r="F168">
            <v>23837.320479999998</v>
          </cell>
          <cell r="G168">
            <v>47.006810000000002</v>
          </cell>
          <cell r="H168">
            <v>47.131030000000003</v>
          </cell>
          <cell r="I168">
            <v>23931.458320000002</v>
          </cell>
        </row>
        <row r="169">
          <cell r="A169" t="str">
            <v>P26105</v>
          </cell>
          <cell r="B169">
            <v>8253.2702399999998</v>
          </cell>
          <cell r="E169">
            <v>8253.2702399999998</v>
          </cell>
          <cell r="F169">
            <v>8253.2702399999998</v>
          </cell>
          <cell r="I169">
            <v>8253.2702399999998</v>
          </cell>
        </row>
        <row r="170">
          <cell r="A170" t="str">
            <v>P263</v>
          </cell>
        </row>
        <row r="171">
          <cell r="A171" t="str">
            <v>P26301</v>
          </cell>
        </row>
        <row r="172">
          <cell r="A172" t="str">
            <v>P275</v>
          </cell>
          <cell r="B172">
            <v>-5057.0578699999996</v>
          </cell>
          <cell r="C172">
            <v>-2.6271900000000001</v>
          </cell>
          <cell r="D172">
            <v>7425.1631799999996</v>
          </cell>
          <cell r="E172">
            <v>2365.4781200000002</v>
          </cell>
          <cell r="F172">
            <v>-5057.0578699999996</v>
          </cell>
          <cell r="G172">
            <v>-2.6271900000000001</v>
          </cell>
          <cell r="H172">
            <v>7425.1631799999996</v>
          </cell>
          <cell r="I172">
            <v>2365.4781200000002</v>
          </cell>
        </row>
        <row r="173">
          <cell r="A173" t="str">
            <v>P280</v>
          </cell>
          <cell r="D173">
            <v>459.41593</v>
          </cell>
          <cell r="E173">
            <v>459.41593</v>
          </cell>
          <cell r="H173">
            <v>459.41593</v>
          </cell>
          <cell r="I173">
            <v>459.41593</v>
          </cell>
        </row>
        <row r="174">
          <cell r="A174" t="str">
            <v>P300</v>
          </cell>
          <cell r="B174">
            <v>10593.16303</v>
          </cell>
          <cell r="C174">
            <v>2.4482699999999999</v>
          </cell>
          <cell r="D174">
            <v>-25250.564139999999</v>
          </cell>
          <cell r="E174">
            <v>-14654.95284</v>
          </cell>
          <cell r="F174">
            <v>10593.16303</v>
          </cell>
          <cell r="G174">
            <v>2.4482699999999999</v>
          </cell>
          <cell r="H174">
            <v>-25250.564139999999</v>
          </cell>
          <cell r="I174">
            <v>-14654.95284</v>
          </cell>
        </row>
        <row r="175">
          <cell r="A175" t="str">
            <v>P340</v>
          </cell>
        </row>
        <row r="176">
          <cell r="A176" t="str">
            <v>P342</v>
          </cell>
        </row>
        <row r="177">
          <cell r="A177" t="str">
            <v>P26103</v>
          </cell>
        </row>
        <row r="178">
          <cell r="A178" t="str">
            <v>P26302</v>
          </cell>
        </row>
        <row r="179">
          <cell r="A179" t="str">
            <v>P310</v>
          </cell>
          <cell r="D179">
            <v>-2768.3275100000001</v>
          </cell>
          <cell r="E179">
            <v>-2768.3275100000001</v>
          </cell>
          <cell r="H179">
            <v>-2768.3275100000001</v>
          </cell>
          <cell r="I179">
            <v>-2768.3275100000001</v>
          </cell>
        </row>
        <row r="180">
          <cell r="A180" t="str">
            <v>P311</v>
          </cell>
          <cell r="D180">
            <v>-2768.3275100000001</v>
          </cell>
          <cell r="E180">
            <v>-2768.3275100000001</v>
          </cell>
          <cell r="H180">
            <v>-2768.3275100000001</v>
          </cell>
          <cell r="I180">
            <v>-2768.3275100000001</v>
          </cell>
        </row>
        <row r="181">
          <cell r="A181" t="str">
            <v>P320</v>
          </cell>
          <cell r="B181">
            <v>10698.651239999999</v>
          </cell>
          <cell r="C181">
            <v>7.2700000000000004E-3</v>
          </cell>
          <cell r="D181">
            <v>3535.0023099999999</v>
          </cell>
          <cell r="E181">
            <v>14233.660819999999</v>
          </cell>
          <cell r="F181">
            <v>10698.651239999999</v>
          </cell>
          <cell r="G181">
            <v>7.2700000000000004E-3</v>
          </cell>
          <cell r="H181">
            <v>3535.0023099999999</v>
          </cell>
          <cell r="I181">
            <v>14233.660819999999</v>
          </cell>
        </row>
        <row r="182">
          <cell r="A182" t="str">
            <v>P321</v>
          </cell>
          <cell r="B182">
            <v>1147.05888</v>
          </cell>
          <cell r="D182">
            <v>3921.4597600000002</v>
          </cell>
          <cell r="E182">
            <v>5068.5186400000002</v>
          </cell>
          <cell r="F182">
            <v>1147.05888</v>
          </cell>
          <cell r="H182">
            <v>3921.4597600000002</v>
          </cell>
          <cell r="I182">
            <v>5068.5186400000002</v>
          </cell>
        </row>
        <row r="183">
          <cell r="A183" t="str">
            <v>P32103</v>
          </cell>
          <cell r="B183">
            <v>1129.6025299999999</v>
          </cell>
          <cell r="D183">
            <v>3921.4597600000002</v>
          </cell>
          <cell r="E183">
            <v>5051.0622899999998</v>
          </cell>
          <cell r="F183">
            <v>1129.6025299999999</v>
          </cell>
          <cell r="H183">
            <v>3921.4597600000002</v>
          </cell>
          <cell r="I183">
            <v>5051.0622899999998</v>
          </cell>
        </row>
        <row r="184">
          <cell r="A184" t="str">
            <v>P32104</v>
          </cell>
          <cell r="B184">
            <v>17.45635</v>
          </cell>
          <cell r="E184">
            <v>17.45635</v>
          </cell>
          <cell r="F184">
            <v>17.45635</v>
          </cell>
          <cell r="I184">
            <v>17.45635</v>
          </cell>
        </row>
        <row r="185">
          <cell r="A185" t="str">
            <v>P322</v>
          </cell>
          <cell r="B185">
            <v>8270.5225100000007</v>
          </cell>
          <cell r="C185">
            <v>7.2700000000000004E-3</v>
          </cell>
          <cell r="D185">
            <v>-386.45744999999999</v>
          </cell>
          <cell r="E185">
            <v>7884.07233</v>
          </cell>
          <cell r="F185">
            <v>8270.5225100000007</v>
          </cell>
          <cell r="G185">
            <v>7.2700000000000004E-3</v>
          </cell>
          <cell r="H185">
            <v>-386.45744999999999</v>
          </cell>
          <cell r="I185">
            <v>7884.07233</v>
          </cell>
        </row>
        <row r="186">
          <cell r="A186" t="str">
            <v>P323</v>
          </cell>
          <cell r="B186">
            <v>-461.93209000000002</v>
          </cell>
          <cell r="E186">
            <v>-461.93209000000002</v>
          </cell>
          <cell r="F186">
            <v>-461.93209000000002</v>
          </cell>
          <cell r="I186">
            <v>-461.93209000000002</v>
          </cell>
        </row>
        <row r="187">
          <cell r="A187" t="str">
            <v>P324</v>
          </cell>
          <cell r="B187">
            <v>1743.0019400000001</v>
          </cell>
          <cell r="E187">
            <v>1743.0019400000001</v>
          </cell>
          <cell r="F187">
            <v>1743.0019400000001</v>
          </cell>
          <cell r="I187">
            <v>1743.0019400000001</v>
          </cell>
        </row>
        <row r="188">
          <cell r="A188" t="str">
            <v>P330</v>
          </cell>
          <cell r="B188">
            <v>-105.48821</v>
          </cell>
          <cell r="C188">
            <v>2.4409999999999998</v>
          </cell>
          <cell r="D188">
            <v>-26017.238939999999</v>
          </cell>
          <cell r="E188">
            <v>-26120.28615</v>
          </cell>
          <cell r="F188">
            <v>-105.48821</v>
          </cell>
          <cell r="G188">
            <v>2.4409999999999998</v>
          </cell>
          <cell r="H188">
            <v>-26017.238939999999</v>
          </cell>
          <cell r="I188">
            <v>-26120.28615</v>
          </cell>
        </row>
        <row r="189">
          <cell r="A189" t="str">
            <v>P331</v>
          </cell>
          <cell r="B189">
            <v>-2.0000000000000001E-4</v>
          </cell>
          <cell r="D189">
            <v>18410.215810000002</v>
          </cell>
          <cell r="E189">
            <v>18410.215609999999</v>
          </cell>
          <cell r="F189">
            <v>-2.0000000000000001E-4</v>
          </cell>
          <cell r="H189">
            <v>18410.215810000002</v>
          </cell>
          <cell r="I189">
            <v>18410.215609999999</v>
          </cell>
        </row>
        <row r="190">
          <cell r="A190" t="str">
            <v>P333</v>
          </cell>
          <cell r="D190">
            <v>-8612.1228800000008</v>
          </cell>
          <cell r="E190">
            <v>-8612.1228800000008</v>
          </cell>
          <cell r="H190">
            <v>-8612.1228800000008</v>
          </cell>
          <cell r="I190">
            <v>-8612.1228800000008</v>
          </cell>
        </row>
        <row r="191">
          <cell r="A191" t="str">
            <v>P338</v>
          </cell>
          <cell r="B191">
            <v>-105.48801</v>
          </cell>
          <cell r="C191">
            <v>2.4409999999999998</v>
          </cell>
          <cell r="D191">
            <v>-35815.331870000002</v>
          </cell>
          <cell r="E191">
            <v>-35918.378879999997</v>
          </cell>
          <cell r="F191">
            <v>-105.48801</v>
          </cell>
          <cell r="G191">
            <v>2.4409999999999998</v>
          </cell>
          <cell r="H191">
            <v>-35815.331870000002</v>
          </cell>
          <cell r="I191">
            <v>-35918.378879999997</v>
          </cell>
        </row>
        <row r="192">
          <cell r="A192" t="str">
            <v>P400</v>
          </cell>
          <cell r="B192">
            <v>48920.322010000004</v>
          </cell>
          <cell r="D192">
            <v>-39672.525240000003</v>
          </cell>
          <cell r="E192">
            <v>9247.7967700000008</v>
          </cell>
          <cell r="F192">
            <v>48920.322010000004</v>
          </cell>
          <cell r="H192">
            <v>-39672.525240000003</v>
          </cell>
          <cell r="I192">
            <v>9247.7967700000008</v>
          </cell>
        </row>
        <row r="193">
          <cell r="A193" t="str">
            <v>P410</v>
          </cell>
          <cell r="B193">
            <v>82083.761769999997</v>
          </cell>
          <cell r="D193">
            <v>-30.204129999999999</v>
          </cell>
          <cell r="E193">
            <v>82053.557639999999</v>
          </cell>
          <cell r="F193">
            <v>82083.761769999997</v>
          </cell>
          <cell r="H193">
            <v>-30.204129999999999</v>
          </cell>
          <cell r="I193">
            <v>82053.557639999999</v>
          </cell>
        </row>
        <row r="194">
          <cell r="A194" t="str">
            <v>P411</v>
          </cell>
          <cell r="B194">
            <v>1215.9565600000001</v>
          </cell>
          <cell r="E194">
            <v>1215.9565600000001</v>
          </cell>
          <cell r="F194">
            <v>1215.9565600000001</v>
          </cell>
          <cell r="I194">
            <v>1215.9565600000001</v>
          </cell>
        </row>
        <row r="195">
          <cell r="A195" t="str">
            <v>P412</v>
          </cell>
          <cell r="B195">
            <v>5419.1773199999998</v>
          </cell>
          <cell r="E195">
            <v>5419.1773199999998</v>
          </cell>
          <cell r="F195">
            <v>5419.1773199999998</v>
          </cell>
          <cell r="I195">
            <v>5419.1773199999998</v>
          </cell>
        </row>
        <row r="196">
          <cell r="A196" t="str">
            <v>P413</v>
          </cell>
          <cell r="B196">
            <v>75448.627890000003</v>
          </cell>
          <cell r="D196">
            <v>-30.204129999999999</v>
          </cell>
          <cell r="E196">
            <v>75418.423760000005</v>
          </cell>
          <cell r="F196">
            <v>75448.627890000003</v>
          </cell>
          <cell r="H196">
            <v>-30.204129999999999</v>
          </cell>
          <cell r="I196">
            <v>75418.423760000005</v>
          </cell>
        </row>
        <row r="197">
          <cell r="A197" t="str">
            <v>P420</v>
          </cell>
          <cell r="B197">
            <v>-33163.439760000001</v>
          </cell>
          <cell r="D197">
            <v>-39642.321109999997</v>
          </cell>
          <cell r="E197">
            <v>-72805.760869999998</v>
          </cell>
          <cell r="F197">
            <v>-33163.439760000001</v>
          </cell>
          <cell r="H197">
            <v>-39642.321109999997</v>
          </cell>
          <cell r="I197">
            <v>-72805.760869999998</v>
          </cell>
        </row>
        <row r="198">
          <cell r="A198" t="str">
            <v>P421</v>
          </cell>
          <cell r="D198">
            <v>-7.4109999999999995E-2</v>
          </cell>
          <cell r="E198">
            <v>-7.4109999999999995E-2</v>
          </cell>
          <cell r="H198">
            <v>-7.4109999999999995E-2</v>
          </cell>
          <cell r="I198">
            <v>-7.4109999999999995E-2</v>
          </cell>
        </row>
        <row r="199">
          <cell r="A199" t="str">
            <v>P422</v>
          </cell>
          <cell r="B199">
            <v>-33163.439760000001</v>
          </cell>
          <cell r="D199">
            <v>-39642.247000000003</v>
          </cell>
          <cell r="E199">
            <v>-72805.686759999997</v>
          </cell>
          <cell r="F199">
            <v>-33163.439760000001</v>
          </cell>
          <cell r="H199">
            <v>-39642.247000000003</v>
          </cell>
          <cell r="I199">
            <v>-72805.686759999997</v>
          </cell>
        </row>
        <row r="200">
          <cell r="A200" t="str">
            <v>P8H</v>
          </cell>
          <cell r="B200">
            <v>-82364.50417</v>
          </cell>
          <cell r="C200">
            <v>-654.95338000000004</v>
          </cell>
          <cell r="D200">
            <v>-32253.542819999999</v>
          </cell>
          <cell r="E200">
            <v>-115273.00036999999</v>
          </cell>
          <cell r="F200">
            <v>-82364.50417</v>
          </cell>
          <cell r="G200">
            <v>-654.95338000000004</v>
          </cell>
          <cell r="H200">
            <v>-32253.542819999999</v>
          </cell>
          <cell r="I200">
            <v>-115273.00036999999</v>
          </cell>
        </row>
        <row r="201">
          <cell r="A201" t="str">
            <v>P8</v>
          </cell>
          <cell r="B201">
            <v>-82364.50417</v>
          </cell>
          <cell r="C201">
            <v>-654.95338000000004</v>
          </cell>
          <cell r="D201">
            <v>-32253.542819999999</v>
          </cell>
          <cell r="E201">
            <v>-115273.00036999999</v>
          </cell>
          <cell r="F201">
            <v>-82364.50417</v>
          </cell>
          <cell r="G201">
            <v>-654.95338000000004</v>
          </cell>
          <cell r="H201">
            <v>-32253.542819999999</v>
          </cell>
          <cell r="I201">
            <v>-115273.00036999999</v>
          </cell>
        </row>
        <row r="202">
          <cell r="A202" t="str">
            <v>P8</v>
          </cell>
          <cell r="B202">
            <v>0</v>
          </cell>
          <cell r="C202">
            <v>0</v>
          </cell>
          <cell r="D202">
            <v>0</v>
          </cell>
          <cell r="E202">
            <v>0</v>
          </cell>
          <cell r="F202">
            <v>0</v>
          </cell>
          <cell r="G202">
            <v>0</v>
          </cell>
          <cell r="H202">
            <v>0</v>
          </cell>
          <cell r="I202">
            <v>0</v>
          </cell>
        </row>
        <row r="203">
          <cell r="A203" t="str">
            <v>P5</v>
          </cell>
          <cell r="B203">
            <v>-68095.165760000004</v>
          </cell>
          <cell r="C203">
            <v>-652.50510999999995</v>
          </cell>
          <cell r="D203">
            <v>-57044.765140000003</v>
          </cell>
          <cell r="E203">
            <v>-125792.43601</v>
          </cell>
          <cell r="F203">
            <v>-68095.165760000004</v>
          </cell>
          <cell r="G203">
            <v>-652.50510999999995</v>
          </cell>
          <cell r="H203">
            <v>-57044.765140000003</v>
          </cell>
          <cell r="I203">
            <v>-125792.43601</v>
          </cell>
        </row>
        <row r="204">
          <cell r="A204" t="str">
            <v>P3</v>
          </cell>
          <cell r="B204">
            <v>-117015.48777000001</v>
          </cell>
          <cell r="C204">
            <v>-652.50510999999995</v>
          </cell>
          <cell r="D204">
            <v>-17372.2399</v>
          </cell>
          <cell r="E204">
            <v>-135040.23277999999</v>
          </cell>
          <cell r="F204">
            <v>-117015.48777000001</v>
          </cell>
          <cell r="G204">
            <v>-652.50510999999995</v>
          </cell>
          <cell r="H204">
            <v>-17372.2399</v>
          </cell>
          <cell r="I204">
            <v>-135040.23277999999</v>
          </cell>
        </row>
        <row r="205">
          <cell r="A205" t="str">
            <v>P2</v>
          </cell>
          <cell r="B205">
            <v>-127608.6508</v>
          </cell>
          <cell r="C205">
            <v>-654.95338000000004</v>
          </cell>
          <cell r="D205">
            <v>7878.3242399999999</v>
          </cell>
          <cell r="E205">
            <v>-120385.27993999999</v>
          </cell>
          <cell r="F205">
            <v>-127608.6508</v>
          </cell>
          <cell r="G205">
            <v>-654.95338000000004</v>
          </cell>
          <cell r="H205">
            <v>7878.3242399999999</v>
          </cell>
          <cell r="I205">
            <v>-120385.27993999999</v>
          </cell>
        </row>
        <row r="206">
          <cell r="A206" t="str">
            <v>P100</v>
          </cell>
          <cell r="B206">
            <v>-183412.3799</v>
          </cell>
          <cell r="E206">
            <v>-183412.3799</v>
          </cell>
          <cell r="F206">
            <v>-183412.3799</v>
          </cell>
          <cell r="I206">
            <v>-183412.3799</v>
          </cell>
        </row>
        <row r="207">
          <cell r="A207" t="str">
            <v>P110</v>
          </cell>
          <cell r="B207">
            <v>-183412.3799</v>
          </cell>
          <cell r="E207">
            <v>-183412.3799</v>
          </cell>
          <cell r="F207">
            <v>-183412.3799</v>
          </cell>
          <cell r="I207">
            <v>-183412.3799</v>
          </cell>
        </row>
        <row r="208">
          <cell r="A208" t="str">
            <v>P111</v>
          </cell>
          <cell r="B208">
            <v>-520.48996999999997</v>
          </cell>
          <cell r="E208">
            <v>-520.48996999999997</v>
          </cell>
          <cell r="F208">
            <v>-520.48996999999997</v>
          </cell>
          <cell r="I208">
            <v>-520.48996999999997</v>
          </cell>
        </row>
        <row r="209">
          <cell r="A209" t="str">
            <v>P11101</v>
          </cell>
        </row>
        <row r="210">
          <cell r="A210" t="str">
            <v>P11102</v>
          </cell>
          <cell r="B210">
            <v>-520.48996999999997</v>
          </cell>
          <cell r="E210">
            <v>-520.48996999999997</v>
          </cell>
          <cell r="F210">
            <v>-520.48996999999997</v>
          </cell>
          <cell r="I210">
            <v>-520.48996999999997</v>
          </cell>
        </row>
        <row r="211">
          <cell r="A211" t="str">
            <v>P112</v>
          </cell>
          <cell r="B211">
            <v>-201476.74922</v>
          </cell>
          <cell r="E211">
            <v>-201476.74922</v>
          </cell>
          <cell r="F211">
            <v>-201476.74922</v>
          </cell>
          <cell r="I211">
            <v>-201476.74922</v>
          </cell>
        </row>
        <row r="212">
          <cell r="A212" t="str">
            <v>P11201</v>
          </cell>
          <cell r="B212">
            <v>-201476.74922</v>
          </cell>
          <cell r="E212">
            <v>-201476.74922</v>
          </cell>
          <cell r="F212">
            <v>-201476.74922</v>
          </cell>
          <cell r="I212">
            <v>-201476.74922</v>
          </cell>
        </row>
        <row r="213">
          <cell r="A213" t="str">
            <v>P113</v>
          </cell>
          <cell r="B213">
            <v>13446.599759999999</v>
          </cell>
          <cell r="E213">
            <v>13446.599759999999</v>
          </cell>
          <cell r="F213">
            <v>13446.599759999999</v>
          </cell>
          <cell r="I213">
            <v>13446.599759999999</v>
          </cell>
        </row>
        <row r="214">
          <cell r="A214" t="str">
            <v>P115</v>
          </cell>
          <cell r="B214">
            <v>5138.2595300000003</v>
          </cell>
          <cell r="E214">
            <v>5138.2595300000003</v>
          </cell>
          <cell r="F214">
            <v>5138.2595300000003</v>
          </cell>
          <cell r="I214">
            <v>5138.2595300000003</v>
          </cell>
        </row>
        <row r="215">
          <cell r="A215" t="str">
            <v>P200</v>
          </cell>
          <cell r="B215">
            <v>55803.729099999997</v>
          </cell>
          <cell r="C215">
            <v>-654.95338000000004</v>
          </cell>
          <cell r="D215">
            <v>7878.3242399999999</v>
          </cell>
          <cell r="E215">
            <v>63027.09996</v>
          </cell>
          <cell r="F215">
            <v>55803.729099999997</v>
          </cell>
          <cell r="G215">
            <v>-654.95338000000004</v>
          </cell>
          <cell r="H215">
            <v>7878.3242399999999</v>
          </cell>
          <cell r="I215">
            <v>63027.09996</v>
          </cell>
        </row>
        <row r="216">
          <cell r="A216" t="str">
            <v>P220</v>
          </cell>
          <cell r="B216">
            <v>17041.864740000001</v>
          </cell>
          <cell r="E216">
            <v>17041.864740000001</v>
          </cell>
          <cell r="F216">
            <v>17041.864740000001</v>
          </cell>
          <cell r="I216">
            <v>17041.864740000001</v>
          </cell>
        </row>
        <row r="217">
          <cell r="A217" t="str">
            <v>P220</v>
          </cell>
        </row>
        <row r="218">
          <cell r="A218" t="str">
            <v>P22001</v>
          </cell>
          <cell r="B218">
            <v>16921.282190000002</v>
          </cell>
          <cell r="E218">
            <v>16921.282190000002</v>
          </cell>
          <cell r="F218">
            <v>16921.282190000002</v>
          </cell>
          <cell r="I218">
            <v>16921.282190000002</v>
          </cell>
        </row>
        <row r="219">
          <cell r="A219" t="str">
            <v>P22002</v>
          </cell>
          <cell r="B219">
            <v>120.58255</v>
          </cell>
          <cell r="E219">
            <v>120.58255</v>
          </cell>
          <cell r="F219">
            <v>120.58255</v>
          </cell>
          <cell r="I219">
            <v>120.58255</v>
          </cell>
        </row>
        <row r="220">
          <cell r="A220" t="str">
            <v>P230</v>
          </cell>
          <cell r="B220">
            <v>9065.7653599999994</v>
          </cell>
          <cell r="C220">
            <v>422.75745000000001</v>
          </cell>
          <cell r="D220">
            <v>-725.51397999999995</v>
          </cell>
          <cell r="E220">
            <v>8763.0088300000007</v>
          </cell>
          <cell r="F220">
            <v>9065.7653599999994</v>
          </cell>
          <cell r="G220">
            <v>422.75745000000001</v>
          </cell>
          <cell r="H220">
            <v>-725.51397999999995</v>
          </cell>
          <cell r="I220">
            <v>8763.0088300000007</v>
          </cell>
        </row>
        <row r="221">
          <cell r="A221" t="str">
            <v>P231</v>
          </cell>
          <cell r="B221">
            <v>4204.7537199999997</v>
          </cell>
          <cell r="E221">
            <v>4204.7537199999997</v>
          </cell>
          <cell r="F221">
            <v>4204.7537199999997</v>
          </cell>
          <cell r="I221">
            <v>4204.7537199999997</v>
          </cell>
        </row>
        <row r="222">
          <cell r="A222" t="str">
            <v>P232</v>
          </cell>
          <cell r="B222">
            <v>51.751530000000002</v>
          </cell>
          <cell r="E222">
            <v>51.751530000000002</v>
          </cell>
          <cell r="F222">
            <v>51.751530000000002</v>
          </cell>
          <cell r="I222">
            <v>51.751530000000002</v>
          </cell>
        </row>
        <row r="223">
          <cell r="A223" t="str">
            <v>P233</v>
          </cell>
          <cell r="B223">
            <v>5289.5628900000002</v>
          </cell>
          <cell r="E223">
            <v>5289.5628900000002</v>
          </cell>
          <cell r="F223">
            <v>5289.5628900000002</v>
          </cell>
          <cell r="I223">
            <v>5289.5628900000002</v>
          </cell>
        </row>
        <row r="224">
          <cell r="A224" t="str">
            <v>P235</v>
          </cell>
          <cell r="B224">
            <v>2132.3062</v>
          </cell>
          <cell r="C224">
            <v>420.38323000000003</v>
          </cell>
          <cell r="D224">
            <v>189.50917000000001</v>
          </cell>
          <cell r="E224">
            <v>2742.1986000000002</v>
          </cell>
          <cell r="F224">
            <v>2132.3062</v>
          </cell>
          <cell r="G224">
            <v>420.38323000000003</v>
          </cell>
          <cell r="H224">
            <v>189.50917000000001</v>
          </cell>
          <cell r="I224">
            <v>2742.1986000000002</v>
          </cell>
        </row>
        <row r="225">
          <cell r="A225" t="str">
            <v>P236</v>
          </cell>
          <cell r="B225">
            <v>-2606.7596400000002</v>
          </cell>
          <cell r="C225">
            <v>0.93311999999999995</v>
          </cell>
          <cell r="D225">
            <v>133.43018000000001</v>
          </cell>
          <cell r="E225">
            <v>-2472.3963399999998</v>
          </cell>
          <cell r="F225">
            <v>-2606.7596400000002</v>
          </cell>
          <cell r="G225">
            <v>0.93311999999999995</v>
          </cell>
          <cell r="H225">
            <v>133.43018000000001</v>
          </cell>
          <cell r="I225">
            <v>-2472.3963399999998</v>
          </cell>
        </row>
        <row r="226">
          <cell r="A226" t="str">
            <v>P237</v>
          </cell>
          <cell r="B226">
            <v>2.7703600000000002</v>
          </cell>
          <cell r="C226">
            <v>1.4411</v>
          </cell>
          <cell r="D226">
            <v>-1048.4533300000001</v>
          </cell>
          <cell r="E226">
            <v>-1044.2418700000001</v>
          </cell>
          <cell r="F226">
            <v>2.7703600000000002</v>
          </cell>
          <cell r="G226">
            <v>1.4411</v>
          </cell>
          <cell r="H226">
            <v>-1048.4533300000001</v>
          </cell>
          <cell r="I226">
            <v>-1044.2418700000001</v>
          </cell>
        </row>
        <row r="227">
          <cell r="A227" t="str">
            <v>P238</v>
          </cell>
          <cell r="B227">
            <v>-8.6196999999999999</v>
          </cell>
          <cell r="E227">
            <v>-8.6196999999999999</v>
          </cell>
          <cell r="F227">
            <v>-8.6196999999999999</v>
          </cell>
          <cell r="I227">
            <v>-8.6196999999999999</v>
          </cell>
        </row>
        <row r="228">
          <cell r="A228" t="str">
            <v>P240</v>
          </cell>
          <cell r="B228">
            <v>1120.6563200000001</v>
          </cell>
          <cell r="C228">
            <v>47.120359999999998</v>
          </cell>
          <cell r="D228">
            <v>672.12807999999995</v>
          </cell>
          <cell r="E228">
            <v>1839.9047599999999</v>
          </cell>
          <cell r="F228">
            <v>1120.6563200000001</v>
          </cell>
          <cell r="G228">
            <v>47.120359999999998</v>
          </cell>
          <cell r="H228">
            <v>672.12807999999995</v>
          </cell>
          <cell r="I228">
            <v>1839.9047599999999</v>
          </cell>
        </row>
        <row r="229">
          <cell r="A229" t="str">
            <v>P241</v>
          </cell>
          <cell r="B229">
            <v>-57.405589999999997</v>
          </cell>
          <cell r="E229">
            <v>-57.405589999999997</v>
          </cell>
          <cell r="F229">
            <v>-57.405589999999997</v>
          </cell>
          <cell r="I229">
            <v>-57.405589999999997</v>
          </cell>
        </row>
        <row r="230">
          <cell r="A230" t="str">
            <v>P24102</v>
          </cell>
          <cell r="B230">
            <v>-57.405589999999997</v>
          </cell>
          <cell r="E230">
            <v>-57.405589999999997</v>
          </cell>
          <cell r="F230">
            <v>-57.405589999999997</v>
          </cell>
          <cell r="I230">
            <v>-57.405589999999997</v>
          </cell>
        </row>
        <row r="231">
          <cell r="A231" t="str">
            <v>P242</v>
          </cell>
          <cell r="B231">
            <v>1169.2391299999999</v>
          </cell>
          <cell r="E231">
            <v>1169.2391299999999</v>
          </cell>
          <cell r="F231">
            <v>1169.2391299999999</v>
          </cell>
          <cell r="I231">
            <v>1169.2391299999999</v>
          </cell>
        </row>
        <row r="232">
          <cell r="A232" t="str">
            <v>P243</v>
          </cell>
          <cell r="C232">
            <v>35.239829999999998</v>
          </cell>
          <cell r="D232">
            <v>646.99242000000004</v>
          </cell>
          <cell r="E232">
            <v>682.23225000000002</v>
          </cell>
          <cell r="G232">
            <v>35.239829999999998</v>
          </cell>
          <cell r="H232">
            <v>646.99242000000004</v>
          </cell>
          <cell r="I232">
            <v>682.23225000000002</v>
          </cell>
        </row>
        <row r="233">
          <cell r="A233" t="str">
            <v>P24310</v>
          </cell>
          <cell r="C233">
            <v>35.239829999999998</v>
          </cell>
          <cell r="D233">
            <v>60.96519</v>
          </cell>
          <cell r="E233">
            <v>96.205020000000005</v>
          </cell>
          <cell r="G233">
            <v>35.239829999999998</v>
          </cell>
          <cell r="H233">
            <v>60.96519</v>
          </cell>
          <cell r="I233">
            <v>96.205020000000005</v>
          </cell>
        </row>
        <row r="234">
          <cell r="A234" t="str">
            <v>P24311</v>
          </cell>
          <cell r="C234">
            <v>35.239829999999998</v>
          </cell>
          <cell r="D234">
            <v>60.96519</v>
          </cell>
          <cell r="E234">
            <v>96.205020000000005</v>
          </cell>
          <cell r="G234">
            <v>35.239829999999998</v>
          </cell>
          <cell r="H234">
            <v>60.96519</v>
          </cell>
          <cell r="I234">
            <v>96.205020000000005</v>
          </cell>
        </row>
        <row r="235">
          <cell r="A235" t="str">
            <v>P24320</v>
          </cell>
          <cell r="D235">
            <v>586.02723000000003</v>
          </cell>
          <cell r="E235">
            <v>586.02723000000003</v>
          </cell>
          <cell r="H235">
            <v>586.02723000000003</v>
          </cell>
          <cell r="I235">
            <v>586.02723000000003</v>
          </cell>
        </row>
        <row r="236">
          <cell r="A236" t="str">
            <v>P24313</v>
          </cell>
          <cell r="D236">
            <v>586.02723000000003</v>
          </cell>
          <cell r="E236">
            <v>586.02723000000003</v>
          </cell>
          <cell r="H236">
            <v>586.02723000000003</v>
          </cell>
          <cell r="I236">
            <v>586.02723000000003</v>
          </cell>
        </row>
        <row r="237">
          <cell r="A237" t="str">
            <v>P244P</v>
          </cell>
          <cell r="B237">
            <v>8.8227799999999998</v>
          </cell>
          <cell r="C237">
            <v>11.88053</v>
          </cell>
          <cell r="D237">
            <v>25.135660000000001</v>
          </cell>
          <cell r="E237">
            <v>45.838970000000003</v>
          </cell>
          <cell r="F237">
            <v>8.8227799999999998</v>
          </cell>
          <cell r="G237">
            <v>11.88053</v>
          </cell>
          <cell r="H237">
            <v>25.135660000000001</v>
          </cell>
          <cell r="I237">
            <v>45.838970000000003</v>
          </cell>
        </row>
        <row r="238">
          <cell r="A238" t="str">
            <v>P24401</v>
          </cell>
          <cell r="B238">
            <v>8.8227799999999998</v>
          </cell>
          <cell r="C238">
            <v>11.88053</v>
          </cell>
          <cell r="D238">
            <v>25.135660000000001</v>
          </cell>
          <cell r="E238">
            <v>45.838970000000003</v>
          </cell>
          <cell r="F238">
            <v>8.8227799999999998</v>
          </cell>
          <cell r="G238">
            <v>11.88053</v>
          </cell>
          <cell r="H238">
            <v>25.135660000000001</v>
          </cell>
          <cell r="I238">
            <v>45.838970000000003</v>
          </cell>
        </row>
        <row r="239">
          <cell r="A239" t="str">
            <v>P250</v>
          </cell>
          <cell r="B239">
            <v>1541.9098300000001</v>
          </cell>
          <cell r="C239">
            <v>-1169.21081</v>
          </cell>
          <cell r="E239">
            <v>372.69902000000002</v>
          </cell>
          <cell r="F239">
            <v>1541.9098300000001</v>
          </cell>
          <cell r="G239">
            <v>-1169.21081</v>
          </cell>
          <cell r="I239">
            <v>372.69902000000002</v>
          </cell>
        </row>
        <row r="240">
          <cell r="A240" t="str">
            <v>P251</v>
          </cell>
          <cell r="B240">
            <v>838.94723999999997</v>
          </cell>
          <cell r="C240">
            <v>-1169.21081</v>
          </cell>
          <cell r="E240">
            <v>-330.26357000000002</v>
          </cell>
          <cell r="F240">
            <v>838.94723999999997</v>
          </cell>
          <cell r="G240">
            <v>-1169.21081</v>
          </cell>
          <cell r="I240">
            <v>-330.26357000000002</v>
          </cell>
        </row>
        <row r="241">
          <cell r="A241" t="str">
            <v>P253</v>
          </cell>
          <cell r="B241">
            <v>702.96258999999998</v>
          </cell>
          <cell r="E241">
            <v>702.96258999999998</v>
          </cell>
          <cell r="F241">
            <v>702.96258999999998</v>
          </cell>
          <cell r="I241">
            <v>702.96258999999998</v>
          </cell>
        </row>
        <row r="242">
          <cell r="A242" t="str">
            <v>P260</v>
          </cell>
          <cell r="B242">
            <v>32090.59072</v>
          </cell>
          <cell r="C242">
            <v>47.006810000000002</v>
          </cell>
          <cell r="D242">
            <v>47.131030000000003</v>
          </cell>
          <cell r="E242">
            <v>32184.72856</v>
          </cell>
          <cell r="F242">
            <v>32090.59072</v>
          </cell>
          <cell r="G242">
            <v>47.006810000000002</v>
          </cell>
          <cell r="H242">
            <v>47.131030000000003</v>
          </cell>
          <cell r="I242">
            <v>32184.72856</v>
          </cell>
        </row>
        <row r="243">
          <cell r="A243" t="str">
            <v>P261</v>
          </cell>
          <cell r="B243">
            <v>32090.59072</v>
          </cell>
          <cell r="C243">
            <v>47.006810000000002</v>
          </cell>
          <cell r="D243">
            <v>47.131030000000003</v>
          </cell>
          <cell r="E243">
            <v>32184.72856</v>
          </cell>
          <cell r="F243">
            <v>32090.59072</v>
          </cell>
          <cell r="G243">
            <v>47.006810000000002</v>
          </cell>
          <cell r="H243">
            <v>47.131030000000003</v>
          </cell>
          <cell r="I243">
            <v>32184.72856</v>
          </cell>
        </row>
        <row r="244">
          <cell r="A244" t="str">
            <v>P26101</v>
          </cell>
          <cell r="B244">
            <v>23837.320479999998</v>
          </cell>
          <cell r="C244">
            <v>47.006810000000002</v>
          </cell>
          <cell r="D244">
            <v>47.131030000000003</v>
          </cell>
          <cell r="E244">
            <v>23931.458320000002</v>
          </cell>
          <cell r="F244">
            <v>23837.320479999998</v>
          </cell>
          <cell r="G244">
            <v>47.006810000000002</v>
          </cell>
          <cell r="H244">
            <v>47.131030000000003</v>
          </cell>
          <cell r="I244">
            <v>23931.458320000002</v>
          </cell>
        </row>
        <row r="245">
          <cell r="A245" t="str">
            <v>P26105</v>
          </cell>
          <cell r="B245">
            <v>8253.2702399999998</v>
          </cell>
          <cell r="E245">
            <v>8253.2702399999998</v>
          </cell>
          <cell r="F245">
            <v>8253.2702399999998</v>
          </cell>
          <cell r="I245">
            <v>8253.2702399999998</v>
          </cell>
        </row>
        <row r="246">
          <cell r="A246" t="str">
            <v>P263</v>
          </cell>
        </row>
        <row r="247">
          <cell r="A247" t="str">
            <v>P26301</v>
          </cell>
        </row>
        <row r="248">
          <cell r="A248" t="str">
            <v>P275</v>
          </cell>
          <cell r="B248">
            <v>-5057.0578699999996</v>
          </cell>
          <cell r="C248">
            <v>-2.6271900000000001</v>
          </cell>
          <cell r="D248">
            <v>7425.1631799999996</v>
          </cell>
          <cell r="E248">
            <v>2365.4781200000002</v>
          </cell>
          <cell r="F248">
            <v>-5057.0578699999996</v>
          </cell>
          <cell r="G248">
            <v>-2.6271900000000001</v>
          </cell>
          <cell r="H248">
            <v>7425.1631799999996</v>
          </cell>
          <cell r="I248">
            <v>2365.4781200000002</v>
          </cell>
        </row>
        <row r="249">
          <cell r="A249" t="str">
            <v>P280</v>
          </cell>
          <cell r="D249">
            <v>459.41593</v>
          </cell>
          <cell r="E249">
            <v>459.41593</v>
          </cell>
          <cell r="H249">
            <v>459.41593</v>
          </cell>
          <cell r="I249">
            <v>459.41593</v>
          </cell>
        </row>
        <row r="250">
          <cell r="A250" t="str">
            <v>P300</v>
          </cell>
          <cell r="B250">
            <v>10593.16303</v>
          </cell>
          <cell r="C250">
            <v>2.4482699999999999</v>
          </cell>
          <cell r="D250">
            <v>-25250.564139999999</v>
          </cell>
          <cell r="E250">
            <v>-14654.95284</v>
          </cell>
          <cell r="F250">
            <v>10593.16303</v>
          </cell>
          <cell r="G250">
            <v>2.4482699999999999</v>
          </cell>
          <cell r="H250">
            <v>-25250.564139999999</v>
          </cell>
          <cell r="I250">
            <v>-14654.95284</v>
          </cell>
        </row>
        <row r="251">
          <cell r="A251" t="str">
            <v>P340</v>
          </cell>
        </row>
        <row r="252">
          <cell r="A252" t="str">
            <v>P342</v>
          </cell>
        </row>
        <row r="253">
          <cell r="A253" t="str">
            <v>P26103</v>
          </cell>
        </row>
        <row r="254">
          <cell r="A254" t="str">
            <v>P26302</v>
          </cell>
        </row>
        <row r="255">
          <cell r="A255" t="str">
            <v>P310</v>
          </cell>
          <cell r="D255">
            <v>-2768.3275100000001</v>
          </cell>
          <cell r="E255">
            <v>-2768.3275100000001</v>
          </cell>
          <cell r="H255">
            <v>-2768.3275100000001</v>
          </cell>
          <cell r="I255">
            <v>-2768.3275100000001</v>
          </cell>
        </row>
        <row r="256">
          <cell r="A256" t="str">
            <v>P311</v>
          </cell>
          <cell r="D256">
            <v>-2768.3275100000001</v>
          </cell>
          <cell r="E256">
            <v>-2768.3275100000001</v>
          </cell>
          <cell r="H256">
            <v>-2768.3275100000001</v>
          </cell>
          <cell r="I256">
            <v>-2768.3275100000001</v>
          </cell>
        </row>
        <row r="257">
          <cell r="A257" t="str">
            <v>P320</v>
          </cell>
          <cell r="B257">
            <v>10698.651239999999</v>
          </cell>
          <cell r="C257">
            <v>7.2700000000000004E-3</v>
          </cell>
          <cell r="D257">
            <v>3535.0023099999999</v>
          </cell>
          <cell r="E257">
            <v>14233.660819999999</v>
          </cell>
          <cell r="F257">
            <v>10698.651239999999</v>
          </cell>
          <cell r="G257">
            <v>7.2700000000000004E-3</v>
          </cell>
          <cell r="H257">
            <v>3535.0023099999999</v>
          </cell>
          <cell r="I257">
            <v>14233.660819999999</v>
          </cell>
        </row>
        <row r="258">
          <cell r="A258" t="str">
            <v>P321</v>
          </cell>
          <cell r="B258">
            <v>1147.05888</v>
          </cell>
          <cell r="D258">
            <v>3921.4597600000002</v>
          </cell>
          <cell r="E258">
            <v>5068.5186400000002</v>
          </cell>
          <cell r="F258">
            <v>1147.05888</v>
          </cell>
          <cell r="H258">
            <v>3921.4597600000002</v>
          </cell>
          <cell r="I258">
            <v>5068.5186400000002</v>
          </cell>
        </row>
        <row r="259">
          <cell r="A259" t="str">
            <v>P32103</v>
          </cell>
          <cell r="B259">
            <v>1129.6025299999999</v>
          </cell>
          <cell r="D259">
            <v>3921.4597600000002</v>
          </cell>
          <cell r="E259">
            <v>5051.0622899999998</v>
          </cell>
          <cell r="F259">
            <v>1129.6025299999999</v>
          </cell>
          <cell r="H259">
            <v>3921.4597600000002</v>
          </cell>
          <cell r="I259">
            <v>5051.0622899999998</v>
          </cell>
        </row>
        <row r="260">
          <cell r="A260" t="str">
            <v>P32104</v>
          </cell>
          <cell r="B260">
            <v>17.45635</v>
          </cell>
          <cell r="E260">
            <v>17.45635</v>
          </cell>
          <cell r="F260">
            <v>17.45635</v>
          </cell>
          <cell r="I260">
            <v>17.45635</v>
          </cell>
        </row>
        <row r="261">
          <cell r="A261" t="str">
            <v>P322</v>
          </cell>
          <cell r="B261">
            <v>8270.5225100000007</v>
          </cell>
          <cell r="C261">
            <v>7.2700000000000004E-3</v>
          </cell>
          <cell r="D261">
            <v>-386.45744999999999</v>
          </cell>
          <cell r="E261">
            <v>7884.07233</v>
          </cell>
          <cell r="F261">
            <v>8270.5225100000007</v>
          </cell>
          <cell r="G261">
            <v>7.2700000000000004E-3</v>
          </cell>
          <cell r="H261">
            <v>-386.45744999999999</v>
          </cell>
          <cell r="I261">
            <v>7884.07233</v>
          </cell>
        </row>
        <row r="262">
          <cell r="A262" t="str">
            <v>P323</v>
          </cell>
          <cell r="B262">
            <v>-461.93209000000002</v>
          </cell>
          <cell r="E262">
            <v>-461.93209000000002</v>
          </cell>
          <cell r="F262">
            <v>-461.93209000000002</v>
          </cell>
          <cell r="I262">
            <v>-461.93209000000002</v>
          </cell>
        </row>
        <row r="263">
          <cell r="A263" t="str">
            <v>P324</v>
          </cell>
          <cell r="B263">
            <v>1743.0019400000001</v>
          </cell>
          <cell r="E263">
            <v>1743.0019400000001</v>
          </cell>
          <cell r="F263">
            <v>1743.0019400000001</v>
          </cell>
          <cell r="I263">
            <v>1743.0019400000001</v>
          </cell>
        </row>
        <row r="264">
          <cell r="A264" t="str">
            <v>P330</v>
          </cell>
          <cell r="B264">
            <v>-105.48821</v>
          </cell>
          <cell r="C264">
            <v>2.4409999999999998</v>
          </cell>
          <cell r="D264">
            <v>-26017.238939999999</v>
          </cell>
          <cell r="E264">
            <v>-26120.28615</v>
          </cell>
          <cell r="F264">
            <v>-105.48821</v>
          </cell>
          <cell r="G264">
            <v>2.4409999999999998</v>
          </cell>
          <cell r="H264">
            <v>-26017.238939999999</v>
          </cell>
          <cell r="I264">
            <v>-26120.28615</v>
          </cell>
        </row>
        <row r="265">
          <cell r="A265" t="str">
            <v>P331</v>
          </cell>
          <cell r="B265">
            <v>-2.0000000000000001E-4</v>
          </cell>
          <cell r="D265">
            <v>18410.215810000002</v>
          </cell>
          <cell r="E265">
            <v>18410.215609999999</v>
          </cell>
          <cell r="F265">
            <v>-2.0000000000000001E-4</v>
          </cell>
          <cell r="H265">
            <v>18410.215810000002</v>
          </cell>
          <cell r="I265">
            <v>18410.215609999999</v>
          </cell>
        </row>
        <row r="266">
          <cell r="A266" t="str">
            <v>P333</v>
          </cell>
          <cell r="D266">
            <v>-8612.1228800000008</v>
          </cell>
          <cell r="E266">
            <v>-8612.1228800000008</v>
          </cell>
          <cell r="H266">
            <v>-8612.1228800000008</v>
          </cell>
          <cell r="I266">
            <v>-8612.1228800000008</v>
          </cell>
        </row>
        <row r="267">
          <cell r="A267" t="str">
            <v>P338</v>
          </cell>
          <cell r="B267">
            <v>-105.48801</v>
          </cell>
          <cell r="C267">
            <v>2.4409999999999998</v>
          </cell>
          <cell r="D267">
            <v>-35815.331870000002</v>
          </cell>
          <cell r="E267">
            <v>-35918.378879999997</v>
          </cell>
          <cell r="F267">
            <v>-105.48801</v>
          </cell>
          <cell r="G267">
            <v>2.4409999999999998</v>
          </cell>
          <cell r="H267">
            <v>-35815.331870000002</v>
          </cell>
          <cell r="I267">
            <v>-35918.378879999997</v>
          </cell>
        </row>
        <row r="268">
          <cell r="A268" t="str">
            <v>P400</v>
          </cell>
          <cell r="B268">
            <v>48920.322010000004</v>
          </cell>
          <cell r="D268">
            <v>-39672.525240000003</v>
          </cell>
          <cell r="E268">
            <v>9247.7967700000008</v>
          </cell>
          <cell r="F268">
            <v>48920.322010000004</v>
          </cell>
          <cell r="H268">
            <v>-39672.525240000003</v>
          </cell>
          <cell r="I268">
            <v>9247.7967700000008</v>
          </cell>
        </row>
        <row r="269">
          <cell r="A269" t="str">
            <v>P410</v>
          </cell>
          <cell r="B269">
            <v>82083.761769999997</v>
          </cell>
          <cell r="D269">
            <v>-30.204129999999999</v>
          </cell>
          <cell r="E269">
            <v>82053.557639999999</v>
          </cell>
          <cell r="F269">
            <v>82083.761769999997</v>
          </cell>
          <cell r="H269">
            <v>-30.204129999999999</v>
          </cell>
          <cell r="I269">
            <v>82053.557639999999</v>
          </cell>
        </row>
        <row r="270">
          <cell r="A270" t="str">
            <v>P411</v>
          </cell>
          <cell r="B270">
            <v>1215.9565600000001</v>
          </cell>
          <cell r="E270">
            <v>1215.9565600000001</v>
          </cell>
          <cell r="F270">
            <v>1215.9565600000001</v>
          </cell>
          <cell r="I270">
            <v>1215.9565600000001</v>
          </cell>
        </row>
        <row r="271">
          <cell r="A271" t="str">
            <v>P412</v>
          </cell>
          <cell r="B271">
            <v>5419.1773199999998</v>
          </cell>
          <cell r="E271">
            <v>5419.1773199999998</v>
          </cell>
          <cell r="F271">
            <v>5419.1773199999998</v>
          </cell>
          <cell r="I271">
            <v>5419.1773199999998</v>
          </cell>
        </row>
        <row r="272">
          <cell r="A272" t="str">
            <v>P413</v>
          </cell>
          <cell r="B272">
            <v>75448.627890000003</v>
          </cell>
          <cell r="D272">
            <v>-30.204129999999999</v>
          </cell>
          <cell r="E272">
            <v>75418.423760000005</v>
          </cell>
          <cell r="F272">
            <v>75448.627890000003</v>
          </cell>
          <cell r="H272">
            <v>-30.204129999999999</v>
          </cell>
          <cell r="I272">
            <v>75418.423760000005</v>
          </cell>
        </row>
        <row r="273">
          <cell r="A273" t="str">
            <v>P420</v>
          </cell>
          <cell r="B273">
            <v>-33163.439760000001</v>
          </cell>
          <cell r="D273">
            <v>-39642.321109999997</v>
          </cell>
          <cell r="E273">
            <v>-72805.760869999998</v>
          </cell>
          <cell r="F273">
            <v>-33163.439760000001</v>
          </cell>
          <cell r="H273">
            <v>-39642.321109999997</v>
          </cell>
          <cell r="I273">
            <v>-72805.760869999998</v>
          </cell>
        </row>
        <row r="274">
          <cell r="A274" t="str">
            <v>P421</v>
          </cell>
          <cell r="D274">
            <v>-7.4109999999999995E-2</v>
          </cell>
          <cell r="E274">
            <v>-7.4109999999999995E-2</v>
          </cell>
          <cell r="H274">
            <v>-7.4109999999999995E-2</v>
          </cell>
          <cell r="I274">
            <v>-7.4109999999999995E-2</v>
          </cell>
        </row>
        <row r="275">
          <cell r="A275" t="str">
            <v>P422</v>
          </cell>
          <cell r="B275">
            <v>-33163.439760000001</v>
          </cell>
          <cell r="D275">
            <v>-39642.247000000003</v>
          </cell>
          <cell r="E275">
            <v>-72805.686759999997</v>
          </cell>
          <cell r="F275">
            <v>-33163.439760000001</v>
          </cell>
          <cell r="H275">
            <v>-39642.247000000003</v>
          </cell>
          <cell r="I275">
            <v>-72805.686759999997</v>
          </cell>
        </row>
        <row r="276">
          <cell r="A276" t="str">
            <v>P802</v>
          </cell>
          <cell r="B276">
            <v>105.48821</v>
          </cell>
          <cell r="C276">
            <v>-2.4409999999999998</v>
          </cell>
          <cell r="D276">
            <v>26017.238939999999</v>
          </cell>
          <cell r="E276">
            <v>26120.28615</v>
          </cell>
          <cell r="F276">
            <v>105.48821</v>
          </cell>
          <cell r="G276">
            <v>-2.4409999999999998</v>
          </cell>
          <cell r="H276">
            <v>26017.238939999999</v>
          </cell>
          <cell r="I276">
            <v>26120.28615</v>
          </cell>
        </row>
        <row r="277">
          <cell r="A277" t="str">
            <v>P331S</v>
          </cell>
          <cell r="B277">
            <v>2.0000000000000001E-4</v>
          </cell>
          <cell r="D277">
            <v>-18410.215810000002</v>
          </cell>
          <cell r="E277">
            <v>-18410.215609999999</v>
          </cell>
          <cell r="F277">
            <v>2.0000000000000001E-4</v>
          </cell>
          <cell r="H277">
            <v>-18410.215810000002</v>
          </cell>
          <cell r="I277">
            <v>-18410.215609999999</v>
          </cell>
        </row>
        <row r="278">
          <cell r="A278" t="str">
            <v>P333S</v>
          </cell>
          <cell r="D278">
            <v>8612.1228800000008</v>
          </cell>
          <cell r="E278">
            <v>8612.1228800000008</v>
          </cell>
          <cell r="H278">
            <v>8612.1228800000008</v>
          </cell>
          <cell r="I278">
            <v>8612.1228800000008</v>
          </cell>
        </row>
        <row r="279">
          <cell r="A279" t="str">
            <v>P338S</v>
          </cell>
          <cell r="B279">
            <v>105.48801</v>
          </cell>
          <cell r="C279">
            <v>-2.4409999999999998</v>
          </cell>
          <cell r="D279">
            <v>35815.331870000002</v>
          </cell>
          <cell r="E279">
            <v>35918.378879999997</v>
          </cell>
          <cell r="F279">
            <v>105.48801</v>
          </cell>
          <cell r="G279">
            <v>-2.4409999999999998</v>
          </cell>
          <cell r="H279">
            <v>35815.331870000002</v>
          </cell>
          <cell r="I279">
            <v>35918.378879999997</v>
          </cell>
        </row>
        <row r="280">
          <cell r="A280" t="str">
            <v>P803</v>
          </cell>
          <cell r="B280">
            <v>-8955.6492999999991</v>
          </cell>
          <cell r="C280">
            <v>-7.2700000000000004E-3</v>
          </cell>
          <cell r="D280">
            <v>-766.6748</v>
          </cell>
          <cell r="E280">
            <v>-9722.3313699999999</v>
          </cell>
          <cell r="F280">
            <v>-8955.6492999999991</v>
          </cell>
          <cell r="G280">
            <v>-7.2700000000000004E-3</v>
          </cell>
          <cell r="H280">
            <v>-766.6748</v>
          </cell>
          <cell r="I280">
            <v>-9722.3313699999999</v>
          </cell>
        </row>
        <row r="281">
          <cell r="A281" t="str">
            <v>P311S</v>
          </cell>
          <cell r="D281">
            <v>2768.3275100000001</v>
          </cell>
          <cell r="E281">
            <v>2768.3275100000001</v>
          </cell>
          <cell r="H281">
            <v>2768.3275100000001</v>
          </cell>
          <cell r="I281">
            <v>2768.3275100000001</v>
          </cell>
        </row>
        <row r="282">
          <cell r="A282" t="str">
            <v>P320S</v>
          </cell>
          <cell r="B282">
            <v>-8955.6492999999991</v>
          </cell>
          <cell r="C282">
            <v>-7.2700000000000004E-3</v>
          </cell>
          <cell r="D282">
            <v>-3535.0023099999999</v>
          </cell>
          <cell r="E282">
            <v>-12490.658880000001</v>
          </cell>
          <cell r="F282">
            <v>-8955.6492999999991</v>
          </cell>
          <cell r="G282">
            <v>-7.2700000000000004E-3</v>
          </cell>
          <cell r="H282">
            <v>-3535.0023099999999</v>
          </cell>
          <cell r="I282">
            <v>-12490.658880000001</v>
          </cell>
        </row>
        <row r="283">
          <cell r="A283" t="str">
            <v>P321S</v>
          </cell>
          <cell r="B283">
            <v>-1147.05888</v>
          </cell>
          <cell r="D283">
            <v>-3921.4597600000002</v>
          </cell>
          <cell r="E283">
            <v>-5068.5186400000002</v>
          </cell>
          <cell r="F283">
            <v>-1147.05888</v>
          </cell>
          <cell r="H283">
            <v>-3921.4597600000002</v>
          </cell>
          <cell r="I283">
            <v>-5068.5186400000002</v>
          </cell>
        </row>
        <row r="284">
          <cell r="A284" t="str">
            <v>P32103S</v>
          </cell>
          <cell r="B284">
            <v>-1129.6025299999999</v>
          </cell>
          <cell r="D284">
            <v>-3921.4597600000002</v>
          </cell>
          <cell r="E284">
            <v>-5051.0622899999998</v>
          </cell>
          <cell r="F284">
            <v>-1129.6025299999999</v>
          </cell>
          <cell r="H284">
            <v>-3921.4597600000002</v>
          </cell>
          <cell r="I284">
            <v>-5051.0622899999998</v>
          </cell>
        </row>
        <row r="285">
          <cell r="A285" t="str">
            <v>P32104S</v>
          </cell>
          <cell r="B285">
            <v>-17.45635</v>
          </cell>
          <cell r="E285">
            <v>-17.45635</v>
          </cell>
          <cell r="F285">
            <v>-17.45635</v>
          </cell>
          <cell r="I285">
            <v>-17.45635</v>
          </cell>
        </row>
        <row r="286">
          <cell r="A286" t="str">
            <v>P322S</v>
          </cell>
          <cell r="B286">
            <v>-8270.5225100000007</v>
          </cell>
          <cell r="C286">
            <v>-7.2700000000000004E-3</v>
          </cell>
          <cell r="D286">
            <v>386.45744999999999</v>
          </cell>
          <cell r="E286">
            <v>-7884.07233</v>
          </cell>
          <cell r="F286">
            <v>-8270.5225100000007</v>
          </cell>
          <cell r="G286">
            <v>-7.2700000000000004E-3</v>
          </cell>
          <cell r="H286">
            <v>386.45744999999999</v>
          </cell>
          <cell r="I286">
            <v>-7884.07233</v>
          </cell>
        </row>
        <row r="287">
          <cell r="A287" t="str">
            <v>P323S</v>
          </cell>
          <cell r="B287">
            <v>461.93209000000002</v>
          </cell>
          <cell r="E287">
            <v>461.93209000000002</v>
          </cell>
          <cell r="F287">
            <v>461.93209000000002</v>
          </cell>
          <cell r="I287">
            <v>461.93209000000002</v>
          </cell>
        </row>
        <row r="288">
          <cell r="A288" t="str">
            <v>P804</v>
          </cell>
          <cell r="B288">
            <v>-5419.1773199999998</v>
          </cell>
          <cell r="D288">
            <v>7.4109999999999995E-2</v>
          </cell>
          <cell r="E288">
            <v>-5419.1032100000002</v>
          </cell>
          <cell r="F288">
            <v>-5419.1773199999998</v>
          </cell>
          <cell r="H288">
            <v>7.4109999999999995E-2</v>
          </cell>
          <cell r="I288">
            <v>-5419.1032100000002</v>
          </cell>
        </row>
        <row r="289">
          <cell r="A289" t="str">
            <v>P412S</v>
          </cell>
          <cell r="B289">
            <v>-5419.1773199999998</v>
          </cell>
          <cell r="E289">
            <v>-5419.1773199999998</v>
          </cell>
          <cell r="F289">
            <v>-5419.1773199999998</v>
          </cell>
          <cell r="I289">
            <v>-5419.1773199999998</v>
          </cell>
        </row>
        <row r="290">
          <cell r="A290" t="str">
            <v>P421S</v>
          </cell>
          <cell r="D290">
            <v>7.4109999999999995E-2</v>
          </cell>
          <cell r="E290">
            <v>7.4109999999999995E-2</v>
          </cell>
          <cell r="H290">
            <v>7.4109999999999995E-2</v>
          </cell>
          <cell r="I290">
            <v>7.4109999999999995E-2</v>
          </cell>
        </row>
        <row r="291">
          <cell r="A291" t="str">
            <v>P805</v>
          </cell>
          <cell r="D291">
            <v>-459.41593</v>
          </cell>
          <cell r="E291">
            <v>-459.41593</v>
          </cell>
          <cell r="H291">
            <v>-459.41593</v>
          </cell>
          <cell r="I291">
            <v>-459.41593</v>
          </cell>
        </row>
        <row r="292">
          <cell r="A292" t="str">
            <v>P280S</v>
          </cell>
          <cell r="D292">
            <v>-459.41593</v>
          </cell>
          <cell r="E292">
            <v>-459.41593</v>
          </cell>
          <cell r="H292">
            <v>-459.41593</v>
          </cell>
          <cell r="I292">
            <v>-459.41593</v>
          </cell>
        </row>
        <row r="293">
          <cell r="A293" t="str">
            <v>AF</v>
          </cell>
          <cell r="B293">
            <v>-16767.905289999999</v>
          </cell>
          <cell r="C293">
            <v>1089.9763800000001</v>
          </cell>
          <cell r="D293">
            <v>-36585.56738</v>
          </cell>
          <cell r="E293">
            <v>-52263.496290000003</v>
          </cell>
          <cell r="F293">
            <v>-16767.905289999999</v>
          </cell>
          <cell r="G293">
            <v>1089.9763800000001</v>
          </cell>
          <cell r="H293">
            <v>-36585.56738</v>
          </cell>
          <cell r="I293">
            <v>-52263.496290000003</v>
          </cell>
        </row>
        <row r="294">
          <cell r="A294" t="str">
            <v>C212_C2E</v>
          </cell>
        </row>
        <row r="295">
          <cell r="A295" t="str">
            <v>C212_TRUE</v>
          </cell>
          <cell r="B295">
            <v>-16767.905289999999</v>
          </cell>
          <cell r="C295">
            <v>1169.21081</v>
          </cell>
          <cell r="D295">
            <v>1.0805800000000001</v>
          </cell>
          <cell r="E295">
            <v>-15597.6139</v>
          </cell>
          <cell r="F295">
            <v>-16767.905289999999</v>
          </cell>
          <cell r="G295">
            <v>1169.21081</v>
          </cell>
          <cell r="H295">
            <v>1.0805800000000001</v>
          </cell>
          <cell r="I295">
            <v>-15597.6139</v>
          </cell>
        </row>
        <row r="296">
          <cell r="A296" t="str">
            <v>P400N</v>
          </cell>
          <cell r="C296">
            <v>-79.234430000000003</v>
          </cell>
          <cell r="D296">
            <v>-36586.647960000002</v>
          </cell>
          <cell r="E296">
            <v>-36665.882389999999</v>
          </cell>
          <cell r="G296">
            <v>-79.234430000000003</v>
          </cell>
          <cell r="H296">
            <v>-36586.647960000002</v>
          </cell>
          <cell r="I296">
            <v>-36665.882389999999</v>
          </cell>
        </row>
        <row r="297">
          <cell r="A297" t="str">
            <v>CF</v>
          </cell>
          <cell r="B297">
            <v>0</v>
          </cell>
          <cell r="C297">
            <v>0</v>
          </cell>
          <cell r="D297">
            <v>0</v>
          </cell>
          <cell r="E297">
            <v>0</v>
          </cell>
          <cell r="F297">
            <v>0</v>
          </cell>
          <cell r="G297">
            <v>0</v>
          </cell>
          <cell r="H297">
            <v>0</v>
          </cell>
          <cell r="I297">
            <v>0</v>
          </cell>
        </row>
        <row r="298">
          <cell r="A298" t="str">
            <v>BBCFCHK</v>
          </cell>
          <cell r="B298">
            <v>257478.77454000001</v>
          </cell>
          <cell r="C298">
            <v>36.038119999999999</v>
          </cell>
          <cell r="D298">
            <v>-339256.03908000002</v>
          </cell>
          <cell r="E298">
            <v>-81741.226420000006</v>
          </cell>
          <cell r="F298">
            <v>257478.77454000001</v>
          </cell>
          <cell r="G298">
            <v>36.038119999999999</v>
          </cell>
          <cell r="H298">
            <v>-339256.03908000002</v>
          </cell>
          <cell r="I298">
            <v>-81741.226420000006</v>
          </cell>
        </row>
        <row r="299">
          <cell r="A299" t="str">
            <v>C7</v>
          </cell>
          <cell r="B299">
            <v>-128739.38727000001</v>
          </cell>
          <cell r="C299">
            <v>-18.01906</v>
          </cell>
          <cell r="D299">
            <v>169628.01954000001</v>
          </cell>
          <cell r="E299">
            <v>40870.613210000003</v>
          </cell>
          <cell r="F299">
            <v>-128739.38727000001</v>
          </cell>
          <cell r="G299">
            <v>-18.01906</v>
          </cell>
          <cell r="H299">
            <v>169628.01954000001</v>
          </cell>
          <cell r="I299">
            <v>40870.613210000003</v>
          </cell>
        </row>
        <row r="300">
          <cell r="A300" t="str">
            <v>C710</v>
          </cell>
          <cell r="B300">
            <v>-128739.38727000001</v>
          </cell>
          <cell r="C300">
            <v>-18.01906</v>
          </cell>
          <cell r="D300">
            <v>169628.01954000001</v>
          </cell>
          <cell r="E300">
            <v>40870.613210000003</v>
          </cell>
          <cell r="F300">
            <v>-128739.38727000001</v>
          </cell>
          <cell r="G300">
            <v>-18.01906</v>
          </cell>
          <cell r="H300">
            <v>169628.01954000001</v>
          </cell>
          <cell r="I300">
            <v>40870.613210000003</v>
          </cell>
        </row>
        <row r="301">
          <cell r="A301" t="str">
            <v>C6</v>
          </cell>
          <cell r="B301">
            <v>-128739.38727000001</v>
          </cell>
          <cell r="C301">
            <v>-18.01906</v>
          </cell>
          <cell r="D301">
            <v>169628.01954000001</v>
          </cell>
          <cell r="E301">
            <v>40870.613210000003</v>
          </cell>
          <cell r="F301">
            <v>-128739.38727000001</v>
          </cell>
          <cell r="G301">
            <v>-18.01906</v>
          </cell>
          <cell r="H301">
            <v>169628.01954000001</v>
          </cell>
          <cell r="I301">
            <v>40870.613210000003</v>
          </cell>
        </row>
        <row r="302">
          <cell r="A302" t="str">
            <v>C3</v>
          </cell>
          <cell r="B302">
            <v>175496.34088999999</v>
          </cell>
          <cell r="C302">
            <v>7504.3861200000001</v>
          </cell>
          <cell r="D302">
            <v>-108826.91963999999</v>
          </cell>
          <cell r="E302">
            <v>74173.807369999995</v>
          </cell>
          <cell r="F302">
            <v>175496.34088999999</v>
          </cell>
          <cell r="G302">
            <v>7504.3861200000001</v>
          </cell>
          <cell r="H302">
            <v>-108826.91963999999</v>
          </cell>
          <cell r="I302">
            <v>74173.807369999995</v>
          </cell>
        </row>
        <row r="303">
          <cell r="A303" t="str">
            <v>C3</v>
          </cell>
          <cell r="B303">
            <v>0</v>
          </cell>
          <cell r="C303">
            <v>0</v>
          </cell>
          <cell r="D303">
            <v>0</v>
          </cell>
          <cell r="E303">
            <v>0</v>
          </cell>
          <cell r="F303">
            <v>0</v>
          </cell>
          <cell r="G303">
            <v>0</v>
          </cell>
          <cell r="H303">
            <v>0</v>
          </cell>
          <cell r="I303">
            <v>0</v>
          </cell>
        </row>
        <row r="304">
          <cell r="A304" t="str">
            <v>C1</v>
          </cell>
          <cell r="B304">
            <v>195352.37529</v>
          </cell>
          <cell r="C304">
            <v>7504.3861200000001</v>
          </cell>
          <cell r="D304">
            <v>-111579.07554000001</v>
          </cell>
          <cell r="E304">
            <v>91277.685870000001</v>
          </cell>
          <cell r="F304">
            <v>195352.37529</v>
          </cell>
          <cell r="G304">
            <v>7504.3861200000001</v>
          </cell>
          <cell r="H304">
            <v>-111579.07554000001</v>
          </cell>
          <cell r="I304">
            <v>91277.685870000001</v>
          </cell>
        </row>
        <row r="305">
          <cell r="A305" t="str">
            <v>C110</v>
          </cell>
          <cell r="B305">
            <v>68095.165760000004</v>
          </cell>
          <cell r="C305">
            <v>652.50510999999995</v>
          </cell>
          <cell r="D305">
            <v>57044.765140000003</v>
          </cell>
          <cell r="E305">
            <v>125792.43601</v>
          </cell>
          <cell r="F305">
            <v>68095.165760000004</v>
          </cell>
          <cell r="G305">
            <v>652.50510999999995</v>
          </cell>
          <cell r="H305">
            <v>57044.765140000003</v>
          </cell>
          <cell r="I305">
            <v>125792.43601</v>
          </cell>
        </row>
        <row r="306">
          <cell r="A306" t="str">
            <v>C120</v>
          </cell>
          <cell r="B306">
            <v>32090.59072</v>
          </cell>
          <cell r="C306">
            <v>47.006810000000002</v>
          </cell>
          <cell r="D306">
            <v>47.131030000000003</v>
          </cell>
          <cell r="E306">
            <v>32184.72856</v>
          </cell>
          <cell r="F306">
            <v>32090.59072</v>
          </cell>
          <cell r="G306">
            <v>47.006810000000002</v>
          </cell>
          <cell r="H306">
            <v>47.131030000000003</v>
          </cell>
          <cell r="I306">
            <v>32184.72856</v>
          </cell>
        </row>
        <row r="307">
          <cell r="A307" t="str">
            <v>C130</v>
          </cell>
          <cell r="B307">
            <v>-34422.470860000001</v>
          </cell>
          <cell r="C307">
            <v>-3559.21749</v>
          </cell>
          <cell r="D307">
            <v>-32259.69529</v>
          </cell>
          <cell r="E307">
            <v>-70241.38364</v>
          </cell>
          <cell r="F307">
            <v>-34422.470860000001</v>
          </cell>
          <cell r="G307">
            <v>-3559.21749</v>
          </cell>
          <cell r="H307">
            <v>-32259.69529</v>
          </cell>
          <cell r="I307">
            <v>-70241.38364</v>
          </cell>
        </row>
        <row r="308">
          <cell r="A308" t="str">
            <v>C131</v>
          </cell>
          <cell r="B308">
            <v>25774.611720000001</v>
          </cell>
          <cell r="C308">
            <v>-2.0797300000000001</v>
          </cell>
          <cell r="D308">
            <v>-10172.41223</v>
          </cell>
          <cell r="E308">
            <v>15600.11976</v>
          </cell>
          <cell r="F308">
            <v>25774.611720000001</v>
          </cell>
          <cell r="G308">
            <v>-2.0797300000000001</v>
          </cell>
          <cell r="H308">
            <v>-10172.41223</v>
          </cell>
          <cell r="I308">
            <v>15600.11976</v>
          </cell>
        </row>
        <row r="309">
          <cell r="A309" t="str">
            <v>C132P</v>
          </cell>
          <cell r="B309">
            <v>-71781.353640000001</v>
          </cell>
          <cell r="C309">
            <v>-1024.7357500000001</v>
          </cell>
          <cell r="D309">
            <v>-14058.524509999999</v>
          </cell>
          <cell r="E309">
            <v>-86864.613899999997</v>
          </cell>
          <cell r="F309">
            <v>-71781.353640000001</v>
          </cell>
          <cell r="G309">
            <v>-1024.7357500000001</v>
          </cell>
          <cell r="H309">
            <v>-14058.524509999999</v>
          </cell>
          <cell r="I309">
            <v>-86864.613899999997</v>
          </cell>
        </row>
        <row r="310">
          <cell r="A310" t="str">
            <v>C13201</v>
          </cell>
          <cell r="B310">
            <v>-71675.86563</v>
          </cell>
          <cell r="C310">
            <v>-1027.1767500000001</v>
          </cell>
          <cell r="D310">
            <v>21756.807359999999</v>
          </cell>
          <cell r="E310">
            <v>-50946.23502</v>
          </cell>
          <cell r="F310">
            <v>-71675.86563</v>
          </cell>
          <cell r="G310">
            <v>-1027.1767500000001</v>
          </cell>
          <cell r="H310">
            <v>21756.807359999999</v>
          </cell>
          <cell r="I310">
            <v>-50946.23502</v>
          </cell>
        </row>
        <row r="311">
          <cell r="A311" t="str">
            <v>C13204</v>
          </cell>
          <cell r="B311">
            <v>-105.48801</v>
          </cell>
          <cell r="C311">
            <v>2.4409999999999998</v>
          </cell>
          <cell r="D311">
            <v>-35815.331870000002</v>
          </cell>
          <cell r="E311">
            <v>-35918.378879999997</v>
          </cell>
          <cell r="F311">
            <v>-105.48801</v>
          </cell>
          <cell r="G311">
            <v>2.4409999999999998</v>
          </cell>
          <cell r="H311">
            <v>-35815.331870000002</v>
          </cell>
          <cell r="I311">
            <v>-35918.378879999997</v>
          </cell>
        </row>
        <row r="312">
          <cell r="A312" t="str">
            <v>C133</v>
          </cell>
          <cell r="B312">
            <v>640.86490000000003</v>
          </cell>
          <cell r="C312">
            <v>-2532.42022</v>
          </cell>
          <cell r="D312">
            <v>-6428.1225199999999</v>
          </cell>
          <cell r="E312">
            <v>-8319.6778400000003</v>
          </cell>
          <cell r="F312">
            <v>640.86490000000003</v>
          </cell>
          <cell r="G312">
            <v>-2532.42022</v>
          </cell>
          <cell r="H312">
            <v>-6428.1225199999999</v>
          </cell>
          <cell r="I312">
            <v>-8319.6778400000003</v>
          </cell>
        </row>
        <row r="313">
          <cell r="A313" t="str">
            <v>C134</v>
          </cell>
          <cell r="B313">
            <v>10943.40616</v>
          </cell>
          <cell r="C313">
            <v>1.821E-2</v>
          </cell>
          <cell r="D313">
            <v>-1600.6360299999999</v>
          </cell>
          <cell r="E313">
            <v>9342.7883399999992</v>
          </cell>
          <cell r="F313">
            <v>10943.40616</v>
          </cell>
          <cell r="G313">
            <v>1.821E-2</v>
          </cell>
          <cell r="H313">
            <v>-1600.6360299999999</v>
          </cell>
          <cell r="I313">
            <v>9342.7883399999992</v>
          </cell>
        </row>
        <row r="314">
          <cell r="A314" t="str">
            <v>C135</v>
          </cell>
        </row>
        <row r="315">
          <cell r="A315" t="str">
            <v>C150</v>
          </cell>
          <cell r="B315">
            <v>-30468.516240000001</v>
          </cell>
          <cell r="D315">
            <v>-41001.475689999999</v>
          </cell>
          <cell r="E315">
            <v>-71469.991930000004</v>
          </cell>
          <cell r="F315">
            <v>-30468.516240000001</v>
          </cell>
          <cell r="H315">
            <v>-41001.475689999999</v>
          </cell>
          <cell r="I315">
            <v>-71469.991930000004</v>
          </cell>
        </row>
        <row r="316">
          <cell r="A316" t="str">
            <v>C15001</v>
          </cell>
          <cell r="B316">
            <v>1743.0019400000001</v>
          </cell>
          <cell r="E316">
            <v>1743.0019400000001</v>
          </cell>
          <cell r="F316">
            <v>1743.0019400000001</v>
          </cell>
          <cell r="I316">
            <v>1743.0019400000001</v>
          </cell>
        </row>
        <row r="317">
          <cell r="A317" t="str">
            <v>C15002</v>
          </cell>
          <cell r="B317">
            <v>-33163.439760000001</v>
          </cell>
          <cell r="D317">
            <v>-39642.321109999997</v>
          </cell>
          <cell r="E317">
            <v>-72805.760869999998</v>
          </cell>
          <cell r="F317">
            <v>-33163.439760000001</v>
          </cell>
          <cell r="H317">
            <v>-39642.321109999997</v>
          </cell>
          <cell r="I317">
            <v>-72805.760869999998</v>
          </cell>
        </row>
        <row r="318">
          <cell r="A318" t="str">
            <v>C15003</v>
          </cell>
          <cell r="B318">
            <v>951.92157999999995</v>
          </cell>
          <cell r="D318">
            <v>-1359.1545799999999</v>
          </cell>
          <cell r="E318">
            <v>-407.233</v>
          </cell>
          <cell r="F318">
            <v>951.92157999999995</v>
          </cell>
          <cell r="H318">
            <v>-1359.1545799999999</v>
          </cell>
          <cell r="I318">
            <v>-407.233</v>
          </cell>
        </row>
        <row r="319">
          <cell r="A319" t="str">
            <v>C15004</v>
          </cell>
        </row>
        <row r="320">
          <cell r="A320" t="str">
            <v>C160</v>
          </cell>
          <cell r="B320">
            <v>67275.192899999995</v>
          </cell>
          <cell r="C320">
            <v>10364.084419999999</v>
          </cell>
          <cell r="D320">
            <v>-82227.211819999997</v>
          </cell>
          <cell r="E320">
            <v>-4587.9345000000003</v>
          </cell>
          <cell r="F320">
            <v>67275.192899999995</v>
          </cell>
          <cell r="G320">
            <v>10364.084419999999</v>
          </cell>
          <cell r="H320">
            <v>-82227.211819999997</v>
          </cell>
          <cell r="I320">
            <v>-4587.9345000000003</v>
          </cell>
        </row>
        <row r="321">
          <cell r="A321" t="str">
            <v>C16001</v>
          </cell>
          <cell r="B321">
            <v>67788.186870000005</v>
          </cell>
          <cell r="C321">
            <v>10364.084419999999</v>
          </cell>
          <cell r="D321">
            <v>-82227.211819999997</v>
          </cell>
          <cell r="E321">
            <v>-4074.9405299999999</v>
          </cell>
          <cell r="F321">
            <v>67788.186870000005</v>
          </cell>
          <cell r="G321">
            <v>10364.084419999999</v>
          </cell>
          <cell r="H321">
            <v>-82227.211819999997</v>
          </cell>
          <cell r="I321">
            <v>-4074.9405299999999</v>
          </cell>
        </row>
        <row r="322">
          <cell r="A322" t="str">
            <v>C16002</v>
          </cell>
          <cell r="B322">
            <v>702.96258999999998</v>
          </cell>
          <cell r="E322">
            <v>702.96258999999998</v>
          </cell>
          <cell r="F322">
            <v>702.96258999999998</v>
          </cell>
          <cell r="I322">
            <v>702.96258999999998</v>
          </cell>
        </row>
        <row r="323">
          <cell r="A323" t="str">
            <v>C16004</v>
          </cell>
        </row>
        <row r="324">
          <cell r="A324" t="str">
            <v>C16006</v>
          </cell>
          <cell r="B324">
            <v>-1215.9565600000001</v>
          </cell>
          <cell r="E324">
            <v>-1215.9565600000001</v>
          </cell>
          <cell r="F324">
            <v>-1215.9565600000001</v>
          </cell>
          <cell r="I324">
            <v>-1215.9565600000001</v>
          </cell>
        </row>
        <row r="325">
          <cell r="A325" t="str">
            <v>C16008</v>
          </cell>
        </row>
        <row r="326">
          <cell r="A326" t="str">
            <v>C16009</v>
          </cell>
        </row>
        <row r="327">
          <cell r="A327" t="str">
            <v>C170</v>
          </cell>
          <cell r="B327">
            <v>92782.413010000004</v>
          </cell>
          <cell r="C327">
            <v>7.2700000000000004E-3</v>
          </cell>
          <cell r="D327">
            <v>736.47067000000004</v>
          </cell>
          <cell r="E327">
            <v>93518.890950000001</v>
          </cell>
          <cell r="F327">
            <v>92782.413010000004</v>
          </cell>
          <cell r="G327">
            <v>7.2700000000000004E-3</v>
          </cell>
          <cell r="H327">
            <v>736.47067000000004</v>
          </cell>
          <cell r="I327">
            <v>93518.890950000001</v>
          </cell>
        </row>
        <row r="328">
          <cell r="A328" t="str">
            <v>C17001</v>
          </cell>
          <cell r="B328">
            <v>82083.761769999997</v>
          </cell>
          <cell r="D328">
            <v>-30.204129999999999</v>
          </cell>
          <cell r="E328">
            <v>82053.557639999999</v>
          </cell>
          <cell r="F328">
            <v>82083.761769999997</v>
          </cell>
          <cell r="H328">
            <v>-30.204129999999999</v>
          </cell>
          <cell r="I328">
            <v>82053.557639999999</v>
          </cell>
        </row>
        <row r="329">
          <cell r="A329" t="str">
            <v>C17002</v>
          </cell>
          <cell r="B329">
            <v>10698.651239999999</v>
          </cell>
          <cell r="C329">
            <v>7.2700000000000004E-3</v>
          </cell>
          <cell r="D329">
            <v>3535.0023099999999</v>
          </cell>
          <cell r="E329">
            <v>14233.660819999999</v>
          </cell>
          <cell r="F329">
            <v>10698.651239999999</v>
          </cell>
          <cell r="G329">
            <v>7.2700000000000004E-3</v>
          </cell>
          <cell r="H329">
            <v>3535.0023099999999</v>
          </cell>
          <cell r="I329">
            <v>14233.660819999999</v>
          </cell>
        </row>
        <row r="330">
          <cell r="A330" t="str">
            <v>C17003</v>
          </cell>
          <cell r="D330">
            <v>-2768.3275100000001</v>
          </cell>
          <cell r="E330">
            <v>-2768.3275100000001</v>
          </cell>
          <cell r="H330">
            <v>-2768.3275100000001</v>
          </cell>
          <cell r="I330">
            <v>-2768.3275100000001</v>
          </cell>
        </row>
        <row r="331">
          <cell r="A331" t="str">
            <v>C180</v>
          </cell>
          <cell r="D331">
            <v>-13919.059579999999</v>
          </cell>
          <cell r="E331">
            <v>-13919.059579999999</v>
          </cell>
          <cell r="H331">
            <v>-13919.059579999999</v>
          </cell>
          <cell r="I331">
            <v>-13919.059579999999</v>
          </cell>
        </row>
        <row r="332">
          <cell r="A332" t="str">
            <v>C2</v>
          </cell>
          <cell r="B332">
            <v>-19856.0344</v>
          </cell>
          <cell r="C332">
            <v>0</v>
          </cell>
          <cell r="D332">
            <v>2752.1559000000002</v>
          </cell>
          <cell r="E332">
            <v>-17103.878499999999</v>
          </cell>
          <cell r="F332">
            <v>-19856.0344</v>
          </cell>
          <cell r="G332">
            <v>0</v>
          </cell>
          <cell r="H332">
            <v>2752.1559000000002</v>
          </cell>
          <cell r="I332">
            <v>-17103.878499999999</v>
          </cell>
        </row>
        <row r="333">
          <cell r="A333" t="str">
            <v>C210</v>
          </cell>
          <cell r="B333">
            <v>-20317.966489999999</v>
          </cell>
          <cell r="C333">
            <v>0</v>
          </cell>
          <cell r="D333">
            <v>216.41255000000001</v>
          </cell>
          <cell r="E333">
            <v>-20101.553940000002</v>
          </cell>
          <cell r="F333">
            <v>-20317.966489999999</v>
          </cell>
          <cell r="G333">
            <v>0</v>
          </cell>
          <cell r="H333">
            <v>216.41255000000001</v>
          </cell>
          <cell r="I333">
            <v>-20101.553940000002</v>
          </cell>
        </row>
        <row r="334">
          <cell r="A334" t="str">
            <v>C211</v>
          </cell>
          <cell r="B334">
            <v>-4389.0084399999996</v>
          </cell>
          <cell r="D334">
            <v>215.33197000000001</v>
          </cell>
          <cell r="E334">
            <v>-4173.6764700000003</v>
          </cell>
          <cell r="F334">
            <v>-4389.0084399999996</v>
          </cell>
          <cell r="H334">
            <v>215.33197000000001</v>
          </cell>
          <cell r="I334">
            <v>-4173.6764700000003</v>
          </cell>
        </row>
        <row r="335">
          <cell r="A335" t="str">
            <v>C21101</v>
          </cell>
          <cell r="B335">
            <v>-2333.7538599999998</v>
          </cell>
          <cell r="D335">
            <v>215.33197000000001</v>
          </cell>
          <cell r="E335">
            <v>-2118.4218900000001</v>
          </cell>
          <cell r="F335">
            <v>-2333.7538599999998</v>
          </cell>
          <cell r="H335">
            <v>215.33197000000001</v>
          </cell>
          <cell r="I335">
            <v>-2118.4218900000001</v>
          </cell>
        </row>
        <row r="336">
          <cell r="A336" t="str">
            <v>C21102</v>
          </cell>
          <cell r="B336">
            <v>-1593.32249</v>
          </cell>
          <cell r="E336">
            <v>-1593.32249</v>
          </cell>
          <cell r="F336">
            <v>-1593.32249</v>
          </cell>
          <cell r="I336">
            <v>-1593.32249</v>
          </cell>
        </row>
        <row r="337">
          <cell r="A337" t="str">
            <v>C21103</v>
          </cell>
          <cell r="B337">
            <v>-461.93209000000002</v>
          </cell>
          <cell r="E337">
            <v>-461.93209000000002</v>
          </cell>
          <cell r="F337">
            <v>-461.93209000000002</v>
          </cell>
          <cell r="I337">
            <v>-461.93209000000002</v>
          </cell>
        </row>
        <row r="338">
          <cell r="A338" t="str">
            <v>C212</v>
          </cell>
          <cell r="B338">
            <v>-16767.905289999999</v>
          </cell>
          <cell r="C338">
            <v>1169.21081</v>
          </cell>
          <cell r="D338">
            <v>1.0805800000000001</v>
          </cell>
          <cell r="E338">
            <v>-15597.6139</v>
          </cell>
          <cell r="F338">
            <v>-16767.905289999999</v>
          </cell>
          <cell r="G338">
            <v>1169.21081</v>
          </cell>
          <cell r="H338">
            <v>1.0805800000000001</v>
          </cell>
          <cell r="I338">
            <v>-15597.6139</v>
          </cell>
        </row>
        <row r="339">
          <cell r="A339" t="str">
            <v>C21201</v>
          </cell>
        </row>
        <row r="340">
          <cell r="A340" t="str">
            <v>C21202</v>
          </cell>
          <cell r="B340">
            <v>-77.211920000000006</v>
          </cell>
          <cell r="C340">
            <v>705.25876000000005</v>
          </cell>
          <cell r="E340">
            <v>628.04683999999997</v>
          </cell>
          <cell r="F340">
            <v>-77.211920000000006</v>
          </cell>
          <cell r="G340">
            <v>705.25876000000005</v>
          </cell>
          <cell r="I340">
            <v>628.04683999999997</v>
          </cell>
        </row>
        <row r="341">
          <cell r="A341" t="str">
            <v>C21203</v>
          </cell>
          <cell r="B341">
            <v>-739.51135999999997</v>
          </cell>
          <cell r="D341">
            <v>1.0805800000000001</v>
          </cell>
          <cell r="E341">
            <v>-738.43078000000003</v>
          </cell>
          <cell r="F341">
            <v>-739.51135999999997</v>
          </cell>
          <cell r="H341">
            <v>1.0805800000000001</v>
          </cell>
          <cell r="I341">
            <v>-738.43078000000003</v>
          </cell>
        </row>
        <row r="342">
          <cell r="A342" t="str">
            <v>C21204</v>
          </cell>
          <cell r="B342">
            <v>-15189.446690000001</v>
          </cell>
          <cell r="E342">
            <v>-15189.446690000001</v>
          </cell>
          <cell r="F342">
            <v>-15189.446690000001</v>
          </cell>
          <cell r="I342">
            <v>-15189.446690000001</v>
          </cell>
        </row>
        <row r="343">
          <cell r="A343" t="str">
            <v>C21205</v>
          </cell>
          <cell r="B343">
            <v>-6.5866400000000001</v>
          </cell>
          <cell r="C343">
            <v>410.60595999999998</v>
          </cell>
          <cell r="E343">
            <v>404.01931999999999</v>
          </cell>
          <cell r="F343">
            <v>-6.5866400000000001</v>
          </cell>
          <cell r="G343">
            <v>410.60595999999998</v>
          </cell>
          <cell r="I343">
            <v>404.01931999999999</v>
          </cell>
        </row>
        <row r="344">
          <cell r="A344" t="str">
            <v>C21206</v>
          </cell>
          <cell r="B344">
            <v>-2.43058</v>
          </cell>
          <cell r="E344">
            <v>-2.43058</v>
          </cell>
          <cell r="F344">
            <v>-2.43058</v>
          </cell>
          <cell r="I344">
            <v>-2.43058</v>
          </cell>
        </row>
        <row r="345">
          <cell r="A345" t="str">
            <v>C21207</v>
          </cell>
          <cell r="B345">
            <v>-752.71810000000005</v>
          </cell>
          <cell r="C345">
            <v>53.346089999999997</v>
          </cell>
          <cell r="E345">
            <v>-699.37201000000005</v>
          </cell>
          <cell r="F345">
            <v>-752.71810000000005</v>
          </cell>
          <cell r="G345">
            <v>53.346089999999997</v>
          </cell>
          <cell r="I345">
            <v>-699.37201000000005</v>
          </cell>
        </row>
        <row r="346">
          <cell r="A346" t="str">
            <v>C213</v>
          </cell>
          <cell r="B346">
            <v>838.94723999999997</v>
          </cell>
          <cell r="C346">
            <v>-1169.21081</v>
          </cell>
          <cell r="E346">
            <v>-330.26357000000002</v>
          </cell>
          <cell r="F346">
            <v>838.94723999999997</v>
          </cell>
          <cell r="G346">
            <v>-1169.21081</v>
          </cell>
          <cell r="I346">
            <v>-330.26357000000002</v>
          </cell>
        </row>
        <row r="347">
          <cell r="A347" t="str">
            <v>C217</v>
          </cell>
          <cell r="D347">
            <v>-232.58416</v>
          </cell>
          <cell r="E347">
            <v>-232.58416</v>
          </cell>
          <cell r="H347">
            <v>-232.58416</v>
          </cell>
          <cell r="I347">
            <v>-232.58416</v>
          </cell>
        </row>
        <row r="348">
          <cell r="A348" t="str">
            <v>C220</v>
          </cell>
        </row>
        <row r="349">
          <cell r="A349" t="str">
            <v>C22001</v>
          </cell>
        </row>
        <row r="350">
          <cell r="A350" t="str">
            <v>C22002</v>
          </cell>
        </row>
        <row r="351">
          <cell r="A351" t="str">
            <v>C22021</v>
          </cell>
        </row>
        <row r="352">
          <cell r="A352" t="str">
            <v>C22022</v>
          </cell>
        </row>
        <row r="353">
          <cell r="A353" t="str">
            <v>C230</v>
          </cell>
        </row>
        <row r="354">
          <cell r="A354" t="str">
            <v>C231</v>
          </cell>
        </row>
        <row r="355">
          <cell r="A355" t="str">
            <v>C23102</v>
          </cell>
        </row>
        <row r="356">
          <cell r="A356" t="str">
            <v>C240P</v>
          </cell>
          <cell r="D356">
            <v>2768.3275100000001</v>
          </cell>
          <cell r="E356">
            <v>2768.3275100000001</v>
          </cell>
          <cell r="H356">
            <v>2768.3275100000001</v>
          </cell>
          <cell r="I356">
            <v>2768.3275100000001</v>
          </cell>
        </row>
        <row r="357">
          <cell r="A357" t="str">
            <v>C24001</v>
          </cell>
          <cell r="D357">
            <v>2768.3275100000001</v>
          </cell>
          <cell r="E357">
            <v>2768.3275100000001</v>
          </cell>
          <cell r="H357">
            <v>2768.3275100000001</v>
          </cell>
          <cell r="I357">
            <v>2768.3275100000001</v>
          </cell>
        </row>
        <row r="358">
          <cell r="A358" t="str">
            <v>C250</v>
          </cell>
          <cell r="B358">
            <v>461.93209000000002</v>
          </cell>
          <cell r="E358">
            <v>461.93209000000002</v>
          </cell>
          <cell r="F358">
            <v>461.93209000000002</v>
          </cell>
          <cell r="I358">
            <v>461.93209000000002</v>
          </cell>
        </row>
        <row r="359">
          <cell r="A359" t="str">
            <v>C4</v>
          </cell>
          <cell r="B359">
            <v>-304341.21617000003</v>
          </cell>
          <cell r="C359">
            <v>-7519.9641799999999</v>
          </cell>
          <cell r="D359">
            <v>242639.60730999999</v>
          </cell>
          <cell r="E359">
            <v>-69221.573040000003</v>
          </cell>
          <cell r="F359">
            <v>-304341.21617000003</v>
          </cell>
          <cell r="G359">
            <v>-7519.9641799999999</v>
          </cell>
          <cell r="H359">
            <v>242639.60730999999</v>
          </cell>
          <cell r="I359">
            <v>-69221.573040000003</v>
          </cell>
        </row>
        <row r="360">
          <cell r="A360" t="str">
            <v>C410</v>
          </cell>
          <cell r="B360">
            <v>-294872.83970999997</v>
          </cell>
          <cell r="C360">
            <v>-7519.9569099999999</v>
          </cell>
          <cell r="D360">
            <v>246174.60962</v>
          </cell>
          <cell r="E360">
            <v>-56218.186999999998</v>
          </cell>
          <cell r="F360">
            <v>-294872.83970999997</v>
          </cell>
          <cell r="G360">
            <v>-7519.9569099999999</v>
          </cell>
          <cell r="H360">
            <v>246174.60962</v>
          </cell>
          <cell r="I360">
            <v>-56218.186999999998</v>
          </cell>
        </row>
        <row r="361">
          <cell r="A361" t="str">
            <v>C411</v>
          </cell>
          <cell r="B361">
            <v>-291804.98587999999</v>
          </cell>
          <cell r="C361">
            <v>-7519.9569099999999</v>
          </cell>
          <cell r="D361">
            <v>249674.60962</v>
          </cell>
          <cell r="E361">
            <v>-49650.333169999998</v>
          </cell>
          <cell r="F361">
            <v>-291804.98587999999</v>
          </cell>
          <cell r="G361">
            <v>-7519.9569099999999</v>
          </cell>
          <cell r="H361">
            <v>249674.60962</v>
          </cell>
          <cell r="I361">
            <v>-49650.333169999998</v>
          </cell>
        </row>
        <row r="362">
          <cell r="A362" t="str">
            <v>C41102</v>
          </cell>
          <cell r="B362">
            <v>-291804.98587999999</v>
          </cell>
          <cell r="C362">
            <v>-18738.786690000001</v>
          </cell>
          <cell r="D362">
            <v>260893.4394</v>
          </cell>
          <cell r="E362">
            <v>-49650.333169999998</v>
          </cell>
          <cell r="F362">
            <v>-291804.98587999999</v>
          </cell>
          <cell r="G362">
            <v>-18738.786690000001</v>
          </cell>
          <cell r="H362">
            <v>260893.4394</v>
          </cell>
          <cell r="I362">
            <v>-49650.333169999998</v>
          </cell>
        </row>
        <row r="363">
          <cell r="A363" t="str">
            <v>C41103</v>
          </cell>
        </row>
        <row r="364">
          <cell r="A364" t="str">
            <v>C41104</v>
          </cell>
        </row>
        <row r="365">
          <cell r="A365" t="str">
            <v>C41108</v>
          </cell>
        </row>
        <row r="366">
          <cell r="A366" t="str">
            <v>C41107</v>
          </cell>
          <cell r="C366">
            <v>11218.82978</v>
          </cell>
          <cell r="D366">
            <v>-11218.82978</v>
          </cell>
          <cell r="E366">
            <v>0</v>
          </cell>
          <cell r="G366">
            <v>11218.82978</v>
          </cell>
          <cell r="H366">
            <v>-11218.82978</v>
          </cell>
          <cell r="I366">
            <v>0</v>
          </cell>
        </row>
        <row r="367">
          <cell r="A367" t="str">
            <v>C412</v>
          </cell>
          <cell r="B367">
            <v>-3067.85383</v>
          </cell>
          <cell r="D367">
            <v>-3500</v>
          </cell>
          <cell r="E367">
            <v>-6567.85383</v>
          </cell>
          <cell r="F367">
            <v>-3067.85383</v>
          </cell>
          <cell r="H367">
            <v>-3500</v>
          </cell>
          <cell r="I367">
            <v>-6567.85383</v>
          </cell>
        </row>
        <row r="368">
          <cell r="A368" t="str">
            <v>C430</v>
          </cell>
        </row>
        <row r="369">
          <cell r="A369" t="str">
            <v>C431</v>
          </cell>
        </row>
        <row r="370">
          <cell r="A370" t="str">
            <v>C43101</v>
          </cell>
        </row>
        <row r="371">
          <cell r="A371" t="str">
            <v>C440</v>
          </cell>
          <cell r="B371">
            <v>-9468.3764599999995</v>
          </cell>
          <cell r="C371">
            <v>-7.2700000000000004E-3</v>
          </cell>
          <cell r="D371">
            <v>-3535.0023099999999</v>
          </cell>
          <cell r="E371">
            <v>-13003.386039999999</v>
          </cell>
          <cell r="F371">
            <v>-9468.3764599999995</v>
          </cell>
          <cell r="G371">
            <v>-7.2700000000000004E-3</v>
          </cell>
          <cell r="H371">
            <v>-3535.0023099999999</v>
          </cell>
          <cell r="I371">
            <v>-13003.386039999999</v>
          </cell>
        </row>
        <row r="372">
          <cell r="A372" t="str">
            <v>C510</v>
          </cell>
          <cell r="B372">
            <v>105.48801</v>
          </cell>
          <cell r="C372">
            <v>-2.4409999999999998</v>
          </cell>
          <cell r="D372">
            <v>35815.331870000002</v>
          </cell>
          <cell r="E372">
            <v>35918.378879999997</v>
          </cell>
          <cell r="F372">
            <v>105.48801</v>
          </cell>
          <cell r="G372">
            <v>-2.4409999999999998</v>
          </cell>
          <cell r="H372">
            <v>35815.331870000002</v>
          </cell>
          <cell r="I372">
            <v>35918.378879999997</v>
          </cell>
        </row>
        <row r="373">
          <cell r="A373" t="str">
            <v>C51006</v>
          </cell>
          <cell r="B373">
            <v>105.48801</v>
          </cell>
          <cell r="C373">
            <v>-2.4409999999999998</v>
          </cell>
          <cell r="D373">
            <v>35815.331870000002</v>
          </cell>
          <cell r="E373">
            <v>35918.378879999997</v>
          </cell>
          <cell r="F373">
            <v>105.48801</v>
          </cell>
          <cell r="G373">
            <v>-2.4409999999999998</v>
          </cell>
          <cell r="H373">
            <v>35815.331870000002</v>
          </cell>
          <cell r="I373">
            <v>35918.378879999997</v>
          </cell>
        </row>
        <row r="440">
          <cell r="A440" t="str">
            <v>BS</v>
          </cell>
          <cell r="B440">
            <v>0</v>
          </cell>
          <cell r="C440">
            <v>0</v>
          </cell>
          <cell r="D440">
            <v>0</v>
          </cell>
          <cell r="E440">
            <v>0</v>
          </cell>
          <cell r="F440">
            <v>5.8900000000000003E-3</v>
          </cell>
          <cell r="G440">
            <v>0</v>
          </cell>
          <cell r="H440">
            <v>4.0000000000000003E-5</v>
          </cell>
          <cell r="I440">
            <v>5.9300000000000004E-3</v>
          </cell>
        </row>
        <row r="441">
          <cell r="A441" t="str">
            <v>B7</v>
          </cell>
          <cell r="B441">
            <v>237611.63944</v>
          </cell>
          <cell r="C441">
            <v>6019.4008999999996</v>
          </cell>
          <cell r="D441">
            <v>-294234.8738</v>
          </cell>
          <cell r="E441">
            <v>-50603.833460000002</v>
          </cell>
          <cell r="F441">
            <v>125831.16744</v>
          </cell>
          <cell r="G441">
            <v>-119383.87282999999</v>
          </cell>
          <cell r="H441">
            <v>2296859.38711</v>
          </cell>
          <cell r="I441">
            <v>2303306.6817200002</v>
          </cell>
        </row>
        <row r="442">
          <cell r="A442" t="str">
            <v>B7</v>
          </cell>
          <cell r="B442">
            <v>0</v>
          </cell>
          <cell r="C442">
            <v>0</v>
          </cell>
          <cell r="D442">
            <v>0</v>
          </cell>
          <cell r="E442">
            <v>0</v>
          </cell>
          <cell r="F442">
            <v>0</v>
          </cell>
          <cell r="G442">
            <v>0</v>
          </cell>
          <cell r="H442">
            <v>0</v>
          </cell>
          <cell r="I442">
            <v>0</v>
          </cell>
        </row>
        <row r="443">
          <cell r="A443" t="str">
            <v>B3</v>
          </cell>
          <cell r="B443">
            <v>277550.89633000002</v>
          </cell>
          <cell r="C443">
            <v>8865.5480700000007</v>
          </cell>
          <cell r="D443">
            <v>-293144.60673</v>
          </cell>
          <cell r="E443">
            <v>-6728.1623300000001</v>
          </cell>
          <cell r="F443">
            <v>781575.72412999999</v>
          </cell>
          <cell r="G443">
            <v>-63426.185510000003</v>
          </cell>
          <cell r="H443">
            <v>2484605.1471600002</v>
          </cell>
          <cell r="I443">
            <v>3202754.6857799999</v>
          </cell>
        </row>
        <row r="444">
          <cell r="A444" t="str">
            <v>B100</v>
          </cell>
          <cell r="B444">
            <v>-24666.932959999998</v>
          </cell>
          <cell r="C444">
            <v>-46.666809999999998</v>
          </cell>
          <cell r="D444">
            <v>224.78324000000001</v>
          </cell>
          <cell r="E444">
            <v>-24488.81653</v>
          </cell>
          <cell r="F444">
            <v>1713933.3655999999</v>
          </cell>
          <cell r="G444">
            <v>4148.0290000000005</v>
          </cell>
          <cell r="H444">
            <v>11996.813560000001</v>
          </cell>
          <cell r="I444">
            <v>1730078.2081599999</v>
          </cell>
        </row>
        <row r="445">
          <cell r="A445" t="str">
            <v>B110</v>
          </cell>
          <cell r="B445">
            <v>-24666.932959999998</v>
          </cell>
          <cell r="C445">
            <v>-46.666809999999998</v>
          </cell>
          <cell r="D445">
            <v>250.42393000000001</v>
          </cell>
          <cell r="E445">
            <v>-24463.17584</v>
          </cell>
          <cell r="F445">
            <v>1713933.3655999999</v>
          </cell>
          <cell r="G445">
            <v>4148.0290000000005</v>
          </cell>
          <cell r="H445">
            <v>11587.782950000001</v>
          </cell>
          <cell r="I445">
            <v>1729669.1775499999</v>
          </cell>
        </row>
        <row r="446">
          <cell r="A446" t="str">
            <v>B11001</v>
          </cell>
          <cell r="B446">
            <v>6660.7370199999996</v>
          </cell>
          <cell r="C446">
            <v>3.2320000000000002E-2</v>
          </cell>
          <cell r="D446">
            <v>289.57916999999998</v>
          </cell>
          <cell r="E446">
            <v>6950.3485099999998</v>
          </cell>
          <cell r="F446">
            <v>4503444.8544199998</v>
          </cell>
          <cell r="G446">
            <v>10526.73093</v>
          </cell>
          <cell r="H446">
            <v>12915.453869999999</v>
          </cell>
          <cell r="I446">
            <v>4526887.0392199997</v>
          </cell>
        </row>
        <row r="447">
          <cell r="A447" t="str">
            <v>B11003</v>
          </cell>
          <cell r="F447">
            <v>4477169.1135</v>
          </cell>
          <cell r="G447">
            <v>10526.698609999999</v>
          </cell>
          <cell r="H447">
            <v>12842.287249999999</v>
          </cell>
          <cell r="I447">
            <v>4500538.0993600003</v>
          </cell>
        </row>
        <row r="448">
          <cell r="A448" t="str">
            <v>B11004</v>
          </cell>
        </row>
        <row r="449">
          <cell r="A449" t="str">
            <v>B11005</v>
          </cell>
          <cell r="B449">
            <v>6542.8768499999996</v>
          </cell>
          <cell r="C449">
            <v>3.2320000000000002E-2</v>
          </cell>
          <cell r="D449">
            <v>289.57916999999998</v>
          </cell>
          <cell r="E449">
            <v>6832.4883399999999</v>
          </cell>
          <cell r="F449">
            <v>25695.948659999998</v>
          </cell>
          <cell r="G449">
            <v>3.2320000000000002E-2</v>
          </cell>
          <cell r="H449">
            <v>73.166619999999995</v>
          </cell>
          <cell r="I449">
            <v>25769.1476</v>
          </cell>
        </row>
        <row r="450">
          <cell r="A450" t="str">
            <v>B11006</v>
          </cell>
          <cell r="B450">
            <v>117.86017</v>
          </cell>
          <cell r="E450">
            <v>117.86017</v>
          </cell>
          <cell r="F450">
            <v>579.79226000000006</v>
          </cell>
          <cell r="I450">
            <v>579.79226000000006</v>
          </cell>
        </row>
        <row r="451">
          <cell r="A451" t="str">
            <v>B11021</v>
          </cell>
        </row>
        <row r="452">
          <cell r="A452" t="str">
            <v>B11012</v>
          </cell>
        </row>
        <row r="453">
          <cell r="A453" t="str">
            <v>B11002</v>
          </cell>
          <cell r="B453">
            <v>-31327.669979999999</v>
          </cell>
          <cell r="C453">
            <v>-46.699129999999997</v>
          </cell>
          <cell r="D453">
            <v>-39.155239999999999</v>
          </cell>
          <cell r="E453">
            <v>-31413.52435</v>
          </cell>
          <cell r="F453">
            <v>-2789511.4888200001</v>
          </cell>
          <cell r="G453">
            <v>-6378.7019300000002</v>
          </cell>
          <cell r="H453">
            <v>-1327.67092</v>
          </cell>
          <cell r="I453">
            <v>-2797217.86167</v>
          </cell>
        </row>
        <row r="454">
          <cell r="A454" t="str">
            <v>B11014</v>
          </cell>
          <cell r="F454">
            <v>-2726093.2281200001</v>
          </cell>
          <cell r="G454">
            <v>-6284.9959900000003</v>
          </cell>
          <cell r="H454">
            <v>-1267.0253499999999</v>
          </cell>
          <cell r="I454">
            <v>-2733645.2494600001</v>
          </cell>
        </row>
        <row r="455">
          <cell r="A455" t="str">
            <v>B11017</v>
          </cell>
          <cell r="B455">
            <v>-31327.669979999999</v>
          </cell>
          <cell r="C455">
            <v>-46.699129999999997</v>
          </cell>
          <cell r="D455">
            <v>-39.155239999999999</v>
          </cell>
          <cell r="E455">
            <v>-31413.52435</v>
          </cell>
          <cell r="F455">
            <v>-63418.260699999999</v>
          </cell>
          <cell r="G455">
            <v>-93.705939999999998</v>
          </cell>
          <cell r="H455">
            <v>-60.645569999999999</v>
          </cell>
          <cell r="I455">
            <v>-63572.612209999999</v>
          </cell>
        </row>
        <row r="456">
          <cell r="A456" t="str">
            <v>B11018</v>
          </cell>
        </row>
        <row r="457">
          <cell r="A457" t="str">
            <v>B11025</v>
          </cell>
        </row>
        <row r="458">
          <cell r="A458" t="str">
            <v>B11022</v>
          </cell>
        </row>
        <row r="459">
          <cell r="A459" t="str">
            <v>B120</v>
          </cell>
          <cell r="D459">
            <v>-25.640689999999999</v>
          </cell>
          <cell r="E459">
            <v>-25.640689999999999</v>
          </cell>
          <cell r="H459">
            <v>361.91897</v>
          </cell>
          <cell r="I459">
            <v>361.91897</v>
          </cell>
        </row>
        <row r="460">
          <cell r="A460" t="str">
            <v>B12004</v>
          </cell>
          <cell r="H460">
            <v>1559.7547400000001</v>
          </cell>
          <cell r="I460">
            <v>1559.7547400000001</v>
          </cell>
        </row>
        <row r="461">
          <cell r="A461" t="str">
            <v>B12006</v>
          </cell>
          <cell r="H461">
            <v>1559.7547400000001</v>
          </cell>
          <cell r="I461">
            <v>1559.7547400000001</v>
          </cell>
        </row>
        <row r="462">
          <cell r="A462" t="str">
            <v>B12051</v>
          </cell>
          <cell r="H462">
            <v>1559.7547300000001</v>
          </cell>
          <cell r="I462">
            <v>1559.7547300000001</v>
          </cell>
        </row>
        <row r="463">
          <cell r="A463" t="str">
            <v>B12017</v>
          </cell>
          <cell r="H463">
            <v>1.0000000000000001E-5</v>
          </cell>
          <cell r="I463">
            <v>1.0000000000000001E-5</v>
          </cell>
        </row>
        <row r="464">
          <cell r="A464" t="str">
            <v>B12005</v>
          </cell>
          <cell r="D464">
            <v>-25.640689999999999</v>
          </cell>
          <cell r="E464">
            <v>-25.640689999999999</v>
          </cell>
          <cell r="H464">
            <v>-1197.8357699999999</v>
          </cell>
          <cell r="I464">
            <v>-1197.8357699999999</v>
          </cell>
        </row>
        <row r="465">
          <cell r="A465" t="str">
            <v>B12010</v>
          </cell>
          <cell r="H465">
            <v>-1146.55438</v>
          </cell>
          <cell r="I465">
            <v>-1146.55438</v>
          </cell>
        </row>
        <row r="466">
          <cell r="A466" t="str">
            <v>B12031</v>
          </cell>
          <cell r="H466">
            <v>-1146.5543700000001</v>
          </cell>
          <cell r="I466">
            <v>-1146.5543700000001</v>
          </cell>
        </row>
        <row r="467">
          <cell r="A467" t="str">
            <v>B12032</v>
          </cell>
          <cell r="H467">
            <v>-1.0000000000000001E-5</v>
          </cell>
          <cell r="I467">
            <v>-1.0000000000000001E-5</v>
          </cell>
        </row>
        <row r="468">
          <cell r="A468" t="str">
            <v>B12011</v>
          </cell>
          <cell r="D468">
            <v>-25.640689999999999</v>
          </cell>
          <cell r="E468">
            <v>-25.640689999999999</v>
          </cell>
          <cell r="H468">
            <v>-51.281390000000002</v>
          </cell>
          <cell r="I468">
            <v>-51.281390000000002</v>
          </cell>
        </row>
        <row r="469">
          <cell r="A469" t="str">
            <v>B12046</v>
          </cell>
          <cell r="D469">
            <v>-25.640689999999999</v>
          </cell>
          <cell r="E469">
            <v>-25.640689999999999</v>
          </cell>
          <cell r="H469">
            <v>-51.281390000000002</v>
          </cell>
          <cell r="I469">
            <v>-51.281390000000002</v>
          </cell>
        </row>
        <row r="470">
          <cell r="A470" t="str">
            <v>B130</v>
          </cell>
          <cell r="H470">
            <v>47.111640000000001</v>
          </cell>
          <cell r="I470">
            <v>47.111640000000001</v>
          </cell>
        </row>
        <row r="471">
          <cell r="A471" t="str">
            <v>B132</v>
          </cell>
          <cell r="H471">
            <v>47.111640000000001</v>
          </cell>
          <cell r="I471">
            <v>47.111640000000001</v>
          </cell>
        </row>
        <row r="472">
          <cell r="A472" t="str">
            <v>B13201</v>
          </cell>
          <cell r="H472">
            <v>47.111640000000001</v>
          </cell>
          <cell r="I472">
            <v>47.111640000000001</v>
          </cell>
        </row>
        <row r="473">
          <cell r="A473" t="str">
            <v>B13202</v>
          </cell>
        </row>
        <row r="474">
          <cell r="A474" t="str">
            <v>B13204</v>
          </cell>
        </row>
        <row r="475">
          <cell r="A475" t="str">
            <v>B200</v>
          </cell>
          <cell r="B475">
            <v>70633.993719999999</v>
          </cell>
          <cell r="C475">
            <v>11175.10951</v>
          </cell>
          <cell r="D475">
            <v>-79611.954970000006</v>
          </cell>
          <cell r="E475">
            <v>2197.1482599999999</v>
          </cell>
          <cell r="F475">
            <v>10305.8508</v>
          </cell>
          <cell r="G475">
            <v>6107.4532399999998</v>
          </cell>
          <cell r="H475">
            <v>96793.709329999998</v>
          </cell>
          <cell r="I475">
            <v>113207.01337</v>
          </cell>
        </row>
        <row r="476">
          <cell r="A476" t="str">
            <v>B270</v>
          </cell>
          <cell r="B476">
            <v>70633.993719999999</v>
          </cell>
          <cell r="C476">
            <v>11175.10951</v>
          </cell>
          <cell r="D476">
            <v>-79611.954970000006</v>
          </cell>
          <cell r="E476">
            <v>2197.1482599999999</v>
          </cell>
          <cell r="F476">
            <v>10305.8508</v>
          </cell>
          <cell r="G476">
            <v>6107.4532399999998</v>
          </cell>
          <cell r="H476">
            <v>96793.709329999998</v>
          </cell>
          <cell r="I476">
            <v>113207.01337</v>
          </cell>
        </row>
        <row r="477">
          <cell r="A477" t="str">
            <v>B250</v>
          </cell>
          <cell r="B477">
            <v>-33466.32862</v>
          </cell>
          <cell r="D477">
            <v>10527.76247</v>
          </cell>
          <cell r="E477">
            <v>-22938.566149999999</v>
          </cell>
          <cell r="F477">
            <v>-67925.420620000004</v>
          </cell>
          <cell r="G477">
            <v>-22.75723</v>
          </cell>
          <cell r="H477">
            <v>528959.14349000005</v>
          </cell>
          <cell r="I477">
            <v>461010.96564000001</v>
          </cell>
        </row>
        <row r="478">
          <cell r="A478" t="str">
            <v>B300</v>
          </cell>
          <cell r="B478">
            <v>265050.16418999998</v>
          </cell>
          <cell r="C478">
            <v>-2262.8946299999998</v>
          </cell>
          <cell r="D478">
            <v>-224285.19747000001</v>
          </cell>
          <cell r="E478">
            <v>38502.072090000001</v>
          </cell>
          <cell r="F478">
            <v>-874738.07165000006</v>
          </cell>
          <cell r="G478">
            <v>-73658.910520000005</v>
          </cell>
          <cell r="H478">
            <v>1846855.4807800001</v>
          </cell>
          <cell r="I478">
            <v>898458.49861000001</v>
          </cell>
        </row>
        <row r="479">
          <cell r="A479" t="str">
            <v>B310</v>
          </cell>
          <cell r="B479">
            <v>14257.29091</v>
          </cell>
          <cell r="C479">
            <v>-0.18471000000000001</v>
          </cell>
          <cell r="D479">
            <v>2409.5347900000002</v>
          </cell>
          <cell r="E479">
            <v>16666.64099</v>
          </cell>
          <cell r="F479">
            <v>41766.957179999998</v>
          </cell>
          <cell r="G479">
            <v>0</v>
          </cell>
          <cell r="H479">
            <v>4780.8023300000004</v>
          </cell>
          <cell r="I479">
            <v>46547.759510000004</v>
          </cell>
        </row>
        <row r="480">
          <cell r="A480" t="str">
            <v>B320</v>
          </cell>
          <cell r="B480">
            <v>-47150.063320000001</v>
          </cell>
          <cell r="C480">
            <v>185.73411999999999</v>
          </cell>
          <cell r="D480">
            <v>-4630.0883199999998</v>
          </cell>
          <cell r="E480">
            <v>-51594.417520000003</v>
          </cell>
          <cell r="F480">
            <v>-1816373.1849700001</v>
          </cell>
          <cell r="G480">
            <v>-71394.073329999999</v>
          </cell>
          <cell r="H480">
            <v>2139092.9674200001</v>
          </cell>
          <cell r="I480">
            <v>251325.70912000001</v>
          </cell>
        </row>
        <row r="481">
          <cell r="A481" t="str">
            <v>B321</v>
          </cell>
          <cell r="F481">
            <v>10513.76899</v>
          </cell>
          <cell r="I481">
            <v>10513.76899</v>
          </cell>
        </row>
        <row r="482">
          <cell r="A482" t="str">
            <v>B322</v>
          </cell>
          <cell r="F482">
            <v>900.97568999999999</v>
          </cell>
          <cell r="G482">
            <v>209.54013</v>
          </cell>
          <cell r="I482">
            <v>1110.5158200000001</v>
          </cell>
        </row>
        <row r="483">
          <cell r="A483" t="str">
            <v>B330</v>
          </cell>
          <cell r="B483">
            <v>297942.93660000002</v>
          </cell>
          <cell r="C483">
            <v>-2448.4440399999999</v>
          </cell>
          <cell r="D483">
            <v>-222064.64394000001</v>
          </cell>
          <cell r="E483">
            <v>73429.848620000004</v>
          </cell>
          <cell r="F483">
            <v>888453.41145999997</v>
          </cell>
          <cell r="G483">
            <v>-2474.3773200000001</v>
          </cell>
          <cell r="H483">
            <v>-297018.28896999999</v>
          </cell>
          <cell r="I483">
            <v>588960.74517000001</v>
          </cell>
        </row>
        <row r="484">
          <cell r="A484" t="str">
            <v>B332</v>
          </cell>
          <cell r="B484">
            <v>297942.93660000002</v>
          </cell>
          <cell r="C484">
            <v>-2448.4440399999999</v>
          </cell>
          <cell r="D484">
            <v>-222064.64394000001</v>
          </cell>
          <cell r="E484">
            <v>73429.848620000004</v>
          </cell>
          <cell r="F484">
            <v>888453.41145999997</v>
          </cell>
          <cell r="G484">
            <v>-2474.3773200000001</v>
          </cell>
          <cell r="H484">
            <v>-297018.28896999999</v>
          </cell>
          <cell r="I484">
            <v>588960.74517000001</v>
          </cell>
        </row>
        <row r="485">
          <cell r="A485" t="str">
            <v>B400</v>
          </cell>
          <cell r="B485">
            <v>-37549.117050000001</v>
          </cell>
          <cell r="C485">
            <v>-2846.1471700000002</v>
          </cell>
          <cell r="D485">
            <v>-1075.47687</v>
          </cell>
          <cell r="E485">
            <v>-41470.741090000003</v>
          </cell>
          <cell r="F485">
            <v>-260795.60206999999</v>
          </cell>
          <cell r="G485">
            <v>-55957.687319999997</v>
          </cell>
          <cell r="H485">
            <v>-186203.50823000001</v>
          </cell>
          <cell r="I485">
            <v>-502956.79762000003</v>
          </cell>
        </row>
        <row r="486">
          <cell r="A486" t="str">
            <v>B410</v>
          </cell>
          <cell r="B486">
            <v>-83115.592749999996</v>
          </cell>
          <cell r="C486">
            <v>-3407.6480900000001</v>
          </cell>
          <cell r="D486">
            <v>-20048.791710000001</v>
          </cell>
          <cell r="E486">
            <v>-106572.03255</v>
          </cell>
          <cell r="F486">
            <v>55966.122770000002</v>
          </cell>
          <cell r="G486">
            <v>-72321.188970000003</v>
          </cell>
          <cell r="H486">
            <v>-458488.77769999998</v>
          </cell>
          <cell r="I486">
            <v>-474843.84389999998</v>
          </cell>
        </row>
        <row r="487">
          <cell r="A487" t="str">
            <v>B411</v>
          </cell>
          <cell r="B487">
            <v>-83409.789539999998</v>
          </cell>
          <cell r="C487">
            <v>-3407.6480900000001</v>
          </cell>
          <cell r="D487">
            <v>-20048.791710000001</v>
          </cell>
          <cell r="E487">
            <v>-106866.22934000001</v>
          </cell>
          <cell r="F487">
            <v>59561.71787</v>
          </cell>
          <cell r="G487">
            <v>-72321.188970000003</v>
          </cell>
          <cell r="H487">
            <v>-458488.77769999998</v>
          </cell>
          <cell r="I487">
            <v>-471248.2488</v>
          </cell>
        </row>
        <row r="488">
          <cell r="A488" t="str">
            <v>B413</v>
          </cell>
          <cell r="B488">
            <v>294.19679000000002</v>
          </cell>
          <cell r="E488">
            <v>294.19679000000002</v>
          </cell>
          <cell r="F488">
            <v>-3595.5951</v>
          </cell>
          <cell r="I488">
            <v>-3595.5951</v>
          </cell>
        </row>
        <row r="489">
          <cell r="A489" t="str">
            <v>B420</v>
          </cell>
          <cell r="B489">
            <v>45566.475700000003</v>
          </cell>
          <cell r="C489">
            <v>561.50091999999995</v>
          </cell>
          <cell r="D489">
            <v>18973.314839999999</v>
          </cell>
          <cell r="E489">
            <v>65101.29146</v>
          </cell>
          <cell r="F489">
            <v>-316761.72483999998</v>
          </cell>
          <cell r="G489">
            <v>16363.50165</v>
          </cell>
          <cell r="H489">
            <v>272285.26947</v>
          </cell>
          <cell r="I489">
            <v>-28112.953720000001</v>
          </cell>
        </row>
        <row r="490">
          <cell r="A490" t="str">
            <v>B421</v>
          </cell>
          <cell r="B490">
            <v>40740.783620000002</v>
          </cell>
          <cell r="D490">
            <v>21908.139889999999</v>
          </cell>
          <cell r="E490">
            <v>62648.923510000001</v>
          </cell>
          <cell r="F490">
            <v>-239098.77945</v>
          </cell>
          <cell r="G490">
            <v>-989.44628999999998</v>
          </cell>
          <cell r="H490">
            <v>201309.88488</v>
          </cell>
          <cell r="I490">
            <v>-38778.340859999997</v>
          </cell>
        </row>
        <row r="491">
          <cell r="A491" t="str">
            <v>B42101</v>
          </cell>
          <cell r="D491">
            <v>21889.971010000001</v>
          </cell>
          <cell r="E491">
            <v>21889.971010000001</v>
          </cell>
          <cell r="H491">
            <v>35809.030590000002</v>
          </cell>
          <cell r="I491">
            <v>35809.030590000002</v>
          </cell>
        </row>
        <row r="492">
          <cell r="A492" t="str">
            <v>B42102</v>
          </cell>
          <cell r="B492">
            <v>40740.783620000002</v>
          </cell>
          <cell r="D492">
            <v>18.168880000000001</v>
          </cell>
          <cell r="E492">
            <v>40758.952499999999</v>
          </cell>
          <cell r="F492">
            <v>-40127.021589999997</v>
          </cell>
          <cell r="H492">
            <v>48.373010000000001</v>
          </cell>
          <cell r="I492">
            <v>-40078.648580000001</v>
          </cell>
        </row>
        <row r="493">
          <cell r="A493" t="str">
            <v>B42103</v>
          </cell>
          <cell r="F493">
            <v>-198971.75786000001</v>
          </cell>
          <cell r="G493">
            <v>-989.44628999999998</v>
          </cell>
          <cell r="H493">
            <v>165452.48128000001</v>
          </cell>
          <cell r="I493">
            <v>-34508.722869999998</v>
          </cell>
        </row>
        <row r="494">
          <cell r="A494" t="str">
            <v>B42104</v>
          </cell>
        </row>
        <row r="495">
          <cell r="A495" t="str">
            <v>B422</v>
          </cell>
          <cell r="B495">
            <v>4825.6920799999998</v>
          </cell>
          <cell r="C495">
            <v>561.50091999999995</v>
          </cell>
          <cell r="D495">
            <v>-2934.8250499999999</v>
          </cell>
          <cell r="E495">
            <v>2452.3679499999998</v>
          </cell>
          <cell r="F495">
            <v>-77662.945389999993</v>
          </cell>
          <cell r="G495">
            <v>17352.947939999998</v>
          </cell>
          <cell r="H495">
            <v>70975.384590000001</v>
          </cell>
          <cell r="I495">
            <v>10665.387140000001</v>
          </cell>
        </row>
        <row r="496">
          <cell r="A496" t="str">
            <v>B500</v>
          </cell>
          <cell r="D496">
            <v>-353.47890000000001</v>
          </cell>
          <cell r="E496">
            <v>-353.47890000000001</v>
          </cell>
          <cell r="H496">
            <v>-20556.157579999999</v>
          </cell>
          <cell r="I496">
            <v>-20556.157579999999</v>
          </cell>
        </row>
        <row r="497">
          <cell r="A497" t="str">
            <v>B600</v>
          </cell>
          <cell r="B497">
            <v>-2390.1398399999998</v>
          </cell>
          <cell r="D497">
            <v>338.68869999999998</v>
          </cell>
          <cell r="E497">
            <v>-2051.4511400000001</v>
          </cell>
          <cell r="F497">
            <v>-394948.95461999997</v>
          </cell>
          <cell r="H497">
            <v>19013.905760000001</v>
          </cell>
          <cell r="I497">
            <v>-375935.04885999998</v>
          </cell>
        </row>
        <row r="498">
          <cell r="A498" t="str">
            <v>B630</v>
          </cell>
        </row>
        <row r="499">
          <cell r="A499" t="str">
            <v>B640</v>
          </cell>
          <cell r="B499">
            <v>-1743.0019400000001</v>
          </cell>
          <cell r="E499">
            <v>-1743.0019400000001</v>
          </cell>
          <cell r="F499">
            <v>-357315.39659999998</v>
          </cell>
          <cell r="I499">
            <v>-357315.39659999998</v>
          </cell>
        </row>
        <row r="500">
          <cell r="A500" t="str">
            <v>B64001</v>
          </cell>
          <cell r="F500">
            <v>-353829.39272</v>
          </cell>
          <cell r="I500">
            <v>-353829.39272</v>
          </cell>
        </row>
        <row r="501">
          <cell r="A501" t="str">
            <v>B64003</v>
          </cell>
          <cell r="B501">
            <v>-1743.0019400000001</v>
          </cell>
          <cell r="E501">
            <v>-1743.0019400000001</v>
          </cell>
          <cell r="F501">
            <v>-3486.0038800000002</v>
          </cell>
          <cell r="I501">
            <v>-3486.0038800000002</v>
          </cell>
        </row>
        <row r="502">
          <cell r="A502" t="str">
            <v>B64007</v>
          </cell>
        </row>
        <row r="503">
          <cell r="A503" t="str">
            <v>B650</v>
          </cell>
          <cell r="B503">
            <v>-647.13789999999995</v>
          </cell>
          <cell r="D503">
            <v>338.68869999999998</v>
          </cell>
          <cell r="E503">
            <v>-308.44920000000002</v>
          </cell>
          <cell r="F503">
            <v>-37633.558019999997</v>
          </cell>
          <cell r="H503">
            <v>19013.905760000001</v>
          </cell>
          <cell r="I503">
            <v>-18619.652259999999</v>
          </cell>
        </row>
        <row r="504">
          <cell r="A504" t="str">
            <v>B65001</v>
          </cell>
          <cell r="B504">
            <v>-315.47719000000001</v>
          </cell>
          <cell r="E504">
            <v>-315.47719000000001</v>
          </cell>
          <cell r="F504">
            <v>-18346.212179999999</v>
          </cell>
          <cell r="I504">
            <v>-18346.212179999999</v>
          </cell>
        </row>
        <row r="505">
          <cell r="A505" t="str">
            <v>B65002</v>
          </cell>
          <cell r="F505">
            <v>-16716.97033</v>
          </cell>
          <cell r="I505">
            <v>-16716.97033</v>
          </cell>
        </row>
        <row r="506">
          <cell r="A506" t="str">
            <v>B65004</v>
          </cell>
          <cell r="B506">
            <v>-176.19130000000001</v>
          </cell>
          <cell r="E506">
            <v>-176.19130000000001</v>
          </cell>
          <cell r="F506">
            <v>-909.91755999999998</v>
          </cell>
          <cell r="I506">
            <v>-909.91755999999998</v>
          </cell>
        </row>
        <row r="507">
          <cell r="A507" t="str">
            <v>B65007</v>
          </cell>
          <cell r="B507">
            <v>-139.28588999999999</v>
          </cell>
          <cell r="E507">
            <v>-139.28588999999999</v>
          </cell>
          <cell r="F507">
            <v>-719.32429000000002</v>
          </cell>
          <cell r="I507">
            <v>-719.32429000000002</v>
          </cell>
        </row>
        <row r="508">
          <cell r="A508" t="str">
            <v>B65031P</v>
          </cell>
          <cell r="B508">
            <v>-331.66070999999999</v>
          </cell>
          <cell r="D508">
            <v>338.68869999999998</v>
          </cell>
          <cell r="E508">
            <v>7.02799</v>
          </cell>
          <cell r="F508">
            <v>-19287.345840000002</v>
          </cell>
          <cell r="H508">
            <v>19013.905760000001</v>
          </cell>
          <cell r="I508">
            <v>-273.44008000000002</v>
          </cell>
        </row>
        <row r="509">
          <cell r="A509" t="str">
            <v>B65035</v>
          </cell>
          <cell r="F509">
            <v>27416.678879999999</v>
          </cell>
          <cell r="H509">
            <v>17316.062480000001</v>
          </cell>
          <cell r="I509">
            <v>44732.74136</v>
          </cell>
        </row>
        <row r="510">
          <cell r="A510" t="str">
            <v>B65034</v>
          </cell>
          <cell r="B510">
            <v>-331.66070999999999</v>
          </cell>
          <cell r="D510">
            <v>338.68869999999998</v>
          </cell>
          <cell r="E510">
            <v>7.02799</v>
          </cell>
          <cell r="F510">
            <v>-1712.8195700000001</v>
          </cell>
          <cell r="H510">
            <v>1697.84328</v>
          </cell>
          <cell r="I510">
            <v>-14.976290000000001</v>
          </cell>
        </row>
        <row r="511">
          <cell r="A511" t="str">
            <v>B65031</v>
          </cell>
          <cell r="F511">
            <v>-44991.205150000002</v>
          </cell>
          <cell r="I511">
            <v>-44991.205150000002</v>
          </cell>
        </row>
        <row r="512">
          <cell r="A512" t="str">
            <v>B800</v>
          </cell>
          <cell r="B512">
            <v>-69913.660040000002</v>
          </cell>
          <cell r="C512">
            <v>-1658.02763</v>
          </cell>
          <cell r="D512">
            <v>79389.141560000004</v>
          </cell>
          <cell r="E512">
            <v>7817.4538899999998</v>
          </cell>
          <cell r="F512">
            <v>3149066.8708000001</v>
          </cell>
          <cell r="G512">
            <v>-689326.18247999996</v>
          </cell>
          <cell r="H512">
            <v>-3228191.75373</v>
          </cell>
          <cell r="I512">
            <v>-768451.06541000004</v>
          </cell>
        </row>
        <row r="513">
          <cell r="A513" t="str">
            <v>B810</v>
          </cell>
          <cell r="F513">
            <v>-756.90105000000005</v>
          </cell>
          <cell r="G513">
            <v>95000</v>
          </cell>
          <cell r="H513">
            <v>-1475695.7324000001</v>
          </cell>
          <cell r="I513">
            <v>-1381452.6334500001</v>
          </cell>
        </row>
        <row r="514">
          <cell r="A514" t="str">
            <v>B81001</v>
          </cell>
          <cell r="F514">
            <v>-756.90105000000005</v>
          </cell>
          <cell r="G514">
            <v>95000</v>
          </cell>
          <cell r="H514">
            <v>-1475695.7324000001</v>
          </cell>
          <cell r="I514">
            <v>-1381452.6334500001</v>
          </cell>
        </row>
        <row r="515">
          <cell r="A515" t="str">
            <v>B81004</v>
          </cell>
          <cell r="F515">
            <v>-756.90105000000005</v>
          </cell>
          <cell r="G515">
            <v>95000</v>
          </cell>
          <cell r="H515">
            <v>-1475695.7324000001</v>
          </cell>
          <cell r="I515">
            <v>-1381452.6334500001</v>
          </cell>
        </row>
        <row r="516">
          <cell r="A516" t="str">
            <v>B81009</v>
          </cell>
        </row>
        <row r="517">
          <cell r="A517" t="str">
            <v>B81025</v>
          </cell>
        </row>
        <row r="518">
          <cell r="A518" t="str">
            <v>B81026</v>
          </cell>
        </row>
        <row r="519">
          <cell r="A519" t="str">
            <v>B81010</v>
          </cell>
          <cell r="F519">
            <v>-756.90105000000005</v>
          </cell>
          <cell r="G519">
            <v>95000</v>
          </cell>
          <cell r="H519">
            <v>-1475695.7324000001</v>
          </cell>
          <cell r="I519">
            <v>-1381452.6334500001</v>
          </cell>
        </row>
        <row r="520">
          <cell r="A520" t="str">
            <v>B81027</v>
          </cell>
          <cell r="F520">
            <v>-756.90105000000005</v>
          </cell>
          <cell r="G520">
            <v>95000</v>
          </cell>
          <cell r="H520">
            <v>-1475695.7324000001</v>
          </cell>
          <cell r="I520">
            <v>-1381452.6334500001</v>
          </cell>
        </row>
        <row r="521">
          <cell r="A521" t="str">
            <v>B81028</v>
          </cell>
        </row>
        <row r="522">
          <cell r="A522" t="str">
            <v>B81029</v>
          </cell>
        </row>
        <row r="523">
          <cell r="A523" t="str">
            <v>B820</v>
          </cell>
          <cell r="B523">
            <v>-69913.660040000002</v>
          </cell>
          <cell r="C523">
            <v>-1658.02763</v>
          </cell>
          <cell r="D523">
            <v>79389.141560000004</v>
          </cell>
          <cell r="E523">
            <v>7817.4538899999998</v>
          </cell>
          <cell r="F523">
            <v>3149823.7718500001</v>
          </cell>
          <cell r="G523">
            <v>-784326.18247999996</v>
          </cell>
          <cell r="H523">
            <v>-1752496.0213299999</v>
          </cell>
          <cell r="I523">
            <v>613001.56804000004</v>
          </cell>
        </row>
        <row r="524">
          <cell r="A524" t="str">
            <v>B821</v>
          </cell>
          <cell r="B524">
            <v>-69913.660040000002</v>
          </cell>
          <cell r="C524">
            <v>-1658.02763</v>
          </cell>
          <cell r="D524">
            <v>79389.141560000004</v>
          </cell>
          <cell r="E524">
            <v>7817.4538899999998</v>
          </cell>
          <cell r="F524">
            <v>3149823.7718500001</v>
          </cell>
          <cell r="G524">
            <v>-784326.18247999996</v>
          </cell>
          <cell r="H524">
            <v>-1752496.0213299999</v>
          </cell>
          <cell r="I524">
            <v>613001.56804000004</v>
          </cell>
        </row>
        <row r="525">
          <cell r="A525" t="str">
            <v>B82101</v>
          </cell>
          <cell r="F525">
            <v>3287832.5976499999</v>
          </cell>
          <cell r="G525">
            <v>-770796.81995999999</v>
          </cell>
          <cell r="H525">
            <v>-1786059.22753</v>
          </cell>
          <cell r="I525">
            <v>730976.55015999998</v>
          </cell>
        </row>
        <row r="526">
          <cell r="A526" t="str">
            <v>B82102</v>
          </cell>
          <cell r="B526">
            <v>-69913.660040000002</v>
          </cell>
          <cell r="C526">
            <v>-1942.3771300000001</v>
          </cell>
          <cell r="D526">
            <v>79673.49106</v>
          </cell>
          <cell r="E526">
            <v>7817.4538899999998</v>
          </cell>
          <cell r="F526">
            <v>-138008.82579999999</v>
          </cell>
          <cell r="G526">
            <v>-2594.8822399999999</v>
          </cell>
          <cell r="H526">
            <v>22628.725920000001</v>
          </cell>
          <cell r="I526">
            <v>-117974.98212</v>
          </cell>
        </row>
        <row r="527">
          <cell r="A527" t="str">
            <v>B82115</v>
          </cell>
          <cell r="C527">
            <v>284.34949999999998</v>
          </cell>
          <cell r="D527">
            <v>-284.34949999999998</v>
          </cell>
          <cell r="E527">
            <v>0</v>
          </cell>
          <cell r="G527">
            <v>-10934.48028</v>
          </cell>
          <cell r="H527">
            <v>10934.48028</v>
          </cell>
          <cell r="I527">
            <v>0</v>
          </cell>
        </row>
        <row r="528">
          <cell r="A528" t="str">
            <v>B900</v>
          </cell>
          <cell r="B528">
            <v>-167697.97940000001</v>
          </cell>
          <cell r="C528">
            <v>-4361.37327</v>
          </cell>
          <cell r="D528">
            <v>214845.73224000001</v>
          </cell>
          <cell r="E528">
            <v>42786.379569999997</v>
          </cell>
          <cell r="F528">
            <v>-3274898.03235</v>
          </cell>
          <cell r="G528">
            <v>808710.05530999997</v>
          </cell>
          <cell r="H528">
            <v>931332.36666000006</v>
          </cell>
          <cell r="I528">
            <v>-1534855.61038</v>
          </cell>
        </row>
        <row r="529">
          <cell r="A529" t="str">
            <v>B910</v>
          </cell>
          <cell r="B529">
            <v>-173935.07535999999</v>
          </cell>
          <cell r="C529">
            <v>-4361.37327</v>
          </cell>
          <cell r="D529">
            <v>214845.73224000001</v>
          </cell>
          <cell r="E529">
            <v>36549.283609999999</v>
          </cell>
          <cell r="F529">
            <v>-3490661.23153</v>
          </cell>
          <cell r="G529">
            <v>808629.90413000004</v>
          </cell>
          <cell r="H529">
            <v>1225789.4879999999</v>
          </cell>
          <cell r="I529">
            <v>-1456241.8393999999</v>
          </cell>
        </row>
        <row r="530">
          <cell r="A530" t="str">
            <v>B912</v>
          </cell>
          <cell r="B530">
            <v>-173935.07535999999</v>
          </cell>
          <cell r="C530">
            <v>-4361.37327</v>
          </cell>
          <cell r="D530">
            <v>214845.73224000001</v>
          </cell>
          <cell r="E530">
            <v>36549.283609999999</v>
          </cell>
          <cell r="F530">
            <v>-3120297.4991000001</v>
          </cell>
          <cell r="G530">
            <v>808629.90413000004</v>
          </cell>
          <cell r="H530">
            <v>1330689.1888600001</v>
          </cell>
          <cell r="I530">
            <v>-980978.40610999998</v>
          </cell>
        </row>
        <row r="531">
          <cell r="A531" t="str">
            <v>B91201</v>
          </cell>
          <cell r="B531">
            <v>-184192.14795000001</v>
          </cell>
          <cell r="C531">
            <v>-5183.4927799999996</v>
          </cell>
          <cell r="D531">
            <v>221431.29024999999</v>
          </cell>
          <cell r="E531">
            <v>32055.649519999999</v>
          </cell>
          <cell r="F531">
            <v>-4859883.9241300002</v>
          </cell>
          <cell r="G531">
            <v>692002.69773000001</v>
          </cell>
          <cell r="H531">
            <v>3204709.3223600001</v>
          </cell>
          <cell r="I531">
            <v>-963171.90404000005</v>
          </cell>
        </row>
        <row r="532">
          <cell r="A532" t="str">
            <v>B91202</v>
          </cell>
          <cell r="B532">
            <v>10257.07259</v>
          </cell>
          <cell r="C532">
            <v>822.11950999999999</v>
          </cell>
          <cell r="D532">
            <v>-6585.5580099999997</v>
          </cell>
          <cell r="E532">
            <v>4493.6340899999996</v>
          </cell>
          <cell r="F532">
            <v>1739586.42503</v>
          </cell>
          <cell r="G532">
            <v>116627.2064</v>
          </cell>
          <cell r="H532">
            <v>-1874020.1335</v>
          </cell>
          <cell r="I532">
            <v>-17806.502069999999</v>
          </cell>
        </row>
        <row r="533">
          <cell r="A533" t="str">
            <v>B913P</v>
          </cell>
          <cell r="F533">
            <v>-370363.73242999997</v>
          </cell>
          <cell r="H533">
            <v>-104899.70086</v>
          </cell>
          <cell r="I533">
            <v>-475263.43329000002</v>
          </cell>
        </row>
        <row r="534">
          <cell r="A534" t="str">
            <v>B91301</v>
          </cell>
          <cell r="F534">
            <v>-370363.73242999997</v>
          </cell>
          <cell r="H534">
            <v>-104899.70086</v>
          </cell>
          <cell r="I534">
            <v>-475263.43329000002</v>
          </cell>
        </row>
        <row r="535">
          <cell r="A535" t="str">
            <v>B91302</v>
          </cell>
        </row>
        <row r="536">
          <cell r="A536" t="str">
            <v>B91305</v>
          </cell>
        </row>
        <row r="537">
          <cell r="A537" t="str">
            <v>B920</v>
          </cell>
          <cell r="B537">
            <v>6237.0959599999996</v>
          </cell>
          <cell r="E537">
            <v>6237.0959599999996</v>
          </cell>
          <cell r="F537">
            <v>215763.19918</v>
          </cell>
          <cell r="G537">
            <v>80.151179999999997</v>
          </cell>
          <cell r="H537">
            <v>-294457.12134000001</v>
          </cell>
          <cell r="I537">
            <v>-78613.770980000001</v>
          </cell>
        </row>
        <row r="538">
          <cell r="A538" t="str">
            <v>B92001</v>
          </cell>
          <cell r="F538">
            <v>0.27742</v>
          </cell>
          <cell r="G538">
            <v>1.7780000000000001E-2</v>
          </cell>
          <cell r="H538">
            <v>-0.29520000000000002</v>
          </cell>
          <cell r="I538">
            <v>0</v>
          </cell>
        </row>
        <row r="539">
          <cell r="A539" t="str">
            <v>B92013P</v>
          </cell>
          <cell r="F539">
            <v>0.27742</v>
          </cell>
          <cell r="G539">
            <v>1.7780000000000001E-2</v>
          </cell>
          <cell r="H539">
            <v>-0.29520000000000002</v>
          </cell>
          <cell r="I539">
            <v>0</v>
          </cell>
        </row>
        <row r="540">
          <cell r="A540" t="str">
            <v>B92015</v>
          </cell>
          <cell r="F540">
            <v>0.27742</v>
          </cell>
          <cell r="G540">
            <v>1.7780000000000001E-2</v>
          </cell>
          <cell r="H540">
            <v>-0.29520000000000002</v>
          </cell>
          <cell r="I540">
            <v>0</v>
          </cell>
        </row>
        <row r="541">
          <cell r="A541" t="str">
            <v>B92016</v>
          </cell>
        </row>
        <row r="542">
          <cell r="A542" t="str">
            <v>B92002</v>
          </cell>
          <cell r="B542">
            <v>6237.0959599999996</v>
          </cell>
          <cell r="E542">
            <v>6237.0959599999996</v>
          </cell>
          <cell r="F542">
            <v>215762.92176</v>
          </cell>
          <cell r="G542">
            <v>80.133399999999995</v>
          </cell>
          <cell r="H542">
            <v>-294456.82614000002</v>
          </cell>
          <cell r="I542">
            <v>-78613.770980000001</v>
          </cell>
        </row>
        <row r="543">
          <cell r="A543" t="str">
            <v>B92004</v>
          </cell>
          <cell r="B543">
            <v>6237.0959599999996</v>
          </cell>
          <cell r="E543">
            <v>6237.0959599999996</v>
          </cell>
          <cell r="F543">
            <v>9304.9497900000006</v>
          </cell>
          <cell r="H543">
            <v>3500</v>
          </cell>
          <cell r="I543">
            <v>12804.949790000001</v>
          </cell>
        </row>
        <row r="544">
          <cell r="A544" t="str">
            <v>B92005</v>
          </cell>
        </row>
        <row r="545">
          <cell r="A545" t="str">
            <v>B92009</v>
          </cell>
          <cell r="F545">
            <v>206457.97197000001</v>
          </cell>
          <cell r="G545">
            <v>80.133399999999995</v>
          </cell>
          <cell r="H545">
            <v>-298189.41029999999</v>
          </cell>
          <cell r="I545">
            <v>-91651.304929999998</v>
          </cell>
        </row>
        <row r="546">
          <cell r="A546" t="str">
            <v>B92020</v>
          </cell>
          <cell r="H546">
            <v>232.58416</v>
          </cell>
          <cell r="I546">
            <v>232.58416</v>
          </cell>
        </row>
        <row r="547">
          <cell r="A547" t="str">
            <v>PL</v>
          </cell>
          <cell r="B547">
            <v>-69913.660040000002</v>
          </cell>
          <cell r="C547">
            <v>-1942.3771300000001</v>
          </cell>
          <cell r="D547">
            <v>79673.49106</v>
          </cell>
          <cell r="E547">
            <v>7817.4538899999998</v>
          </cell>
          <cell r="F547">
            <v>-138008.82579999999</v>
          </cell>
          <cell r="G547">
            <v>-2594.8822399999999</v>
          </cell>
          <cell r="H547">
            <v>22628.725920000001</v>
          </cell>
          <cell r="I547">
            <v>-117974.98212</v>
          </cell>
        </row>
        <row r="548">
          <cell r="A548" t="str">
            <v>P7</v>
          </cell>
          <cell r="B548">
            <v>-69913.660040000002</v>
          </cell>
          <cell r="C548">
            <v>-1942.3771300000001</v>
          </cell>
          <cell r="D548">
            <v>79673.49106</v>
          </cell>
          <cell r="E548">
            <v>7817.4538899999998</v>
          </cell>
          <cell r="F548">
            <v>-138008.82579999999</v>
          </cell>
          <cell r="G548">
            <v>-2594.8822399999999</v>
          </cell>
          <cell r="H548">
            <v>22628.725920000001</v>
          </cell>
          <cell r="I548">
            <v>-117974.98212</v>
          </cell>
        </row>
        <row r="549">
          <cell r="A549" t="str">
            <v>P5</v>
          </cell>
          <cell r="B549">
            <v>-69913.660040000002</v>
          </cell>
          <cell r="C549">
            <v>-1942.3771300000001</v>
          </cell>
          <cell r="D549">
            <v>79673.49106</v>
          </cell>
          <cell r="E549">
            <v>7817.4538899999998</v>
          </cell>
          <cell r="F549">
            <v>-138008.82579999999</v>
          </cell>
          <cell r="G549">
            <v>-2594.8822399999999</v>
          </cell>
          <cell r="H549">
            <v>22628.725920000001</v>
          </cell>
          <cell r="I549">
            <v>-117974.98212</v>
          </cell>
        </row>
        <row r="550">
          <cell r="A550" t="str">
            <v>P3</v>
          </cell>
          <cell r="B550">
            <v>-63776.712789999998</v>
          </cell>
          <cell r="C550">
            <v>-1942.3771300000001</v>
          </cell>
          <cell r="D550">
            <v>90219.422409999999</v>
          </cell>
          <cell r="E550">
            <v>24500.332490000001</v>
          </cell>
          <cell r="F550">
            <v>-180792.20056</v>
          </cell>
          <cell r="G550">
            <v>-2594.8822399999999</v>
          </cell>
          <cell r="H550">
            <v>72847.182509999999</v>
          </cell>
          <cell r="I550">
            <v>-110539.90029000001</v>
          </cell>
        </row>
        <row r="551">
          <cell r="A551" t="str">
            <v>P2</v>
          </cell>
          <cell r="B551">
            <v>-73912.167079999999</v>
          </cell>
          <cell r="C551">
            <v>-1942.8266799999999</v>
          </cell>
          <cell r="D551">
            <v>50808.856480000002</v>
          </cell>
          <cell r="E551">
            <v>-25046.137279999999</v>
          </cell>
          <cell r="F551">
            <v>-201520.81787999999</v>
          </cell>
          <cell r="G551">
            <v>-2597.78006</v>
          </cell>
          <cell r="H551">
            <v>58687.180719999997</v>
          </cell>
          <cell r="I551">
            <v>-145431.41722</v>
          </cell>
        </row>
        <row r="552">
          <cell r="A552" t="str">
            <v>P100</v>
          </cell>
          <cell r="B552">
            <v>-95922.223079999996</v>
          </cell>
          <cell r="E552">
            <v>-95922.223079999996</v>
          </cell>
          <cell r="F552">
            <v>-279334.60298000003</v>
          </cell>
          <cell r="I552">
            <v>-279334.60298000003</v>
          </cell>
        </row>
        <row r="553">
          <cell r="A553" t="str">
            <v>P110</v>
          </cell>
          <cell r="B553">
            <v>-95922.223079999996</v>
          </cell>
          <cell r="E553">
            <v>-95922.223079999996</v>
          </cell>
          <cell r="F553">
            <v>-279334.60298000003</v>
          </cell>
          <cell r="I553">
            <v>-279334.60298000003</v>
          </cell>
        </row>
        <row r="554">
          <cell r="A554" t="str">
            <v>P111</v>
          </cell>
          <cell r="B554">
            <v>-468.26132999999999</v>
          </cell>
          <cell r="E554">
            <v>-468.26132999999999</v>
          </cell>
          <cell r="F554">
            <v>-988.75130000000001</v>
          </cell>
          <cell r="I554">
            <v>-988.75130000000001</v>
          </cell>
        </row>
        <row r="555">
          <cell r="A555" t="str">
            <v>P11101</v>
          </cell>
        </row>
        <row r="556">
          <cell r="A556" t="str">
            <v>P11102</v>
          </cell>
          <cell r="B556">
            <v>-468.26132999999999</v>
          </cell>
          <cell r="E556">
            <v>-468.26132999999999</v>
          </cell>
          <cell r="F556">
            <v>-988.75130000000001</v>
          </cell>
          <cell r="I556">
            <v>-988.75130000000001</v>
          </cell>
        </row>
        <row r="557">
          <cell r="A557" t="str">
            <v>P112</v>
          </cell>
          <cell r="B557">
            <v>-103220.87149999999</v>
          </cell>
          <cell r="E557">
            <v>-103220.87149999999</v>
          </cell>
          <cell r="F557">
            <v>-304697.62072000001</v>
          </cell>
          <cell r="I557">
            <v>-304697.62072000001</v>
          </cell>
        </row>
        <row r="558">
          <cell r="A558" t="str">
            <v>P11201</v>
          </cell>
          <cell r="B558">
            <v>-103220.87149999999</v>
          </cell>
          <cell r="E558">
            <v>-103220.87149999999</v>
          </cell>
          <cell r="F558">
            <v>-304697.62072000001</v>
          </cell>
          <cell r="I558">
            <v>-304697.62072000001</v>
          </cell>
        </row>
        <row r="559">
          <cell r="A559" t="str">
            <v>P113</v>
          </cell>
          <cell r="B559">
            <v>-15756.863939999999</v>
          </cell>
          <cell r="E559">
            <v>-15756.863939999999</v>
          </cell>
          <cell r="F559">
            <v>-2310.2641800000001</v>
          </cell>
          <cell r="I559">
            <v>-2310.2641800000001</v>
          </cell>
        </row>
        <row r="560">
          <cell r="A560" t="str">
            <v>P115</v>
          </cell>
          <cell r="B560">
            <v>23523.773690000002</v>
          </cell>
          <cell r="E560">
            <v>23523.773690000002</v>
          </cell>
          <cell r="F560">
            <v>28662.033220000001</v>
          </cell>
          <cell r="I560">
            <v>28662.033220000001</v>
          </cell>
        </row>
        <row r="561">
          <cell r="A561" t="str">
            <v>P200</v>
          </cell>
          <cell r="B561">
            <v>22010.056</v>
          </cell>
          <cell r="C561">
            <v>-1942.8266799999999</v>
          </cell>
          <cell r="D561">
            <v>50808.856480000002</v>
          </cell>
          <cell r="E561">
            <v>70876.085800000001</v>
          </cell>
          <cell r="F561">
            <v>77813.785099999994</v>
          </cell>
          <cell r="G561">
            <v>-2597.78006</v>
          </cell>
          <cell r="H561">
            <v>58687.180719999997</v>
          </cell>
          <cell r="I561">
            <v>133903.18575999999</v>
          </cell>
        </row>
        <row r="562">
          <cell r="A562" t="str">
            <v>P220</v>
          </cell>
          <cell r="B562">
            <v>14683.8158</v>
          </cell>
          <cell r="E562">
            <v>14683.8158</v>
          </cell>
          <cell r="F562">
            <v>31725.680540000001</v>
          </cell>
          <cell r="I562">
            <v>31725.680540000001</v>
          </cell>
        </row>
        <row r="563">
          <cell r="A563" t="str">
            <v>P220</v>
          </cell>
        </row>
        <row r="564">
          <cell r="A564" t="str">
            <v>P22001</v>
          </cell>
          <cell r="B564">
            <v>14626.85197</v>
          </cell>
          <cell r="E564">
            <v>14626.85197</v>
          </cell>
          <cell r="F564">
            <v>31548.134160000001</v>
          </cell>
          <cell r="I564">
            <v>31548.134160000001</v>
          </cell>
        </row>
        <row r="565">
          <cell r="A565" t="str">
            <v>P22002</v>
          </cell>
          <cell r="B565">
            <v>56.963830000000002</v>
          </cell>
          <cell r="E565">
            <v>56.963830000000002</v>
          </cell>
          <cell r="F565">
            <v>177.54638</v>
          </cell>
          <cell r="I565">
            <v>177.54638</v>
          </cell>
        </row>
        <row r="566">
          <cell r="A566" t="str">
            <v>P230</v>
          </cell>
          <cell r="B566">
            <v>16220.058650000001</v>
          </cell>
          <cell r="C566">
            <v>23.085039999999999</v>
          </cell>
          <cell r="D566">
            <v>3840.55899</v>
          </cell>
          <cell r="E566">
            <v>20083.702679999999</v>
          </cell>
          <cell r="F566">
            <v>25285.82401</v>
          </cell>
          <cell r="G566">
            <v>445.84249</v>
          </cell>
          <cell r="H566">
            <v>3115.0450099999998</v>
          </cell>
          <cell r="I566">
            <v>28846.711510000001</v>
          </cell>
        </row>
        <row r="567">
          <cell r="A567" t="str">
            <v>P231</v>
          </cell>
          <cell r="B567">
            <v>3762.8414899999998</v>
          </cell>
          <cell r="E567">
            <v>3762.8414899999998</v>
          </cell>
          <cell r="F567">
            <v>7967.5952100000004</v>
          </cell>
          <cell r="I567">
            <v>7967.5952100000004</v>
          </cell>
        </row>
        <row r="568">
          <cell r="A568" t="str">
            <v>P232</v>
          </cell>
          <cell r="B568">
            <v>-176.67491999999999</v>
          </cell>
          <cell r="E568">
            <v>-176.67491999999999</v>
          </cell>
          <cell r="F568">
            <v>-124.92339</v>
          </cell>
          <cell r="I568">
            <v>-124.92339</v>
          </cell>
        </row>
        <row r="569">
          <cell r="A569" t="str">
            <v>P233</v>
          </cell>
          <cell r="B569">
            <v>8100.3255099999997</v>
          </cell>
          <cell r="E569">
            <v>8100.3255099999997</v>
          </cell>
          <cell r="F569">
            <v>13389.8884</v>
          </cell>
          <cell r="I569">
            <v>13389.8884</v>
          </cell>
        </row>
        <row r="570">
          <cell r="A570" t="str">
            <v>P235</v>
          </cell>
          <cell r="B570">
            <v>1285.9059400000001</v>
          </cell>
          <cell r="C570">
            <v>20.958410000000001</v>
          </cell>
          <cell r="D570">
            <v>44.759700000000002</v>
          </cell>
          <cell r="E570">
            <v>1351.6240499999999</v>
          </cell>
          <cell r="F570">
            <v>3418.2121400000001</v>
          </cell>
          <cell r="G570">
            <v>441.34163999999998</v>
          </cell>
          <cell r="H570">
            <v>234.26886999999999</v>
          </cell>
          <cell r="I570">
            <v>4093.8226500000001</v>
          </cell>
        </row>
        <row r="571">
          <cell r="A571" t="str">
            <v>P236</v>
          </cell>
          <cell r="B571">
            <v>3247.6606299999999</v>
          </cell>
          <cell r="C571">
            <v>2.12663</v>
          </cell>
          <cell r="D571">
            <v>3222.77009</v>
          </cell>
          <cell r="E571">
            <v>6472.55735</v>
          </cell>
          <cell r="F571">
            <v>640.90098999999998</v>
          </cell>
          <cell r="G571">
            <v>3.0597500000000002</v>
          </cell>
          <cell r="H571">
            <v>3356.2002699999998</v>
          </cell>
          <cell r="I571">
            <v>4000.1610099999998</v>
          </cell>
        </row>
        <row r="572">
          <cell r="A572" t="str">
            <v>P237</v>
          </cell>
          <cell r="D572">
            <v>573.02919999999995</v>
          </cell>
          <cell r="E572">
            <v>573.02919999999995</v>
          </cell>
          <cell r="F572">
            <v>2.7703600000000002</v>
          </cell>
          <cell r="G572">
            <v>1.4411</v>
          </cell>
          <cell r="H572">
            <v>-475.42412999999999</v>
          </cell>
          <cell r="I572">
            <v>-471.21267</v>
          </cell>
        </row>
        <row r="573">
          <cell r="A573" t="str">
            <v>P238</v>
          </cell>
          <cell r="F573">
            <v>-8.6196999999999999</v>
          </cell>
          <cell r="I573">
            <v>-8.6196999999999999</v>
          </cell>
        </row>
        <row r="574">
          <cell r="A574" t="str">
            <v>P240</v>
          </cell>
          <cell r="B574">
            <v>575.40350999999998</v>
          </cell>
          <cell r="C574">
            <v>90.724860000000007</v>
          </cell>
          <cell r="D574">
            <v>729.85198000000003</v>
          </cell>
          <cell r="E574">
            <v>1395.98035</v>
          </cell>
          <cell r="F574">
            <v>1696.0598299999999</v>
          </cell>
          <cell r="G574">
            <v>137.84522000000001</v>
          </cell>
          <cell r="H574">
            <v>1401.9800600000001</v>
          </cell>
          <cell r="I574">
            <v>3235.8851100000002</v>
          </cell>
        </row>
        <row r="575">
          <cell r="A575" t="str">
            <v>P241</v>
          </cell>
          <cell r="B575">
            <v>70.583209999999994</v>
          </cell>
          <cell r="E575">
            <v>70.583209999999994</v>
          </cell>
          <cell r="F575">
            <v>13.177619999999999</v>
          </cell>
          <cell r="I575">
            <v>13.177619999999999</v>
          </cell>
        </row>
        <row r="576">
          <cell r="A576" t="str">
            <v>P24102</v>
          </cell>
          <cell r="B576">
            <v>70.583209999999994</v>
          </cell>
          <cell r="E576">
            <v>70.583209999999994</v>
          </cell>
          <cell r="F576">
            <v>13.177619999999999</v>
          </cell>
          <cell r="I576">
            <v>13.177619999999999</v>
          </cell>
        </row>
        <row r="577">
          <cell r="A577" t="str">
            <v>P242</v>
          </cell>
          <cell r="B577">
            <v>504.45127000000002</v>
          </cell>
          <cell r="E577">
            <v>504.45127000000002</v>
          </cell>
          <cell r="F577">
            <v>1673.6904</v>
          </cell>
          <cell r="I577">
            <v>1673.6904</v>
          </cell>
        </row>
        <row r="578">
          <cell r="A578" t="str">
            <v>P243</v>
          </cell>
          <cell r="C578">
            <v>206.03294</v>
          </cell>
          <cell r="D578">
            <v>628.89382000000001</v>
          </cell>
          <cell r="E578">
            <v>834.92675999999994</v>
          </cell>
          <cell r="G578">
            <v>241.27277000000001</v>
          </cell>
          <cell r="H578">
            <v>1275.88624</v>
          </cell>
          <cell r="I578">
            <v>1517.1590100000001</v>
          </cell>
        </row>
        <row r="579">
          <cell r="A579" t="str">
            <v>P24310</v>
          </cell>
          <cell r="C579">
            <v>206.03294</v>
          </cell>
          <cell r="D579">
            <v>49.189970000000002</v>
          </cell>
          <cell r="E579">
            <v>255.22291000000001</v>
          </cell>
          <cell r="G579">
            <v>241.27277000000001</v>
          </cell>
          <cell r="H579">
            <v>110.15516</v>
          </cell>
          <cell r="I579">
            <v>351.42793</v>
          </cell>
        </row>
        <row r="580">
          <cell r="A580" t="str">
            <v>P24311</v>
          </cell>
          <cell r="C580">
            <v>206.03294</v>
          </cell>
          <cell r="D580">
            <v>49.189970000000002</v>
          </cell>
          <cell r="E580">
            <v>255.22291000000001</v>
          </cell>
          <cell r="G580">
            <v>241.27277000000001</v>
          </cell>
          <cell r="H580">
            <v>110.15516</v>
          </cell>
          <cell r="I580">
            <v>351.42793</v>
          </cell>
        </row>
        <row r="581">
          <cell r="A581" t="str">
            <v>P24320</v>
          </cell>
          <cell r="D581">
            <v>579.70384999999999</v>
          </cell>
          <cell r="E581">
            <v>579.70384999999999</v>
          </cell>
          <cell r="H581">
            <v>1165.73108</v>
          </cell>
          <cell r="I581">
            <v>1165.73108</v>
          </cell>
        </row>
        <row r="582">
          <cell r="A582" t="str">
            <v>P24313</v>
          </cell>
          <cell r="D582">
            <v>579.70384999999999</v>
          </cell>
          <cell r="E582">
            <v>579.70384999999999</v>
          </cell>
          <cell r="H582">
            <v>1165.73108</v>
          </cell>
          <cell r="I582">
            <v>1165.73108</v>
          </cell>
        </row>
        <row r="583">
          <cell r="A583" t="str">
            <v>P244P</v>
          </cell>
          <cell r="B583">
            <v>0.36903000000000002</v>
          </cell>
          <cell r="C583">
            <v>-115.30808</v>
          </cell>
          <cell r="D583">
            <v>100.95816000000001</v>
          </cell>
          <cell r="E583">
            <v>-13.98089</v>
          </cell>
          <cell r="F583">
            <v>9.1918100000000003</v>
          </cell>
          <cell r="G583">
            <v>-103.42755</v>
          </cell>
          <cell r="H583">
            <v>126.09381999999999</v>
          </cell>
          <cell r="I583">
            <v>31.858080000000001</v>
          </cell>
        </row>
        <row r="584">
          <cell r="A584" t="str">
            <v>P24401</v>
          </cell>
          <cell r="B584">
            <v>0.36903000000000002</v>
          </cell>
          <cell r="C584">
            <v>-115.30808</v>
          </cell>
          <cell r="D584">
            <v>100.95816000000001</v>
          </cell>
          <cell r="E584">
            <v>-13.98089</v>
          </cell>
          <cell r="F584">
            <v>9.1918100000000003</v>
          </cell>
          <cell r="G584">
            <v>-103.42755</v>
          </cell>
          <cell r="H584">
            <v>126.09381999999999</v>
          </cell>
          <cell r="I584">
            <v>31.858080000000001</v>
          </cell>
        </row>
        <row r="585">
          <cell r="A585" t="str">
            <v>P250</v>
          </cell>
          <cell r="B585">
            <v>1313.4345699999999</v>
          </cell>
          <cell r="C585">
            <v>1956.4197099999999</v>
          </cell>
          <cell r="E585">
            <v>3269.85428</v>
          </cell>
          <cell r="F585">
            <v>2855.3444</v>
          </cell>
          <cell r="G585">
            <v>787.20889999999997</v>
          </cell>
          <cell r="I585">
            <v>3642.5533</v>
          </cell>
        </row>
        <row r="586">
          <cell r="A586" t="str">
            <v>P251</v>
          </cell>
          <cell r="B586">
            <v>1973.7776699999999</v>
          </cell>
          <cell r="C586">
            <v>1956.4197099999999</v>
          </cell>
          <cell r="E586">
            <v>3930.1973800000001</v>
          </cell>
          <cell r="F586">
            <v>2812.7249099999999</v>
          </cell>
          <cell r="G586">
            <v>787.20889999999997</v>
          </cell>
          <cell r="I586">
            <v>3599.93381</v>
          </cell>
        </row>
        <row r="587">
          <cell r="A587" t="str">
            <v>P253</v>
          </cell>
          <cell r="B587">
            <v>-660.34310000000005</v>
          </cell>
          <cell r="E587">
            <v>-660.34310000000005</v>
          </cell>
          <cell r="F587">
            <v>42.619489999999999</v>
          </cell>
          <cell r="I587">
            <v>42.619489999999999</v>
          </cell>
        </row>
        <row r="588">
          <cell r="A588" t="str">
            <v>P260</v>
          </cell>
          <cell r="B588">
            <v>31327.669979999999</v>
          </cell>
          <cell r="C588">
            <v>46.699129999999997</v>
          </cell>
          <cell r="D588">
            <v>64.795929999999998</v>
          </cell>
          <cell r="E588">
            <v>31439.16504</v>
          </cell>
          <cell r="F588">
            <v>63418.260699999999</v>
          </cell>
          <cell r="G588">
            <v>93.705939999999998</v>
          </cell>
          <cell r="H588">
            <v>111.92695999999999</v>
          </cell>
          <cell r="I588">
            <v>63623.893600000003</v>
          </cell>
        </row>
        <row r="589">
          <cell r="A589" t="str">
            <v>P261</v>
          </cell>
          <cell r="B589">
            <v>31327.669979999999</v>
          </cell>
          <cell r="C589">
            <v>46.699129999999997</v>
          </cell>
          <cell r="D589">
            <v>64.795929999999998</v>
          </cell>
          <cell r="E589">
            <v>31439.16504</v>
          </cell>
          <cell r="F589">
            <v>63418.260699999999</v>
          </cell>
          <cell r="G589">
            <v>93.705939999999998</v>
          </cell>
          <cell r="H589">
            <v>111.92695999999999</v>
          </cell>
          <cell r="I589">
            <v>63623.893600000003</v>
          </cell>
        </row>
        <row r="590">
          <cell r="A590" t="str">
            <v>P26101</v>
          </cell>
          <cell r="B590">
            <v>23102.043259999999</v>
          </cell>
          <cell r="C590">
            <v>46.699129999999997</v>
          </cell>
          <cell r="D590">
            <v>64.795929999999998</v>
          </cell>
          <cell r="E590">
            <v>23213.53832</v>
          </cell>
          <cell r="F590">
            <v>46939.363740000001</v>
          </cell>
          <cell r="G590">
            <v>93.705939999999998</v>
          </cell>
          <cell r="H590">
            <v>111.92695999999999</v>
          </cell>
          <cell r="I590">
            <v>47144.996639999998</v>
          </cell>
        </row>
        <row r="591">
          <cell r="A591" t="str">
            <v>P26105</v>
          </cell>
          <cell r="B591">
            <v>8225.6267200000002</v>
          </cell>
          <cell r="E591">
            <v>8225.6267200000002</v>
          </cell>
          <cell r="F591">
            <v>16478.896959999998</v>
          </cell>
          <cell r="I591">
            <v>16478.896959999998</v>
          </cell>
        </row>
        <row r="592">
          <cell r="A592" t="str">
            <v>P263</v>
          </cell>
        </row>
        <row r="593">
          <cell r="A593" t="str">
            <v>P26301</v>
          </cell>
        </row>
        <row r="594">
          <cell r="A594" t="str">
            <v>P275</v>
          </cell>
          <cell r="B594">
            <v>-42110.326509999999</v>
          </cell>
          <cell r="C594">
            <v>-4059.75542</v>
          </cell>
          <cell r="D594">
            <v>45714.233650000002</v>
          </cell>
          <cell r="E594">
            <v>-455.84827999999999</v>
          </cell>
          <cell r="F594">
            <v>-47167.384380000003</v>
          </cell>
          <cell r="G594">
            <v>-4062.3826100000001</v>
          </cell>
          <cell r="H594">
            <v>53139.396829999998</v>
          </cell>
          <cell r="I594">
            <v>1909.6298400000001</v>
          </cell>
        </row>
        <row r="595">
          <cell r="A595" t="str">
            <v>P280</v>
          </cell>
          <cell r="D595">
            <v>459.41593</v>
          </cell>
          <cell r="E595">
            <v>459.41593</v>
          </cell>
          <cell r="H595">
            <v>918.83186000000001</v>
          </cell>
          <cell r="I595">
            <v>918.83186000000001</v>
          </cell>
        </row>
        <row r="596">
          <cell r="A596" t="str">
            <v>P300</v>
          </cell>
          <cell r="B596">
            <v>10135.45429</v>
          </cell>
          <cell r="C596">
            <v>0.44955000000000001</v>
          </cell>
          <cell r="D596">
            <v>39410.565929999997</v>
          </cell>
          <cell r="E596">
            <v>49546.469770000003</v>
          </cell>
          <cell r="F596">
            <v>20728.617320000001</v>
          </cell>
          <cell r="G596">
            <v>2.8978199999999998</v>
          </cell>
          <cell r="H596">
            <v>14160.00179</v>
          </cell>
          <cell r="I596">
            <v>34891.516929999998</v>
          </cell>
        </row>
        <row r="597">
          <cell r="A597" t="str">
            <v>P340</v>
          </cell>
        </row>
        <row r="598">
          <cell r="A598" t="str">
            <v>P342</v>
          </cell>
        </row>
        <row r="599">
          <cell r="A599" t="str">
            <v>P26103</v>
          </cell>
        </row>
        <row r="600">
          <cell r="A600" t="str">
            <v>P26302</v>
          </cell>
        </row>
        <row r="601">
          <cell r="A601" t="str">
            <v>P310</v>
          </cell>
          <cell r="D601">
            <v>-1747.4099799999999</v>
          </cell>
          <cell r="E601">
            <v>-1747.4099799999999</v>
          </cell>
          <cell r="H601">
            <v>-4515.7374900000004</v>
          </cell>
          <cell r="I601">
            <v>-4515.7374900000004</v>
          </cell>
        </row>
        <row r="602">
          <cell r="A602" t="str">
            <v>P311</v>
          </cell>
          <cell r="D602">
            <v>-1747.4099799999999</v>
          </cell>
          <cell r="E602">
            <v>-1747.4099799999999</v>
          </cell>
          <cell r="H602">
            <v>-4515.7374900000004</v>
          </cell>
          <cell r="I602">
            <v>-4515.7374900000004</v>
          </cell>
        </row>
        <row r="603">
          <cell r="A603" t="str">
            <v>P320</v>
          </cell>
          <cell r="B603">
            <v>10190.621510000001</v>
          </cell>
          <cell r="D603">
            <v>3547.3786</v>
          </cell>
          <cell r="E603">
            <v>13738.000110000001</v>
          </cell>
          <cell r="F603">
            <v>20889.27275</v>
          </cell>
          <cell r="G603">
            <v>7.2700000000000004E-3</v>
          </cell>
          <cell r="H603">
            <v>7082.3809099999999</v>
          </cell>
          <cell r="I603">
            <v>27971.660929999998</v>
          </cell>
        </row>
        <row r="604">
          <cell r="A604" t="str">
            <v>P321</v>
          </cell>
          <cell r="B604">
            <v>923.50081</v>
          </cell>
          <cell r="D604">
            <v>3656.7739999999999</v>
          </cell>
          <cell r="E604">
            <v>4580.2748099999999</v>
          </cell>
          <cell r="F604">
            <v>2070.55969</v>
          </cell>
          <cell r="H604">
            <v>7578.2337600000001</v>
          </cell>
          <cell r="I604">
            <v>9648.7934499999992</v>
          </cell>
        </row>
        <row r="605">
          <cell r="A605" t="str">
            <v>P32103</v>
          </cell>
          <cell r="B605">
            <v>1113.02593</v>
          </cell>
          <cell r="D605">
            <v>3656.7739999999999</v>
          </cell>
          <cell r="E605">
            <v>4769.7999300000001</v>
          </cell>
          <cell r="F605">
            <v>2242.6284599999999</v>
          </cell>
          <cell r="H605">
            <v>7578.2337600000001</v>
          </cell>
          <cell r="I605">
            <v>9820.8622200000009</v>
          </cell>
        </row>
        <row r="606">
          <cell r="A606" t="str">
            <v>P32104</v>
          </cell>
          <cell r="B606">
            <v>-189.52511999999999</v>
          </cell>
          <cell r="E606">
            <v>-189.52511999999999</v>
          </cell>
          <cell r="F606">
            <v>-172.06877</v>
          </cell>
          <cell r="I606">
            <v>-172.06877</v>
          </cell>
        </row>
        <row r="607">
          <cell r="A607" t="str">
            <v>P322</v>
          </cell>
          <cell r="B607">
            <v>7641.9789300000002</v>
          </cell>
          <cell r="D607">
            <v>-109.3954</v>
          </cell>
          <cell r="E607">
            <v>7532.5835299999999</v>
          </cell>
          <cell r="F607">
            <v>15912.50144</v>
          </cell>
          <cell r="G607">
            <v>7.2700000000000004E-3</v>
          </cell>
          <cell r="H607">
            <v>-495.85284999999999</v>
          </cell>
          <cell r="I607">
            <v>15416.655860000001</v>
          </cell>
        </row>
        <row r="608">
          <cell r="A608" t="str">
            <v>P323</v>
          </cell>
          <cell r="B608">
            <v>-117.86017</v>
          </cell>
          <cell r="E608">
            <v>-117.86017</v>
          </cell>
          <cell r="F608">
            <v>-579.79226000000006</v>
          </cell>
          <cell r="I608">
            <v>-579.79226000000006</v>
          </cell>
        </row>
        <row r="609">
          <cell r="A609" t="str">
            <v>P324</v>
          </cell>
          <cell r="B609">
            <v>1743.0019400000001</v>
          </cell>
          <cell r="E609">
            <v>1743.0019400000001</v>
          </cell>
          <cell r="F609">
            <v>3486.0038800000002</v>
          </cell>
          <cell r="I609">
            <v>3486.0038800000002</v>
          </cell>
        </row>
        <row r="610">
          <cell r="A610" t="str">
            <v>P330</v>
          </cell>
          <cell r="B610">
            <v>-55.16722</v>
          </cell>
          <cell r="C610">
            <v>0.44955000000000001</v>
          </cell>
          <cell r="D610">
            <v>37610.597309999997</v>
          </cell>
          <cell r="E610">
            <v>37555.879639999999</v>
          </cell>
          <cell r="F610">
            <v>-160.65543</v>
          </cell>
          <cell r="G610">
            <v>2.8905500000000002</v>
          </cell>
          <cell r="H610">
            <v>11593.35837</v>
          </cell>
          <cell r="I610">
            <v>11435.593489999999</v>
          </cell>
        </row>
        <row r="611">
          <cell r="A611" t="str">
            <v>P331</v>
          </cell>
          <cell r="D611">
            <v>8468.6200399999998</v>
          </cell>
          <cell r="E611">
            <v>8468.6200399999998</v>
          </cell>
          <cell r="F611">
            <v>-2.0000000000000001E-4</v>
          </cell>
          <cell r="H611">
            <v>26878.835849999999</v>
          </cell>
          <cell r="I611">
            <v>26878.835650000001</v>
          </cell>
        </row>
        <row r="612">
          <cell r="A612" t="str">
            <v>P333</v>
          </cell>
          <cell r="D612">
            <v>-2473.9297200000001</v>
          </cell>
          <cell r="E612">
            <v>-2473.9297200000001</v>
          </cell>
          <cell r="H612">
            <v>-11086.052600000001</v>
          </cell>
          <cell r="I612">
            <v>-11086.052600000001</v>
          </cell>
        </row>
        <row r="613">
          <cell r="A613" t="str">
            <v>P338</v>
          </cell>
          <cell r="B613">
            <v>-55.16722</v>
          </cell>
          <cell r="C613">
            <v>0.44955000000000001</v>
          </cell>
          <cell r="D613">
            <v>31615.906989999999</v>
          </cell>
          <cell r="E613">
            <v>31561.189320000001</v>
          </cell>
          <cell r="F613">
            <v>-160.65522999999999</v>
          </cell>
          <cell r="G613">
            <v>2.8905500000000002</v>
          </cell>
          <cell r="H613">
            <v>-4199.4248799999996</v>
          </cell>
          <cell r="I613">
            <v>-4357.1895599999998</v>
          </cell>
        </row>
        <row r="614">
          <cell r="A614" t="str">
            <v>P400</v>
          </cell>
          <cell r="B614">
            <v>-6136.9472500000002</v>
          </cell>
          <cell r="D614">
            <v>-10545.931350000001</v>
          </cell>
          <cell r="E614">
            <v>-16682.8786</v>
          </cell>
          <cell r="F614">
            <v>42783.374759999999</v>
          </cell>
          <cell r="H614">
            <v>-50218.456590000002</v>
          </cell>
          <cell r="I614">
            <v>-7435.0818300000001</v>
          </cell>
        </row>
        <row r="615">
          <cell r="A615" t="str">
            <v>P410</v>
          </cell>
          <cell r="B615">
            <v>-39603.275869999998</v>
          </cell>
          <cell r="D615">
            <v>-18.168880000000001</v>
          </cell>
          <cell r="E615">
            <v>-39621.444750000002</v>
          </cell>
          <cell r="F615">
            <v>42480.4859</v>
          </cell>
          <cell r="H615">
            <v>-48.373010000000001</v>
          </cell>
          <cell r="I615">
            <v>42432.112889999997</v>
          </cell>
        </row>
        <row r="616">
          <cell r="A616" t="str">
            <v>P411</v>
          </cell>
          <cell r="B616">
            <v>1137.50775</v>
          </cell>
          <cell r="E616">
            <v>1137.50775</v>
          </cell>
          <cell r="F616">
            <v>2353.4643099999998</v>
          </cell>
          <cell r="I616">
            <v>2353.4643099999998</v>
          </cell>
        </row>
        <row r="617">
          <cell r="A617" t="str">
            <v>P412</v>
          </cell>
          <cell r="F617">
            <v>5419.1773199999998</v>
          </cell>
          <cell r="I617">
            <v>5419.1773199999998</v>
          </cell>
        </row>
        <row r="618">
          <cell r="A618" t="str">
            <v>P413</v>
          </cell>
          <cell r="B618">
            <v>-40740.783620000002</v>
          </cell>
          <cell r="D618">
            <v>-18.168880000000001</v>
          </cell>
          <cell r="E618">
            <v>-40758.952499999999</v>
          </cell>
          <cell r="F618">
            <v>34707.844270000001</v>
          </cell>
          <cell r="H618">
            <v>-48.373010000000001</v>
          </cell>
          <cell r="I618">
            <v>34659.471259999998</v>
          </cell>
        </row>
        <row r="619">
          <cell r="A619" t="str">
            <v>P420</v>
          </cell>
          <cell r="B619">
            <v>33466.32862</v>
          </cell>
          <cell r="D619">
            <v>-10527.76247</v>
          </cell>
          <cell r="E619">
            <v>22938.566149999999</v>
          </cell>
          <cell r="F619">
            <v>302.88886000000002</v>
          </cell>
          <cell r="H619">
            <v>-50170.083579999999</v>
          </cell>
          <cell r="I619">
            <v>-49867.19472</v>
          </cell>
        </row>
        <row r="620">
          <cell r="A620" t="str">
            <v>P421</v>
          </cell>
          <cell r="B620">
            <v>-29553.711060000001</v>
          </cell>
          <cell r="D620">
            <v>-425.90307999999999</v>
          </cell>
          <cell r="E620">
            <v>-29979.614140000001</v>
          </cell>
          <cell r="F620">
            <v>-29553.711060000001</v>
          </cell>
          <cell r="H620">
            <v>-425.97719000000001</v>
          </cell>
          <cell r="I620">
            <v>-29979.688249999999</v>
          </cell>
        </row>
        <row r="621">
          <cell r="A621" t="str">
            <v>P422</v>
          </cell>
          <cell r="B621">
            <v>63020.039680000002</v>
          </cell>
          <cell r="D621">
            <v>-10101.85939</v>
          </cell>
          <cell r="E621">
            <v>52918.180289999997</v>
          </cell>
          <cell r="F621">
            <v>29856.599920000001</v>
          </cell>
          <cell r="H621">
            <v>-49744.106390000001</v>
          </cell>
          <cell r="I621">
            <v>-19887.50647</v>
          </cell>
        </row>
        <row r="622">
          <cell r="A622" t="str">
            <v>P8H</v>
          </cell>
          <cell r="B622">
            <v>-48752.401330000001</v>
          </cell>
          <cell r="C622">
            <v>-1942.8266799999999</v>
          </cell>
          <cell r="D622">
            <v>40229.412279999997</v>
          </cell>
          <cell r="E622">
            <v>-10465.81573</v>
          </cell>
          <cell r="F622">
            <v>-131116.90549999999</v>
          </cell>
          <cell r="G622">
            <v>-2597.78006</v>
          </cell>
          <cell r="H622">
            <v>7975.8694599999999</v>
          </cell>
          <cell r="I622">
            <v>-125738.8161</v>
          </cell>
        </row>
        <row r="623">
          <cell r="A623" t="str">
            <v>P8</v>
          </cell>
          <cell r="B623">
            <v>-48752.401330000001</v>
          </cell>
          <cell r="C623">
            <v>-1942.8266799999999</v>
          </cell>
          <cell r="D623">
            <v>40229.412279999997</v>
          </cell>
          <cell r="E623">
            <v>-10465.81573</v>
          </cell>
          <cell r="F623">
            <v>-131116.90549999999</v>
          </cell>
          <cell r="G623">
            <v>-2597.78006</v>
          </cell>
          <cell r="H623">
            <v>7975.8694599999999</v>
          </cell>
          <cell r="I623">
            <v>-125738.8161</v>
          </cell>
        </row>
        <row r="624">
          <cell r="A624" t="str">
            <v>P8</v>
          </cell>
          <cell r="B624">
            <v>0</v>
          </cell>
          <cell r="C624">
            <v>0</v>
          </cell>
          <cell r="D624">
            <v>0</v>
          </cell>
          <cell r="E624">
            <v>0</v>
          </cell>
          <cell r="F624">
            <v>0</v>
          </cell>
          <cell r="G624">
            <v>0</v>
          </cell>
          <cell r="H624">
            <v>0</v>
          </cell>
          <cell r="I624">
            <v>0</v>
          </cell>
        </row>
        <row r="625">
          <cell r="A625" t="str">
            <v>P5</v>
          </cell>
          <cell r="B625">
            <v>-69913.660040000002</v>
          </cell>
          <cell r="C625">
            <v>-1942.3771300000001</v>
          </cell>
          <cell r="D625">
            <v>79673.49106</v>
          </cell>
          <cell r="E625">
            <v>7817.4538899999998</v>
          </cell>
          <cell r="F625">
            <v>-138008.82579999999</v>
          </cell>
          <cell r="G625">
            <v>-2594.8822399999999</v>
          </cell>
          <cell r="H625">
            <v>22628.725920000001</v>
          </cell>
          <cell r="I625">
            <v>-117974.98212</v>
          </cell>
        </row>
        <row r="626">
          <cell r="A626" t="str">
            <v>P3</v>
          </cell>
          <cell r="B626">
            <v>-63776.712789999998</v>
          </cell>
          <cell r="C626">
            <v>-1942.3771300000001</v>
          </cell>
          <cell r="D626">
            <v>90219.422409999999</v>
          </cell>
          <cell r="E626">
            <v>24500.332490000001</v>
          </cell>
          <cell r="F626">
            <v>-180792.20056</v>
          </cell>
          <cell r="G626">
            <v>-2594.8822399999999</v>
          </cell>
          <cell r="H626">
            <v>72847.182509999999</v>
          </cell>
          <cell r="I626">
            <v>-110539.90029000001</v>
          </cell>
        </row>
        <row r="627">
          <cell r="A627" t="str">
            <v>P2</v>
          </cell>
          <cell r="B627">
            <v>-73912.167079999999</v>
          </cell>
          <cell r="C627">
            <v>-1942.8266799999999</v>
          </cell>
          <cell r="D627">
            <v>50808.856480000002</v>
          </cell>
          <cell r="E627">
            <v>-25046.137279999999</v>
          </cell>
          <cell r="F627">
            <v>-201520.81787999999</v>
          </cell>
          <cell r="G627">
            <v>-2597.78006</v>
          </cell>
          <cell r="H627">
            <v>58687.180719999997</v>
          </cell>
          <cell r="I627">
            <v>-145431.41722</v>
          </cell>
        </row>
        <row r="628">
          <cell r="A628" t="str">
            <v>P100</v>
          </cell>
          <cell r="B628">
            <v>-95922.223079999996</v>
          </cell>
          <cell r="E628">
            <v>-95922.223079999996</v>
          </cell>
          <cell r="F628">
            <v>-279334.60298000003</v>
          </cell>
          <cell r="I628">
            <v>-279334.60298000003</v>
          </cell>
        </row>
        <row r="629">
          <cell r="A629" t="str">
            <v>P110</v>
          </cell>
          <cell r="B629">
            <v>-95922.223079999996</v>
          </cell>
          <cell r="E629">
            <v>-95922.223079999996</v>
          </cell>
          <cell r="F629">
            <v>-279334.60298000003</v>
          </cell>
          <cell r="I629">
            <v>-279334.60298000003</v>
          </cell>
        </row>
        <row r="630">
          <cell r="A630" t="str">
            <v>P111</v>
          </cell>
          <cell r="B630">
            <v>-468.26132999999999</v>
          </cell>
          <cell r="E630">
            <v>-468.26132999999999</v>
          </cell>
          <cell r="F630">
            <v>-988.75130000000001</v>
          </cell>
          <cell r="I630">
            <v>-988.75130000000001</v>
          </cell>
        </row>
        <row r="631">
          <cell r="A631" t="str">
            <v>P11101</v>
          </cell>
        </row>
        <row r="632">
          <cell r="A632" t="str">
            <v>P11102</v>
          </cell>
          <cell r="B632">
            <v>-468.26132999999999</v>
          </cell>
          <cell r="E632">
            <v>-468.26132999999999</v>
          </cell>
          <cell r="F632">
            <v>-988.75130000000001</v>
          </cell>
          <cell r="I632">
            <v>-988.75130000000001</v>
          </cell>
        </row>
        <row r="633">
          <cell r="A633" t="str">
            <v>P112</v>
          </cell>
          <cell r="B633">
            <v>-103220.87149999999</v>
          </cell>
          <cell r="E633">
            <v>-103220.87149999999</v>
          </cell>
          <cell r="F633">
            <v>-304697.62072000001</v>
          </cell>
          <cell r="I633">
            <v>-304697.62072000001</v>
          </cell>
        </row>
        <row r="634">
          <cell r="A634" t="str">
            <v>P11201</v>
          </cell>
          <cell r="B634">
            <v>-103220.87149999999</v>
          </cell>
          <cell r="E634">
            <v>-103220.87149999999</v>
          </cell>
          <cell r="F634">
            <v>-304697.62072000001</v>
          </cell>
          <cell r="I634">
            <v>-304697.62072000001</v>
          </cell>
        </row>
        <row r="635">
          <cell r="A635" t="str">
            <v>P113</v>
          </cell>
          <cell r="B635">
            <v>-15756.863939999999</v>
          </cell>
          <cell r="E635">
            <v>-15756.863939999999</v>
          </cell>
          <cell r="F635">
            <v>-2310.2641800000001</v>
          </cell>
          <cell r="I635">
            <v>-2310.2641800000001</v>
          </cell>
        </row>
        <row r="636">
          <cell r="A636" t="str">
            <v>P115</v>
          </cell>
          <cell r="B636">
            <v>23523.773690000002</v>
          </cell>
          <cell r="E636">
            <v>23523.773690000002</v>
          </cell>
          <cell r="F636">
            <v>28662.033220000001</v>
          </cell>
          <cell r="I636">
            <v>28662.033220000001</v>
          </cell>
        </row>
        <row r="637">
          <cell r="A637" t="str">
            <v>P200</v>
          </cell>
          <cell r="B637">
            <v>22010.056</v>
          </cell>
          <cell r="C637">
            <v>-1942.8266799999999</v>
          </cell>
          <cell r="D637">
            <v>50808.856480000002</v>
          </cell>
          <cell r="E637">
            <v>70876.085800000001</v>
          </cell>
          <cell r="F637">
            <v>77813.785099999994</v>
          </cell>
          <cell r="G637">
            <v>-2597.78006</v>
          </cell>
          <cell r="H637">
            <v>58687.180719999997</v>
          </cell>
          <cell r="I637">
            <v>133903.18575999999</v>
          </cell>
        </row>
        <row r="638">
          <cell r="A638" t="str">
            <v>P220</v>
          </cell>
          <cell r="B638">
            <v>14683.8158</v>
          </cell>
          <cell r="E638">
            <v>14683.8158</v>
          </cell>
          <cell r="F638">
            <v>31725.680540000001</v>
          </cell>
          <cell r="I638">
            <v>31725.680540000001</v>
          </cell>
        </row>
        <row r="639">
          <cell r="A639" t="str">
            <v>P220</v>
          </cell>
        </row>
        <row r="640">
          <cell r="A640" t="str">
            <v>P22001</v>
          </cell>
          <cell r="B640">
            <v>14626.85197</v>
          </cell>
          <cell r="E640">
            <v>14626.85197</v>
          </cell>
          <cell r="F640">
            <v>31548.134160000001</v>
          </cell>
          <cell r="I640">
            <v>31548.134160000001</v>
          </cell>
        </row>
        <row r="641">
          <cell r="A641" t="str">
            <v>P22002</v>
          </cell>
          <cell r="B641">
            <v>56.963830000000002</v>
          </cell>
          <cell r="E641">
            <v>56.963830000000002</v>
          </cell>
          <cell r="F641">
            <v>177.54638</v>
          </cell>
          <cell r="I641">
            <v>177.54638</v>
          </cell>
        </row>
        <row r="642">
          <cell r="A642" t="str">
            <v>P230</v>
          </cell>
          <cell r="B642">
            <v>16220.058650000001</v>
          </cell>
          <cell r="C642">
            <v>23.085039999999999</v>
          </cell>
          <cell r="D642">
            <v>3840.55899</v>
          </cell>
          <cell r="E642">
            <v>20083.702679999999</v>
          </cell>
          <cell r="F642">
            <v>25285.82401</v>
          </cell>
          <cell r="G642">
            <v>445.84249</v>
          </cell>
          <cell r="H642">
            <v>3115.0450099999998</v>
          </cell>
          <cell r="I642">
            <v>28846.711510000001</v>
          </cell>
        </row>
        <row r="643">
          <cell r="A643" t="str">
            <v>P231</v>
          </cell>
          <cell r="B643">
            <v>3762.8414899999998</v>
          </cell>
          <cell r="E643">
            <v>3762.8414899999998</v>
          </cell>
          <cell r="F643">
            <v>7967.5952100000004</v>
          </cell>
          <cell r="I643">
            <v>7967.5952100000004</v>
          </cell>
        </row>
        <row r="644">
          <cell r="A644" t="str">
            <v>P232</v>
          </cell>
          <cell r="B644">
            <v>-176.67491999999999</v>
          </cell>
          <cell r="E644">
            <v>-176.67491999999999</v>
          </cell>
          <cell r="F644">
            <v>-124.92339</v>
          </cell>
          <cell r="I644">
            <v>-124.92339</v>
          </cell>
        </row>
        <row r="645">
          <cell r="A645" t="str">
            <v>P233</v>
          </cell>
          <cell r="B645">
            <v>8100.3255099999997</v>
          </cell>
          <cell r="E645">
            <v>8100.3255099999997</v>
          </cell>
          <cell r="F645">
            <v>13389.8884</v>
          </cell>
          <cell r="I645">
            <v>13389.8884</v>
          </cell>
        </row>
        <row r="646">
          <cell r="A646" t="str">
            <v>P235</v>
          </cell>
          <cell r="B646">
            <v>1285.9059400000001</v>
          </cell>
          <cell r="C646">
            <v>20.958410000000001</v>
          </cell>
          <cell r="D646">
            <v>44.759700000000002</v>
          </cell>
          <cell r="E646">
            <v>1351.6240499999999</v>
          </cell>
          <cell r="F646">
            <v>3418.2121400000001</v>
          </cell>
          <cell r="G646">
            <v>441.34163999999998</v>
          </cell>
          <cell r="H646">
            <v>234.26886999999999</v>
          </cell>
          <cell r="I646">
            <v>4093.8226500000001</v>
          </cell>
        </row>
        <row r="647">
          <cell r="A647" t="str">
            <v>P236</v>
          </cell>
          <cell r="B647">
            <v>3247.6606299999999</v>
          </cell>
          <cell r="C647">
            <v>2.12663</v>
          </cell>
          <cell r="D647">
            <v>3222.77009</v>
          </cell>
          <cell r="E647">
            <v>6472.55735</v>
          </cell>
          <cell r="F647">
            <v>640.90098999999998</v>
          </cell>
          <cell r="G647">
            <v>3.0597500000000002</v>
          </cell>
          <cell r="H647">
            <v>3356.2002699999998</v>
          </cell>
          <cell r="I647">
            <v>4000.1610099999998</v>
          </cell>
        </row>
        <row r="648">
          <cell r="A648" t="str">
            <v>P237</v>
          </cell>
          <cell r="D648">
            <v>573.02919999999995</v>
          </cell>
          <cell r="E648">
            <v>573.02919999999995</v>
          </cell>
          <cell r="F648">
            <v>2.7703600000000002</v>
          </cell>
          <cell r="G648">
            <v>1.4411</v>
          </cell>
          <cell r="H648">
            <v>-475.42412999999999</v>
          </cell>
          <cell r="I648">
            <v>-471.21267</v>
          </cell>
        </row>
        <row r="649">
          <cell r="A649" t="str">
            <v>P238</v>
          </cell>
          <cell r="F649">
            <v>-8.6196999999999999</v>
          </cell>
          <cell r="I649">
            <v>-8.6196999999999999</v>
          </cell>
        </row>
        <row r="650">
          <cell r="A650" t="str">
            <v>P240</v>
          </cell>
          <cell r="B650">
            <v>575.40350999999998</v>
          </cell>
          <cell r="C650">
            <v>90.724860000000007</v>
          </cell>
          <cell r="D650">
            <v>729.85198000000003</v>
          </cell>
          <cell r="E650">
            <v>1395.98035</v>
          </cell>
          <cell r="F650">
            <v>1696.0598299999999</v>
          </cell>
          <cell r="G650">
            <v>137.84522000000001</v>
          </cell>
          <cell r="H650">
            <v>1401.9800600000001</v>
          </cell>
          <cell r="I650">
            <v>3235.8851100000002</v>
          </cell>
        </row>
        <row r="651">
          <cell r="A651" t="str">
            <v>P241</v>
          </cell>
          <cell r="B651">
            <v>70.583209999999994</v>
          </cell>
          <cell r="E651">
            <v>70.583209999999994</v>
          </cell>
          <cell r="F651">
            <v>13.177619999999999</v>
          </cell>
          <cell r="I651">
            <v>13.177619999999999</v>
          </cell>
        </row>
        <row r="652">
          <cell r="A652" t="str">
            <v>P24102</v>
          </cell>
          <cell r="B652">
            <v>70.583209999999994</v>
          </cell>
          <cell r="E652">
            <v>70.583209999999994</v>
          </cell>
          <cell r="F652">
            <v>13.177619999999999</v>
          </cell>
          <cell r="I652">
            <v>13.177619999999999</v>
          </cell>
        </row>
        <row r="653">
          <cell r="A653" t="str">
            <v>P242</v>
          </cell>
          <cell r="B653">
            <v>504.45127000000002</v>
          </cell>
          <cell r="E653">
            <v>504.45127000000002</v>
          </cell>
          <cell r="F653">
            <v>1673.6904</v>
          </cell>
          <cell r="I653">
            <v>1673.6904</v>
          </cell>
        </row>
        <row r="654">
          <cell r="A654" t="str">
            <v>P243</v>
          </cell>
          <cell r="C654">
            <v>206.03294</v>
          </cell>
          <cell r="D654">
            <v>628.89382000000001</v>
          </cell>
          <cell r="E654">
            <v>834.92675999999994</v>
          </cell>
          <cell r="G654">
            <v>241.27277000000001</v>
          </cell>
          <cell r="H654">
            <v>1275.88624</v>
          </cell>
          <cell r="I654">
            <v>1517.1590100000001</v>
          </cell>
        </row>
        <row r="655">
          <cell r="A655" t="str">
            <v>P24310</v>
          </cell>
          <cell r="C655">
            <v>206.03294</v>
          </cell>
          <cell r="D655">
            <v>49.189970000000002</v>
          </cell>
          <cell r="E655">
            <v>255.22291000000001</v>
          </cell>
          <cell r="G655">
            <v>241.27277000000001</v>
          </cell>
          <cell r="H655">
            <v>110.15516</v>
          </cell>
          <cell r="I655">
            <v>351.42793</v>
          </cell>
        </row>
        <row r="656">
          <cell r="A656" t="str">
            <v>P24311</v>
          </cell>
          <cell r="C656">
            <v>206.03294</v>
          </cell>
          <cell r="D656">
            <v>49.189970000000002</v>
          </cell>
          <cell r="E656">
            <v>255.22291000000001</v>
          </cell>
          <cell r="G656">
            <v>241.27277000000001</v>
          </cell>
          <cell r="H656">
            <v>110.15516</v>
          </cell>
          <cell r="I656">
            <v>351.42793</v>
          </cell>
        </row>
        <row r="657">
          <cell r="A657" t="str">
            <v>P24320</v>
          </cell>
          <cell r="D657">
            <v>579.70384999999999</v>
          </cell>
          <cell r="E657">
            <v>579.70384999999999</v>
          </cell>
          <cell r="H657">
            <v>1165.73108</v>
          </cell>
          <cell r="I657">
            <v>1165.73108</v>
          </cell>
        </row>
        <row r="658">
          <cell r="A658" t="str">
            <v>P24313</v>
          </cell>
          <cell r="D658">
            <v>579.70384999999999</v>
          </cell>
          <cell r="E658">
            <v>579.70384999999999</v>
          </cell>
          <cell r="H658">
            <v>1165.73108</v>
          </cell>
          <cell r="I658">
            <v>1165.73108</v>
          </cell>
        </row>
        <row r="659">
          <cell r="A659" t="str">
            <v>P244P</v>
          </cell>
          <cell r="B659">
            <v>0.36903000000000002</v>
          </cell>
          <cell r="C659">
            <v>-115.30808</v>
          </cell>
          <cell r="D659">
            <v>100.95816000000001</v>
          </cell>
          <cell r="E659">
            <v>-13.98089</v>
          </cell>
          <cell r="F659">
            <v>9.1918100000000003</v>
          </cell>
          <cell r="G659">
            <v>-103.42755</v>
          </cell>
          <cell r="H659">
            <v>126.09381999999999</v>
          </cell>
          <cell r="I659">
            <v>31.858080000000001</v>
          </cell>
        </row>
        <row r="660">
          <cell r="A660" t="str">
            <v>P24401</v>
          </cell>
          <cell r="B660">
            <v>0.36903000000000002</v>
          </cell>
          <cell r="C660">
            <v>-115.30808</v>
          </cell>
          <cell r="D660">
            <v>100.95816000000001</v>
          </cell>
          <cell r="E660">
            <v>-13.98089</v>
          </cell>
          <cell r="F660">
            <v>9.1918100000000003</v>
          </cell>
          <cell r="G660">
            <v>-103.42755</v>
          </cell>
          <cell r="H660">
            <v>126.09381999999999</v>
          </cell>
          <cell r="I660">
            <v>31.858080000000001</v>
          </cell>
        </row>
        <row r="661">
          <cell r="A661" t="str">
            <v>P250</v>
          </cell>
          <cell r="B661">
            <v>1313.4345699999999</v>
          </cell>
          <cell r="C661">
            <v>1956.4197099999999</v>
          </cell>
          <cell r="E661">
            <v>3269.85428</v>
          </cell>
          <cell r="F661">
            <v>2855.3444</v>
          </cell>
          <cell r="G661">
            <v>787.20889999999997</v>
          </cell>
          <cell r="I661">
            <v>3642.5533</v>
          </cell>
        </row>
        <row r="662">
          <cell r="A662" t="str">
            <v>P251</v>
          </cell>
          <cell r="B662">
            <v>1973.7776699999999</v>
          </cell>
          <cell r="C662">
            <v>1956.4197099999999</v>
          </cell>
          <cell r="E662">
            <v>3930.1973800000001</v>
          </cell>
          <cell r="F662">
            <v>2812.7249099999999</v>
          </cell>
          <cell r="G662">
            <v>787.20889999999997</v>
          </cell>
          <cell r="I662">
            <v>3599.93381</v>
          </cell>
        </row>
        <row r="663">
          <cell r="A663" t="str">
            <v>P253</v>
          </cell>
          <cell r="B663">
            <v>-660.34310000000005</v>
          </cell>
          <cell r="E663">
            <v>-660.34310000000005</v>
          </cell>
          <cell r="F663">
            <v>42.619489999999999</v>
          </cell>
          <cell r="I663">
            <v>42.619489999999999</v>
          </cell>
        </row>
        <row r="664">
          <cell r="A664" t="str">
            <v>P260</v>
          </cell>
          <cell r="B664">
            <v>31327.669979999999</v>
          </cell>
          <cell r="C664">
            <v>46.699129999999997</v>
          </cell>
          <cell r="D664">
            <v>64.795929999999998</v>
          </cell>
          <cell r="E664">
            <v>31439.16504</v>
          </cell>
          <cell r="F664">
            <v>63418.260699999999</v>
          </cell>
          <cell r="G664">
            <v>93.705939999999998</v>
          </cell>
          <cell r="H664">
            <v>111.92695999999999</v>
          </cell>
          <cell r="I664">
            <v>63623.893600000003</v>
          </cell>
        </row>
        <row r="665">
          <cell r="A665" t="str">
            <v>P261</v>
          </cell>
          <cell r="B665">
            <v>31327.669979999999</v>
          </cell>
          <cell r="C665">
            <v>46.699129999999997</v>
          </cell>
          <cell r="D665">
            <v>64.795929999999998</v>
          </cell>
          <cell r="E665">
            <v>31439.16504</v>
          </cell>
          <cell r="F665">
            <v>63418.260699999999</v>
          </cell>
          <cell r="G665">
            <v>93.705939999999998</v>
          </cell>
          <cell r="H665">
            <v>111.92695999999999</v>
          </cell>
          <cell r="I665">
            <v>63623.893600000003</v>
          </cell>
        </row>
        <row r="666">
          <cell r="A666" t="str">
            <v>P26101</v>
          </cell>
          <cell r="B666">
            <v>23102.043259999999</v>
          </cell>
          <cell r="C666">
            <v>46.699129999999997</v>
          </cell>
          <cell r="D666">
            <v>64.795929999999998</v>
          </cell>
          <cell r="E666">
            <v>23213.53832</v>
          </cell>
          <cell r="F666">
            <v>46939.363740000001</v>
          </cell>
          <cell r="G666">
            <v>93.705939999999998</v>
          </cell>
          <cell r="H666">
            <v>111.92695999999999</v>
          </cell>
          <cell r="I666">
            <v>47144.996639999998</v>
          </cell>
        </row>
        <row r="667">
          <cell r="A667" t="str">
            <v>P26105</v>
          </cell>
          <cell r="B667">
            <v>8225.6267200000002</v>
          </cell>
          <cell r="E667">
            <v>8225.6267200000002</v>
          </cell>
          <cell r="F667">
            <v>16478.896959999998</v>
          </cell>
          <cell r="I667">
            <v>16478.896959999998</v>
          </cell>
        </row>
        <row r="668">
          <cell r="A668" t="str">
            <v>P263</v>
          </cell>
        </row>
        <row r="669">
          <cell r="A669" t="str">
            <v>P26301</v>
          </cell>
        </row>
        <row r="670">
          <cell r="A670" t="str">
            <v>P275</v>
          </cell>
          <cell r="B670">
            <v>-42110.326509999999</v>
          </cell>
          <cell r="C670">
            <v>-4059.75542</v>
          </cell>
          <cell r="D670">
            <v>45714.233650000002</v>
          </cell>
          <cell r="E670">
            <v>-455.84827999999999</v>
          </cell>
          <cell r="F670">
            <v>-47167.384380000003</v>
          </cell>
          <cell r="G670">
            <v>-4062.3826100000001</v>
          </cell>
          <cell r="H670">
            <v>53139.396829999998</v>
          </cell>
          <cell r="I670">
            <v>1909.6298400000001</v>
          </cell>
        </row>
        <row r="671">
          <cell r="A671" t="str">
            <v>P280</v>
          </cell>
          <cell r="D671">
            <v>459.41593</v>
          </cell>
          <cell r="E671">
            <v>459.41593</v>
          </cell>
          <cell r="H671">
            <v>918.83186000000001</v>
          </cell>
          <cell r="I671">
            <v>918.83186000000001</v>
          </cell>
        </row>
        <row r="672">
          <cell r="A672" t="str">
            <v>P300</v>
          </cell>
          <cell r="B672">
            <v>10135.45429</v>
          </cell>
          <cell r="C672">
            <v>0.44955000000000001</v>
          </cell>
          <cell r="D672">
            <v>39410.565929999997</v>
          </cell>
          <cell r="E672">
            <v>49546.469770000003</v>
          </cell>
          <cell r="F672">
            <v>20728.617320000001</v>
          </cell>
          <cell r="G672">
            <v>2.8978199999999998</v>
          </cell>
          <cell r="H672">
            <v>14160.00179</v>
          </cell>
          <cell r="I672">
            <v>34891.516929999998</v>
          </cell>
        </row>
        <row r="673">
          <cell r="A673" t="str">
            <v>P340</v>
          </cell>
        </row>
        <row r="674">
          <cell r="A674" t="str">
            <v>P342</v>
          </cell>
        </row>
        <row r="675">
          <cell r="A675" t="str">
            <v>P26103</v>
          </cell>
        </row>
        <row r="676">
          <cell r="A676" t="str">
            <v>P26302</v>
          </cell>
        </row>
        <row r="677">
          <cell r="A677" t="str">
            <v>P310</v>
          </cell>
          <cell r="D677">
            <v>-1747.4099799999999</v>
          </cell>
          <cell r="E677">
            <v>-1747.4099799999999</v>
          </cell>
          <cell r="H677">
            <v>-4515.7374900000004</v>
          </cell>
          <cell r="I677">
            <v>-4515.7374900000004</v>
          </cell>
        </row>
        <row r="678">
          <cell r="A678" t="str">
            <v>P311</v>
          </cell>
          <cell r="D678">
            <v>-1747.4099799999999</v>
          </cell>
          <cell r="E678">
            <v>-1747.4099799999999</v>
          </cell>
          <cell r="H678">
            <v>-4515.7374900000004</v>
          </cell>
          <cell r="I678">
            <v>-4515.7374900000004</v>
          </cell>
        </row>
        <row r="679">
          <cell r="A679" t="str">
            <v>P320</v>
          </cell>
          <cell r="B679">
            <v>10190.621510000001</v>
          </cell>
          <cell r="D679">
            <v>3547.3786</v>
          </cell>
          <cell r="E679">
            <v>13738.000110000001</v>
          </cell>
          <cell r="F679">
            <v>20889.27275</v>
          </cell>
          <cell r="G679">
            <v>7.2700000000000004E-3</v>
          </cell>
          <cell r="H679">
            <v>7082.3809099999999</v>
          </cell>
          <cell r="I679">
            <v>27971.660929999998</v>
          </cell>
        </row>
        <row r="680">
          <cell r="A680" t="str">
            <v>P321</v>
          </cell>
          <cell r="B680">
            <v>923.50081</v>
          </cell>
          <cell r="D680">
            <v>3656.7739999999999</v>
          </cell>
          <cell r="E680">
            <v>4580.2748099999999</v>
          </cell>
          <cell r="F680">
            <v>2070.55969</v>
          </cell>
          <cell r="H680">
            <v>7578.2337600000001</v>
          </cell>
          <cell r="I680">
            <v>9648.7934499999992</v>
          </cell>
        </row>
        <row r="681">
          <cell r="A681" t="str">
            <v>P32103</v>
          </cell>
          <cell r="B681">
            <v>1113.02593</v>
          </cell>
          <cell r="D681">
            <v>3656.7739999999999</v>
          </cell>
          <cell r="E681">
            <v>4769.7999300000001</v>
          </cell>
          <cell r="F681">
            <v>2242.6284599999999</v>
          </cell>
          <cell r="H681">
            <v>7578.2337600000001</v>
          </cell>
          <cell r="I681">
            <v>9820.8622200000009</v>
          </cell>
        </row>
        <row r="682">
          <cell r="A682" t="str">
            <v>P32104</v>
          </cell>
          <cell r="B682">
            <v>-189.52511999999999</v>
          </cell>
          <cell r="E682">
            <v>-189.52511999999999</v>
          </cell>
          <cell r="F682">
            <v>-172.06877</v>
          </cell>
          <cell r="I682">
            <v>-172.06877</v>
          </cell>
        </row>
        <row r="683">
          <cell r="A683" t="str">
            <v>P322</v>
          </cell>
          <cell r="B683">
            <v>7641.9789300000002</v>
          </cell>
          <cell r="D683">
            <v>-109.3954</v>
          </cell>
          <cell r="E683">
            <v>7532.5835299999999</v>
          </cell>
          <cell r="F683">
            <v>15912.50144</v>
          </cell>
          <cell r="G683">
            <v>7.2700000000000004E-3</v>
          </cell>
          <cell r="H683">
            <v>-495.85284999999999</v>
          </cell>
          <cell r="I683">
            <v>15416.655860000001</v>
          </cell>
        </row>
        <row r="684">
          <cell r="A684" t="str">
            <v>P323</v>
          </cell>
          <cell r="B684">
            <v>-117.86017</v>
          </cell>
          <cell r="E684">
            <v>-117.86017</v>
          </cell>
          <cell r="F684">
            <v>-579.79226000000006</v>
          </cell>
          <cell r="I684">
            <v>-579.79226000000006</v>
          </cell>
        </row>
        <row r="685">
          <cell r="A685" t="str">
            <v>P324</v>
          </cell>
          <cell r="B685">
            <v>1743.0019400000001</v>
          </cell>
          <cell r="E685">
            <v>1743.0019400000001</v>
          </cell>
          <cell r="F685">
            <v>3486.0038800000002</v>
          </cell>
          <cell r="I685">
            <v>3486.0038800000002</v>
          </cell>
        </row>
        <row r="686">
          <cell r="A686" t="str">
            <v>P330</v>
          </cell>
          <cell r="B686">
            <v>-55.16722</v>
          </cell>
          <cell r="C686">
            <v>0.44955000000000001</v>
          </cell>
          <cell r="D686">
            <v>37610.597309999997</v>
          </cell>
          <cell r="E686">
            <v>37555.879639999999</v>
          </cell>
          <cell r="F686">
            <v>-160.65543</v>
          </cell>
          <cell r="G686">
            <v>2.8905500000000002</v>
          </cell>
          <cell r="H686">
            <v>11593.35837</v>
          </cell>
          <cell r="I686">
            <v>11435.593489999999</v>
          </cell>
        </row>
        <row r="687">
          <cell r="A687" t="str">
            <v>P331</v>
          </cell>
          <cell r="D687">
            <v>8468.6200399999998</v>
          </cell>
          <cell r="E687">
            <v>8468.6200399999998</v>
          </cell>
          <cell r="F687">
            <v>-2.0000000000000001E-4</v>
          </cell>
          <cell r="H687">
            <v>26878.835849999999</v>
          </cell>
          <cell r="I687">
            <v>26878.835650000001</v>
          </cell>
        </row>
        <row r="688">
          <cell r="A688" t="str">
            <v>P333</v>
          </cell>
          <cell r="D688">
            <v>-2473.9297200000001</v>
          </cell>
          <cell r="E688">
            <v>-2473.9297200000001</v>
          </cell>
          <cell r="H688">
            <v>-11086.052600000001</v>
          </cell>
          <cell r="I688">
            <v>-11086.052600000001</v>
          </cell>
        </row>
        <row r="689">
          <cell r="A689" t="str">
            <v>P338</v>
          </cell>
          <cell r="B689">
            <v>-55.16722</v>
          </cell>
          <cell r="C689">
            <v>0.44955000000000001</v>
          </cell>
          <cell r="D689">
            <v>31615.906989999999</v>
          </cell>
          <cell r="E689">
            <v>31561.189320000001</v>
          </cell>
          <cell r="F689">
            <v>-160.65522999999999</v>
          </cell>
          <cell r="G689">
            <v>2.8905500000000002</v>
          </cell>
          <cell r="H689">
            <v>-4199.4248799999996</v>
          </cell>
          <cell r="I689">
            <v>-4357.1895599999998</v>
          </cell>
        </row>
        <row r="690">
          <cell r="A690" t="str">
            <v>P400</v>
          </cell>
          <cell r="B690">
            <v>-6136.9472500000002</v>
          </cell>
          <cell r="D690">
            <v>-10545.931350000001</v>
          </cell>
          <cell r="E690">
            <v>-16682.8786</v>
          </cell>
          <cell r="F690">
            <v>42783.374759999999</v>
          </cell>
          <cell r="H690">
            <v>-50218.456590000002</v>
          </cell>
          <cell r="I690">
            <v>-7435.0818300000001</v>
          </cell>
        </row>
        <row r="691">
          <cell r="A691" t="str">
            <v>P410</v>
          </cell>
          <cell r="B691">
            <v>-39603.275869999998</v>
          </cell>
          <cell r="D691">
            <v>-18.168880000000001</v>
          </cell>
          <cell r="E691">
            <v>-39621.444750000002</v>
          </cell>
          <cell r="F691">
            <v>42480.4859</v>
          </cell>
          <cell r="H691">
            <v>-48.373010000000001</v>
          </cell>
          <cell r="I691">
            <v>42432.112889999997</v>
          </cell>
        </row>
        <row r="692">
          <cell r="A692" t="str">
            <v>P411</v>
          </cell>
          <cell r="B692">
            <v>1137.50775</v>
          </cell>
          <cell r="E692">
            <v>1137.50775</v>
          </cell>
          <cell r="F692">
            <v>2353.4643099999998</v>
          </cell>
          <cell r="I692">
            <v>2353.4643099999998</v>
          </cell>
        </row>
        <row r="693">
          <cell r="A693" t="str">
            <v>P412</v>
          </cell>
          <cell r="F693">
            <v>5419.1773199999998</v>
          </cell>
          <cell r="I693">
            <v>5419.1773199999998</v>
          </cell>
        </row>
        <row r="694">
          <cell r="A694" t="str">
            <v>P413</v>
          </cell>
          <cell r="B694">
            <v>-40740.783620000002</v>
          </cell>
          <cell r="D694">
            <v>-18.168880000000001</v>
          </cell>
          <cell r="E694">
            <v>-40758.952499999999</v>
          </cell>
          <cell r="F694">
            <v>34707.844270000001</v>
          </cell>
          <cell r="H694">
            <v>-48.373010000000001</v>
          </cell>
          <cell r="I694">
            <v>34659.471259999998</v>
          </cell>
        </row>
        <row r="695">
          <cell r="A695" t="str">
            <v>P420</v>
          </cell>
          <cell r="B695">
            <v>33466.32862</v>
          </cell>
          <cell r="D695">
            <v>-10527.76247</v>
          </cell>
          <cell r="E695">
            <v>22938.566149999999</v>
          </cell>
          <cell r="F695">
            <v>302.88886000000002</v>
          </cell>
          <cell r="H695">
            <v>-50170.083579999999</v>
          </cell>
          <cell r="I695">
            <v>-49867.19472</v>
          </cell>
        </row>
        <row r="696">
          <cell r="A696" t="str">
            <v>P421</v>
          </cell>
          <cell r="B696">
            <v>-29553.711060000001</v>
          </cell>
          <cell r="D696">
            <v>-425.90307999999999</v>
          </cell>
          <cell r="E696">
            <v>-29979.614140000001</v>
          </cell>
          <cell r="F696">
            <v>-29553.711060000001</v>
          </cell>
          <cell r="H696">
            <v>-425.97719000000001</v>
          </cell>
          <cell r="I696">
            <v>-29979.688249999999</v>
          </cell>
        </row>
        <row r="697">
          <cell r="A697" t="str">
            <v>P422</v>
          </cell>
          <cell r="B697">
            <v>63020.039680000002</v>
          </cell>
          <cell r="D697">
            <v>-10101.85939</v>
          </cell>
          <cell r="E697">
            <v>52918.180289999997</v>
          </cell>
          <cell r="F697">
            <v>29856.599920000001</v>
          </cell>
          <cell r="H697">
            <v>-49744.106390000001</v>
          </cell>
          <cell r="I697">
            <v>-19887.50647</v>
          </cell>
        </row>
        <row r="698">
          <cell r="A698" t="str">
            <v>P802</v>
          </cell>
          <cell r="B698">
            <v>55.16722</v>
          </cell>
          <cell r="C698">
            <v>-0.44955000000000001</v>
          </cell>
          <cell r="D698">
            <v>-37610.597309999997</v>
          </cell>
          <cell r="E698">
            <v>-37555.879639999999</v>
          </cell>
          <cell r="F698">
            <v>160.65543</v>
          </cell>
          <cell r="G698">
            <v>-2.8905500000000002</v>
          </cell>
          <cell r="H698">
            <v>-11593.35837</v>
          </cell>
          <cell r="I698">
            <v>-11435.593489999999</v>
          </cell>
        </row>
        <row r="699">
          <cell r="A699" t="str">
            <v>P331S</v>
          </cell>
          <cell r="D699">
            <v>-8468.6200399999998</v>
          </cell>
          <cell r="E699">
            <v>-8468.6200399999998</v>
          </cell>
          <cell r="F699">
            <v>2.0000000000000001E-4</v>
          </cell>
          <cell r="H699">
            <v>-26878.835849999999</v>
          </cell>
          <cell r="I699">
            <v>-26878.835650000001</v>
          </cell>
        </row>
        <row r="700">
          <cell r="A700" t="str">
            <v>P333S</v>
          </cell>
          <cell r="D700">
            <v>2473.9297200000001</v>
          </cell>
          <cell r="E700">
            <v>2473.9297200000001</v>
          </cell>
          <cell r="H700">
            <v>11086.052600000001</v>
          </cell>
          <cell r="I700">
            <v>11086.052600000001</v>
          </cell>
        </row>
        <row r="701">
          <cell r="A701" t="str">
            <v>P338S</v>
          </cell>
          <cell r="B701">
            <v>55.16722</v>
          </cell>
          <cell r="C701">
            <v>-0.44955000000000001</v>
          </cell>
          <cell r="D701">
            <v>-31615.906989999999</v>
          </cell>
          <cell r="E701">
            <v>-31561.189320000001</v>
          </cell>
          <cell r="F701">
            <v>160.65522999999999</v>
          </cell>
          <cell r="G701">
            <v>-2.8905500000000002</v>
          </cell>
          <cell r="H701">
            <v>4199.4248799999996</v>
          </cell>
          <cell r="I701">
            <v>4357.1895599999998</v>
          </cell>
        </row>
        <row r="702">
          <cell r="A702" t="str">
            <v>P803</v>
          </cell>
          <cell r="B702">
            <v>-8447.6195700000007</v>
          </cell>
          <cell r="D702">
            <v>-1799.9686200000001</v>
          </cell>
          <cell r="E702">
            <v>-10247.58819</v>
          </cell>
          <cell r="F702">
            <v>-17403.26887</v>
          </cell>
          <cell r="G702">
            <v>-7.2700000000000004E-3</v>
          </cell>
          <cell r="H702">
            <v>-2566.6434199999999</v>
          </cell>
          <cell r="I702">
            <v>-19969.919559999998</v>
          </cell>
        </row>
        <row r="703">
          <cell r="A703" t="str">
            <v>P311S</v>
          </cell>
          <cell r="D703">
            <v>1747.4099799999999</v>
          </cell>
          <cell r="E703">
            <v>1747.4099799999999</v>
          </cell>
          <cell r="H703">
            <v>4515.7374900000004</v>
          </cell>
          <cell r="I703">
            <v>4515.7374900000004</v>
          </cell>
        </row>
        <row r="704">
          <cell r="A704" t="str">
            <v>P320S</v>
          </cell>
          <cell r="B704">
            <v>-8447.6195700000007</v>
          </cell>
          <cell r="D704">
            <v>-3547.3786</v>
          </cell>
          <cell r="E704">
            <v>-11994.998170000001</v>
          </cell>
          <cell r="F704">
            <v>-17403.26887</v>
          </cell>
          <cell r="G704">
            <v>-7.2700000000000004E-3</v>
          </cell>
          <cell r="H704">
            <v>-7082.3809099999999</v>
          </cell>
          <cell r="I704">
            <v>-24485.657050000002</v>
          </cell>
        </row>
        <row r="705">
          <cell r="A705" t="str">
            <v>P321S</v>
          </cell>
          <cell r="B705">
            <v>-923.50081</v>
          </cell>
          <cell r="D705">
            <v>-3656.7739999999999</v>
          </cell>
          <cell r="E705">
            <v>-4580.2748099999999</v>
          </cell>
          <cell r="F705">
            <v>-2070.55969</v>
          </cell>
          <cell r="H705">
            <v>-7578.2337600000001</v>
          </cell>
          <cell r="I705">
            <v>-9648.7934499999992</v>
          </cell>
        </row>
        <row r="706">
          <cell r="A706" t="str">
            <v>P32103S</v>
          </cell>
          <cell r="B706">
            <v>-1113.02593</v>
          </cell>
          <cell r="D706">
            <v>-3656.7739999999999</v>
          </cell>
          <cell r="E706">
            <v>-4769.7999300000001</v>
          </cell>
          <cell r="F706">
            <v>-2242.6284599999999</v>
          </cell>
          <cell r="H706">
            <v>-7578.2337600000001</v>
          </cell>
          <cell r="I706">
            <v>-9820.8622200000009</v>
          </cell>
        </row>
        <row r="707">
          <cell r="A707" t="str">
            <v>P32104S</v>
          </cell>
          <cell r="B707">
            <v>189.52511999999999</v>
          </cell>
          <cell r="E707">
            <v>189.52511999999999</v>
          </cell>
          <cell r="F707">
            <v>172.06877</v>
          </cell>
          <cell r="I707">
            <v>172.06877</v>
          </cell>
        </row>
        <row r="708">
          <cell r="A708" t="str">
            <v>P322S</v>
          </cell>
          <cell r="B708">
            <v>-7641.9789300000002</v>
          </cell>
          <cell r="D708">
            <v>109.3954</v>
          </cell>
          <cell r="E708">
            <v>-7532.5835299999999</v>
          </cell>
          <cell r="F708">
            <v>-15912.50144</v>
          </cell>
          <cell r="G708">
            <v>-7.2700000000000004E-3</v>
          </cell>
          <cell r="H708">
            <v>495.85284999999999</v>
          </cell>
          <cell r="I708">
            <v>-15416.655860000001</v>
          </cell>
        </row>
        <row r="709">
          <cell r="A709" t="str">
            <v>P323S</v>
          </cell>
          <cell r="B709">
            <v>117.86017</v>
          </cell>
          <cell r="E709">
            <v>117.86017</v>
          </cell>
          <cell r="F709">
            <v>579.79226000000006</v>
          </cell>
          <cell r="I709">
            <v>579.79226000000006</v>
          </cell>
        </row>
        <row r="710">
          <cell r="A710" t="str">
            <v>P804</v>
          </cell>
          <cell r="B710">
            <v>29553.711060000001</v>
          </cell>
          <cell r="D710">
            <v>425.90307999999999</v>
          </cell>
          <cell r="E710">
            <v>29979.614140000001</v>
          </cell>
          <cell r="F710">
            <v>24134.533739999999</v>
          </cell>
          <cell r="H710">
            <v>425.97719000000001</v>
          </cell>
          <cell r="I710">
            <v>24560.51093</v>
          </cell>
        </row>
        <row r="711">
          <cell r="A711" t="str">
            <v>P412S</v>
          </cell>
          <cell r="F711">
            <v>-5419.1773199999998</v>
          </cell>
          <cell r="I711">
            <v>-5419.1773199999998</v>
          </cell>
        </row>
        <row r="712">
          <cell r="A712" t="str">
            <v>P421S</v>
          </cell>
          <cell r="B712">
            <v>29553.711060000001</v>
          </cell>
          <cell r="D712">
            <v>425.90307999999999</v>
          </cell>
          <cell r="E712">
            <v>29979.614140000001</v>
          </cell>
          <cell r="F712">
            <v>29553.711060000001</v>
          </cell>
          <cell r="H712">
            <v>425.97719000000001</v>
          </cell>
          <cell r="I712">
            <v>29979.688249999999</v>
          </cell>
        </row>
        <row r="713">
          <cell r="A713" t="str">
            <v>P805</v>
          </cell>
          <cell r="D713">
            <v>-459.41593</v>
          </cell>
          <cell r="E713">
            <v>-459.41593</v>
          </cell>
          <cell r="H713">
            <v>-918.83186000000001</v>
          </cell>
          <cell r="I713">
            <v>-918.83186000000001</v>
          </cell>
        </row>
        <row r="714">
          <cell r="A714" t="str">
            <v>P280S</v>
          </cell>
          <cell r="D714">
            <v>-459.41593</v>
          </cell>
          <cell r="E714">
            <v>-459.41593</v>
          </cell>
          <cell r="H714">
            <v>-918.83186000000001</v>
          </cell>
          <cell r="I714">
            <v>-918.83186000000001</v>
          </cell>
        </row>
        <row r="715">
          <cell r="A715" t="str">
            <v>AF</v>
          </cell>
          <cell r="B715">
            <v>-4611.7479899999998</v>
          </cell>
          <cell r="C715">
            <v>-1974.5885900000001</v>
          </cell>
          <cell r="D715">
            <v>-8335.84836</v>
          </cell>
          <cell r="E715">
            <v>-14922.184939999999</v>
          </cell>
          <cell r="F715">
            <v>-21379.653279999999</v>
          </cell>
          <cell r="G715">
            <v>-884.61221</v>
          </cell>
          <cell r="H715">
            <v>-44921.415739999997</v>
          </cell>
          <cell r="I715">
            <v>-67185.681230000002</v>
          </cell>
        </row>
        <row r="716">
          <cell r="A716" t="str">
            <v>C212_C2E</v>
          </cell>
        </row>
        <row r="717">
          <cell r="A717" t="str">
            <v>C212_TRUE</v>
          </cell>
          <cell r="B717">
            <v>-4611.7479899999998</v>
          </cell>
          <cell r="C717">
            <v>-1956.4197099999999</v>
          </cell>
          <cell r="D717">
            <v>-1.2517</v>
          </cell>
          <cell r="E717">
            <v>-6569.4193999999998</v>
          </cell>
          <cell r="F717">
            <v>-21379.653279999999</v>
          </cell>
          <cell r="G717">
            <v>-787.20889999999997</v>
          </cell>
          <cell r="H717">
            <v>-0.17111999999999999</v>
          </cell>
          <cell r="I717">
            <v>-22167.033299999999</v>
          </cell>
        </row>
        <row r="718">
          <cell r="A718" t="str">
            <v>P400N</v>
          </cell>
          <cell r="C718">
            <v>-18.168880000000001</v>
          </cell>
          <cell r="D718">
            <v>-8334.5966599999992</v>
          </cell>
          <cell r="E718">
            <v>-8352.7655400000003</v>
          </cell>
          <cell r="G718">
            <v>-97.403310000000005</v>
          </cell>
          <cell r="H718">
            <v>-44921.244619999998</v>
          </cell>
          <cell r="I718">
            <v>-45018.647929999999</v>
          </cell>
        </row>
        <row r="719">
          <cell r="A719" t="str">
            <v>CF</v>
          </cell>
          <cell r="B719">
            <v>0</v>
          </cell>
          <cell r="C719">
            <v>0</v>
          </cell>
          <cell r="D719">
            <v>0</v>
          </cell>
          <cell r="E719">
            <v>0</v>
          </cell>
          <cell r="F719">
            <v>0</v>
          </cell>
          <cell r="G719">
            <v>0</v>
          </cell>
          <cell r="H719">
            <v>0</v>
          </cell>
          <cell r="I719">
            <v>0</v>
          </cell>
        </row>
        <row r="720">
          <cell r="A720" t="str">
            <v>BBCFCHK</v>
          </cell>
          <cell r="B720">
            <v>-595885.87320000003</v>
          </cell>
          <cell r="C720">
            <v>4896.8880799999997</v>
          </cell>
          <cell r="D720">
            <v>444129.28788000002</v>
          </cell>
          <cell r="E720">
            <v>-146859.69724000001</v>
          </cell>
          <cell r="F720">
            <v>-338407.09866000002</v>
          </cell>
          <cell r="G720">
            <v>4932.9261999999999</v>
          </cell>
          <cell r="H720">
            <v>104873.2488</v>
          </cell>
          <cell r="I720">
            <v>-228600.92366</v>
          </cell>
        </row>
        <row r="721">
          <cell r="A721" t="str">
            <v>C7</v>
          </cell>
          <cell r="B721">
            <v>297942.93660000002</v>
          </cell>
          <cell r="C721">
            <v>-2448.4440399999999</v>
          </cell>
          <cell r="D721">
            <v>-222064.64394000001</v>
          </cell>
          <cell r="E721">
            <v>73429.848620000004</v>
          </cell>
          <cell r="F721">
            <v>169203.54933000001</v>
          </cell>
          <cell r="G721">
            <v>-2466.4630999999999</v>
          </cell>
          <cell r="H721">
            <v>-52436.624400000001</v>
          </cell>
          <cell r="I721">
            <v>114300.46183</v>
          </cell>
        </row>
        <row r="722">
          <cell r="A722" t="str">
            <v>C710</v>
          </cell>
          <cell r="B722">
            <v>297942.93660000002</v>
          </cell>
          <cell r="C722">
            <v>-2448.4440399999999</v>
          </cell>
          <cell r="D722">
            <v>-222064.64394000001</v>
          </cell>
          <cell r="E722">
            <v>73429.848620000004</v>
          </cell>
          <cell r="F722">
            <v>169203.54933000001</v>
          </cell>
          <cell r="G722">
            <v>-2466.4630999999999</v>
          </cell>
          <cell r="H722">
            <v>-52436.624400000001</v>
          </cell>
          <cell r="I722">
            <v>114300.46183</v>
          </cell>
        </row>
        <row r="723">
          <cell r="A723" t="str">
            <v>C6</v>
          </cell>
          <cell r="B723">
            <v>297942.93660000002</v>
          </cell>
          <cell r="C723">
            <v>-2448.4440399999999</v>
          </cell>
          <cell r="D723">
            <v>-222064.64394000001</v>
          </cell>
          <cell r="E723">
            <v>73429.848620000004</v>
          </cell>
          <cell r="F723">
            <v>169203.54933000001</v>
          </cell>
          <cell r="G723">
            <v>-2466.4630999999999</v>
          </cell>
          <cell r="H723">
            <v>-52436.624400000001</v>
          </cell>
          <cell r="I723">
            <v>114300.46183</v>
          </cell>
        </row>
        <row r="724">
          <cell r="A724" t="str">
            <v>C3</v>
          </cell>
          <cell r="B724">
            <v>139049.46651</v>
          </cell>
          <cell r="C724">
            <v>-6525.0182599999998</v>
          </cell>
          <cell r="D724">
            <v>27660.024389999999</v>
          </cell>
          <cell r="E724">
            <v>160184.47263999999</v>
          </cell>
          <cell r="F724">
            <v>314545.80739999999</v>
          </cell>
          <cell r="G724">
            <v>979.36785999999995</v>
          </cell>
          <cell r="H724">
            <v>-81166.895250000001</v>
          </cell>
          <cell r="I724">
            <v>234358.28000999999</v>
          </cell>
        </row>
        <row r="725">
          <cell r="A725" t="str">
            <v>C3</v>
          </cell>
          <cell r="B725">
            <v>0</v>
          </cell>
          <cell r="C725">
            <v>0</v>
          </cell>
          <cell r="D725">
            <v>0</v>
          </cell>
          <cell r="E725">
            <v>0</v>
          </cell>
          <cell r="F725">
            <v>0</v>
          </cell>
          <cell r="G725">
            <v>0</v>
          </cell>
          <cell r="H725">
            <v>0</v>
          </cell>
          <cell r="I725">
            <v>0</v>
          </cell>
        </row>
        <row r="726">
          <cell r="A726" t="str">
            <v>C1</v>
          </cell>
          <cell r="B726">
            <v>144932.00026</v>
          </cell>
          <cell r="C726">
            <v>-6524.9859399999996</v>
          </cell>
          <cell r="D726">
            <v>26202.193579999999</v>
          </cell>
          <cell r="E726">
            <v>164609.20790000001</v>
          </cell>
          <cell r="F726">
            <v>340284.37555</v>
          </cell>
          <cell r="G726">
            <v>979.40017999999998</v>
          </cell>
          <cell r="H726">
            <v>-85376.881959999999</v>
          </cell>
          <cell r="I726">
            <v>255886.89377</v>
          </cell>
        </row>
        <row r="727">
          <cell r="A727" t="str">
            <v>C110</v>
          </cell>
          <cell r="B727">
            <v>69913.660040000002</v>
          </cell>
          <cell r="C727">
            <v>1942.3771300000001</v>
          </cell>
          <cell r="D727">
            <v>-79673.49106</v>
          </cell>
          <cell r="E727">
            <v>-7817.4538899999998</v>
          </cell>
          <cell r="F727">
            <v>138008.82579999999</v>
          </cell>
          <cell r="G727">
            <v>2594.8822399999999</v>
          </cell>
          <cell r="H727">
            <v>-22628.725920000001</v>
          </cell>
          <cell r="I727">
            <v>117974.98212</v>
          </cell>
        </row>
        <row r="728">
          <cell r="A728" t="str">
            <v>C120</v>
          </cell>
          <cell r="B728">
            <v>31327.669979999999</v>
          </cell>
          <cell r="C728">
            <v>46.699129999999997</v>
          </cell>
          <cell r="D728">
            <v>64.795929999999998</v>
          </cell>
          <cell r="E728">
            <v>31439.16504</v>
          </cell>
          <cell r="F728">
            <v>63418.260699999999</v>
          </cell>
          <cell r="G728">
            <v>93.705939999999998</v>
          </cell>
          <cell r="H728">
            <v>111.92695999999999</v>
          </cell>
          <cell r="I728">
            <v>63623.893600000003</v>
          </cell>
        </row>
        <row r="729">
          <cell r="A729" t="str">
            <v>C130</v>
          </cell>
          <cell r="B729">
            <v>111421.70265000001</v>
          </cell>
          <cell r="C729">
            <v>2661.0473099999999</v>
          </cell>
          <cell r="D729">
            <v>56820.077279999998</v>
          </cell>
          <cell r="E729">
            <v>170902.82724000001</v>
          </cell>
          <cell r="F729">
            <v>76999.231790000005</v>
          </cell>
          <cell r="G729">
            <v>-898.17017999999996</v>
          </cell>
          <cell r="H729">
            <v>24560.381990000002</v>
          </cell>
          <cell r="I729">
            <v>100661.4436</v>
          </cell>
        </row>
        <row r="730">
          <cell r="A730" t="str">
            <v>C131</v>
          </cell>
          <cell r="B730">
            <v>47150.063320000001</v>
          </cell>
          <cell r="C730">
            <v>-185.73411999999999</v>
          </cell>
          <cell r="D730">
            <v>4630.0883199999998</v>
          </cell>
          <cell r="E730">
            <v>51594.417520000003</v>
          </cell>
          <cell r="F730">
            <v>72924.675040000002</v>
          </cell>
          <cell r="G730">
            <v>-187.81385</v>
          </cell>
          <cell r="H730">
            <v>-5542.3239100000001</v>
          </cell>
          <cell r="I730">
            <v>67194.537280000004</v>
          </cell>
        </row>
        <row r="731">
          <cell r="A731" t="str">
            <v>C132P</v>
          </cell>
          <cell r="B731">
            <v>83354.622319999995</v>
          </cell>
          <cell r="C731">
            <v>3408.09764</v>
          </cell>
          <cell r="D731">
            <v>51664.698700000001</v>
          </cell>
          <cell r="E731">
            <v>138427.41866</v>
          </cell>
          <cell r="F731">
            <v>11573.268679999999</v>
          </cell>
          <cell r="G731">
            <v>2383.3618900000001</v>
          </cell>
          <cell r="H731">
            <v>37606.174189999998</v>
          </cell>
          <cell r="I731">
            <v>51562.804759999999</v>
          </cell>
        </row>
        <row r="732">
          <cell r="A732" t="str">
            <v>C13201</v>
          </cell>
          <cell r="B732">
            <v>83409.789539999998</v>
          </cell>
          <cell r="C732">
            <v>3407.6480900000001</v>
          </cell>
          <cell r="D732">
            <v>20048.791710000001</v>
          </cell>
          <cell r="E732">
            <v>106866.22934000001</v>
          </cell>
          <cell r="F732">
            <v>11733.92391</v>
          </cell>
          <cell r="G732">
            <v>2380.4713400000001</v>
          </cell>
          <cell r="H732">
            <v>41805.599069999997</v>
          </cell>
          <cell r="I732">
            <v>55919.994319999998</v>
          </cell>
        </row>
        <row r="733">
          <cell r="A733" t="str">
            <v>C13204</v>
          </cell>
          <cell r="B733">
            <v>-55.16722</v>
          </cell>
          <cell r="C733">
            <v>0.44955000000000001</v>
          </cell>
          <cell r="D733">
            <v>31615.906989999999</v>
          </cell>
          <cell r="E733">
            <v>31561.189320000001</v>
          </cell>
          <cell r="F733">
            <v>-160.65522999999999</v>
          </cell>
          <cell r="G733">
            <v>2.8905500000000002</v>
          </cell>
          <cell r="H733">
            <v>-4199.4248799999996</v>
          </cell>
          <cell r="I733">
            <v>-4357.1895599999998</v>
          </cell>
        </row>
        <row r="734">
          <cell r="A734" t="str">
            <v>C133</v>
          </cell>
          <cell r="B734">
            <v>-4825.6920799999998</v>
          </cell>
          <cell r="C734">
            <v>-561.50091999999995</v>
          </cell>
          <cell r="D734">
            <v>2934.8250499999999</v>
          </cell>
          <cell r="E734">
            <v>-2452.3679499999998</v>
          </cell>
          <cell r="F734">
            <v>-4184.8271800000002</v>
          </cell>
          <cell r="G734">
            <v>-3093.9211399999999</v>
          </cell>
          <cell r="H734">
            <v>-3493.29747</v>
          </cell>
          <cell r="I734">
            <v>-10772.04579</v>
          </cell>
        </row>
        <row r="735">
          <cell r="A735" t="str">
            <v>C134</v>
          </cell>
          <cell r="B735">
            <v>-14257.29091</v>
          </cell>
          <cell r="C735">
            <v>0.18471000000000001</v>
          </cell>
          <cell r="D735">
            <v>-2409.5347900000002</v>
          </cell>
          <cell r="E735">
            <v>-16666.64099</v>
          </cell>
          <cell r="F735">
            <v>-3313.8847500000002</v>
          </cell>
          <cell r="G735">
            <v>0.20291999999999999</v>
          </cell>
          <cell r="H735">
            <v>-4010.1708199999998</v>
          </cell>
          <cell r="I735">
            <v>-7323.8526499999998</v>
          </cell>
        </row>
        <row r="736">
          <cell r="A736" t="str">
            <v>C135</v>
          </cell>
        </row>
        <row r="737">
          <cell r="A737" t="str">
            <v>C150</v>
          </cell>
          <cell r="B737">
            <v>34113.466520000002</v>
          </cell>
          <cell r="D737">
            <v>-10866.45117</v>
          </cell>
          <cell r="E737">
            <v>23247.015350000001</v>
          </cell>
          <cell r="F737">
            <v>3644.95028</v>
          </cell>
          <cell r="H737">
            <v>-51867.92686</v>
          </cell>
          <cell r="I737">
            <v>-48222.976580000002</v>
          </cell>
        </row>
        <row r="738">
          <cell r="A738" t="str">
            <v>C15001</v>
          </cell>
          <cell r="B738">
            <v>1743.0019400000001</v>
          </cell>
          <cell r="E738">
            <v>1743.0019400000001</v>
          </cell>
          <cell r="F738">
            <v>3486.0038800000002</v>
          </cell>
          <cell r="I738">
            <v>3486.0038800000002</v>
          </cell>
        </row>
        <row r="739">
          <cell r="A739" t="str">
            <v>C15002</v>
          </cell>
          <cell r="B739">
            <v>33466.32862</v>
          </cell>
          <cell r="D739">
            <v>-10527.76247</v>
          </cell>
          <cell r="E739">
            <v>22938.566149999999</v>
          </cell>
          <cell r="F739">
            <v>302.88886000000002</v>
          </cell>
          <cell r="H739">
            <v>-50170.083579999999</v>
          </cell>
          <cell r="I739">
            <v>-49867.19472</v>
          </cell>
        </row>
        <row r="740">
          <cell r="A740" t="str">
            <v>C15003</v>
          </cell>
          <cell r="B740">
            <v>-1095.8640399999999</v>
          </cell>
          <cell r="D740">
            <v>-338.68869999999998</v>
          </cell>
          <cell r="E740">
            <v>-1434.5527400000001</v>
          </cell>
          <cell r="F740">
            <v>-143.94246000000001</v>
          </cell>
          <cell r="H740">
            <v>-1697.84328</v>
          </cell>
          <cell r="I740">
            <v>-1841.78574</v>
          </cell>
        </row>
        <row r="741">
          <cell r="A741" t="str">
            <v>C15004</v>
          </cell>
        </row>
        <row r="742">
          <cell r="A742" t="str">
            <v>C160</v>
          </cell>
          <cell r="B742">
            <v>-72431.844570000001</v>
          </cell>
          <cell r="C742">
            <v>-11175.10951</v>
          </cell>
          <cell r="D742">
            <v>79965.433869999993</v>
          </cell>
          <cell r="E742">
            <v>-3641.5202100000001</v>
          </cell>
          <cell r="F742">
            <v>-5156.6516700000002</v>
          </cell>
          <cell r="G742">
            <v>-811.02508999999998</v>
          </cell>
          <cell r="H742">
            <v>-2261.7779500000001</v>
          </cell>
          <cell r="I742">
            <v>-8229.45471</v>
          </cell>
        </row>
        <row r="743">
          <cell r="A743" t="str">
            <v>C16001</v>
          </cell>
          <cell r="B743">
            <v>-70633.993719999999</v>
          </cell>
          <cell r="C743">
            <v>-11175.10951</v>
          </cell>
          <cell r="D743">
            <v>79965.433869999993</v>
          </cell>
          <cell r="E743">
            <v>-1843.6693600000001</v>
          </cell>
          <cell r="F743">
            <v>-2845.8068499999999</v>
          </cell>
          <cell r="G743">
            <v>-811.02508999999998</v>
          </cell>
          <cell r="H743">
            <v>-2261.7779500000001</v>
          </cell>
          <cell r="I743">
            <v>-5918.6098899999997</v>
          </cell>
        </row>
        <row r="744">
          <cell r="A744" t="str">
            <v>C16002</v>
          </cell>
          <cell r="B744">
            <v>-660.34310000000005</v>
          </cell>
          <cell r="E744">
            <v>-660.34310000000005</v>
          </cell>
          <cell r="F744">
            <v>42.619489999999999</v>
          </cell>
          <cell r="I744">
            <v>42.619489999999999</v>
          </cell>
        </row>
        <row r="745">
          <cell r="A745" t="str">
            <v>C16004</v>
          </cell>
        </row>
        <row r="746">
          <cell r="A746" t="str">
            <v>C16006</v>
          </cell>
          <cell r="B746">
            <v>-1137.50775</v>
          </cell>
          <cell r="E746">
            <v>-1137.50775</v>
          </cell>
          <cell r="F746">
            <v>-2353.4643099999998</v>
          </cell>
          <cell r="I746">
            <v>-2353.4643099999998</v>
          </cell>
        </row>
        <row r="747">
          <cell r="A747" t="str">
            <v>C16008</v>
          </cell>
        </row>
        <row r="748">
          <cell r="A748" t="str">
            <v>C16009</v>
          </cell>
        </row>
        <row r="749">
          <cell r="A749" t="str">
            <v>C170</v>
          </cell>
          <cell r="B749">
            <v>-29412.65436</v>
          </cell>
          <cell r="D749">
            <v>1781.7997399999999</v>
          </cell>
          <cell r="E749">
            <v>-27630.854619999998</v>
          </cell>
          <cell r="F749">
            <v>63369.758650000003</v>
          </cell>
          <cell r="G749">
            <v>7.2700000000000004E-3</v>
          </cell>
          <cell r="H749">
            <v>2518.2704100000001</v>
          </cell>
          <cell r="I749">
            <v>65888.036330000003</v>
          </cell>
        </row>
        <row r="750">
          <cell r="A750" t="str">
            <v>C17001</v>
          </cell>
          <cell r="B750">
            <v>-39603.275869999998</v>
          </cell>
          <cell r="D750">
            <v>-18.168880000000001</v>
          </cell>
          <cell r="E750">
            <v>-39621.444750000002</v>
          </cell>
          <cell r="F750">
            <v>42480.4859</v>
          </cell>
          <cell r="H750">
            <v>-48.373010000000001</v>
          </cell>
          <cell r="I750">
            <v>42432.112889999997</v>
          </cell>
        </row>
        <row r="751">
          <cell r="A751" t="str">
            <v>C17002</v>
          </cell>
          <cell r="B751">
            <v>10190.621510000001</v>
          </cell>
          <cell r="D751">
            <v>3547.3786</v>
          </cell>
          <cell r="E751">
            <v>13738.000110000001</v>
          </cell>
          <cell r="F751">
            <v>20889.27275</v>
          </cell>
          <cell r="G751">
            <v>7.2700000000000004E-3</v>
          </cell>
          <cell r="H751">
            <v>7082.3809099999999</v>
          </cell>
          <cell r="I751">
            <v>27971.660929999998</v>
          </cell>
        </row>
        <row r="752">
          <cell r="A752" t="str">
            <v>C17003</v>
          </cell>
          <cell r="D752">
            <v>-1747.4099799999999</v>
          </cell>
          <cell r="E752">
            <v>-1747.4099799999999</v>
          </cell>
          <cell r="H752">
            <v>-4515.7374900000004</v>
          </cell>
          <cell r="I752">
            <v>-4515.7374900000004</v>
          </cell>
        </row>
        <row r="753">
          <cell r="A753" t="str">
            <v>C180</v>
          </cell>
          <cell r="D753">
            <v>-21889.971010000001</v>
          </cell>
          <cell r="E753">
            <v>-21889.971010000001</v>
          </cell>
          <cell r="H753">
            <v>-35809.030590000002</v>
          </cell>
          <cell r="I753">
            <v>-35809.030590000002</v>
          </cell>
        </row>
        <row r="754">
          <cell r="A754" t="str">
            <v>C2</v>
          </cell>
          <cell r="B754">
            <v>-5882.5337499999996</v>
          </cell>
          <cell r="C754">
            <v>-3.2320000000000002E-2</v>
          </cell>
          <cell r="D754">
            <v>1457.8308099999999</v>
          </cell>
          <cell r="E754">
            <v>-4424.7352600000004</v>
          </cell>
          <cell r="F754">
            <v>-25738.568149999999</v>
          </cell>
          <cell r="G754">
            <v>-3.2320000000000002E-2</v>
          </cell>
          <cell r="H754">
            <v>4209.9867100000001</v>
          </cell>
          <cell r="I754">
            <v>-21528.61376</v>
          </cell>
        </row>
        <row r="755">
          <cell r="A755" t="str">
            <v>C210</v>
          </cell>
          <cell r="B755">
            <v>-6000.3939200000004</v>
          </cell>
          <cell r="C755">
            <v>-3.2320000000000002E-2</v>
          </cell>
          <cell r="D755">
            <v>-289.57916999999998</v>
          </cell>
          <cell r="E755">
            <v>-6290.0054099999998</v>
          </cell>
          <cell r="F755">
            <v>-26318.360410000001</v>
          </cell>
          <cell r="G755">
            <v>-3.2320000000000002E-2</v>
          </cell>
          <cell r="H755">
            <v>-73.166619999999995</v>
          </cell>
          <cell r="I755">
            <v>-26391.55935</v>
          </cell>
        </row>
        <row r="756">
          <cell r="A756" t="str">
            <v>C211</v>
          </cell>
          <cell r="B756">
            <v>-3362.4236000000001</v>
          </cell>
          <cell r="C756">
            <v>-3.2320000000000002E-2</v>
          </cell>
          <cell r="D756">
            <v>-288.32747000000001</v>
          </cell>
          <cell r="E756">
            <v>-3650.7833900000001</v>
          </cell>
          <cell r="F756">
            <v>-7751.4320399999997</v>
          </cell>
          <cell r="G756">
            <v>-3.2320000000000002E-2</v>
          </cell>
          <cell r="H756">
            <v>-72.995500000000007</v>
          </cell>
          <cell r="I756">
            <v>-7824.4598599999999</v>
          </cell>
        </row>
        <row r="757">
          <cell r="A757" t="str">
            <v>C21101</v>
          </cell>
          <cell r="B757">
            <v>64.095569999999995</v>
          </cell>
          <cell r="C757">
            <v>-3.2320000000000002E-2</v>
          </cell>
          <cell r="D757">
            <v>-288.32747000000001</v>
          </cell>
          <cell r="E757">
            <v>-224.26421999999999</v>
          </cell>
          <cell r="F757">
            <v>-2269.6582899999999</v>
          </cell>
          <cell r="G757">
            <v>-3.2320000000000002E-2</v>
          </cell>
          <cell r="H757">
            <v>-72.995500000000007</v>
          </cell>
          <cell r="I757">
            <v>-2342.6861100000001</v>
          </cell>
        </row>
        <row r="758">
          <cell r="A758" t="str">
            <v>C21102</v>
          </cell>
          <cell r="B758">
            <v>-3308.6590000000001</v>
          </cell>
          <cell r="E758">
            <v>-3308.6590000000001</v>
          </cell>
          <cell r="F758">
            <v>-4901.9814900000001</v>
          </cell>
          <cell r="I758">
            <v>-4901.9814900000001</v>
          </cell>
        </row>
        <row r="759">
          <cell r="A759" t="str">
            <v>C21103</v>
          </cell>
          <cell r="B759">
            <v>-117.86017</v>
          </cell>
          <cell r="E759">
            <v>-117.86017</v>
          </cell>
          <cell r="F759">
            <v>-579.79226000000006</v>
          </cell>
          <cell r="I759">
            <v>-579.79226000000006</v>
          </cell>
        </row>
        <row r="760">
          <cell r="A760" t="str">
            <v>C212</v>
          </cell>
          <cell r="B760">
            <v>-4611.7479899999998</v>
          </cell>
          <cell r="C760">
            <v>-1956.4197099999999</v>
          </cell>
          <cell r="D760">
            <v>-1.2517</v>
          </cell>
          <cell r="E760">
            <v>-6569.4193999999998</v>
          </cell>
          <cell r="F760">
            <v>-21379.653279999999</v>
          </cell>
          <cell r="G760">
            <v>-787.20889999999997</v>
          </cell>
          <cell r="H760">
            <v>-0.17111999999999999</v>
          </cell>
          <cell r="I760">
            <v>-22167.033299999999</v>
          </cell>
        </row>
        <row r="761">
          <cell r="A761" t="str">
            <v>C21201</v>
          </cell>
        </row>
        <row r="762">
          <cell r="A762" t="str">
            <v>C21202</v>
          </cell>
          <cell r="B762">
            <v>28.780390000000001</v>
          </cell>
          <cell r="C762">
            <v>-541.33930999999995</v>
          </cell>
          <cell r="E762">
            <v>-512.55891999999994</v>
          </cell>
          <cell r="F762">
            <v>-48.431530000000002</v>
          </cell>
          <cell r="G762">
            <v>163.91945000000001</v>
          </cell>
          <cell r="I762">
            <v>115.48792</v>
          </cell>
        </row>
        <row r="763">
          <cell r="A763" t="str">
            <v>C21203</v>
          </cell>
          <cell r="B763">
            <v>-261.01812000000001</v>
          </cell>
          <cell r="D763">
            <v>-1.2517</v>
          </cell>
          <cell r="E763">
            <v>-262.26981999999998</v>
          </cell>
          <cell r="F763">
            <v>-1000.52948</v>
          </cell>
          <cell r="H763">
            <v>-0.17111999999999999</v>
          </cell>
          <cell r="I763">
            <v>-1000.7006</v>
          </cell>
        </row>
        <row r="764">
          <cell r="A764" t="str">
            <v>C21204</v>
          </cell>
          <cell r="B764">
            <v>-2376.9522000000002</v>
          </cell>
          <cell r="E764">
            <v>-2376.9522000000002</v>
          </cell>
          <cell r="F764">
            <v>-17566.39889</v>
          </cell>
          <cell r="I764">
            <v>-17566.39889</v>
          </cell>
        </row>
        <row r="765">
          <cell r="A765" t="str">
            <v>C21205</v>
          </cell>
          <cell r="B765">
            <v>-803.70973000000004</v>
          </cell>
          <cell r="C765">
            <v>-808.33446000000004</v>
          </cell>
          <cell r="E765">
            <v>-1612.0441900000001</v>
          </cell>
          <cell r="F765">
            <v>-810.29637000000002</v>
          </cell>
          <cell r="G765">
            <v>-397.7285</v>
          </cell>
          <cell r="I765">
            <v>-1208.02487</v>
          </cell>
        </row>
        <row r="766">
          <cell r="A766" t="str">
            <v>C21206</v>
          </cell>
          <cell r="B766">
            <v>-108.90331</v>
          </cell>
          <cell r="E766">
            <v>-108.90331</v>
          </cell>
          <cell r="F766">
            <v>-111.33389</v>
          </cell>
          <cell r="I766">
            <v>-111.33389</v>
          </cell>
        </row>
        <row r="767">
          <cell r="A767" t="str">
            <v>C21207</v>
          </cell>
          <cell r="B767">
            <v>-1089.9450200000001</v>
          </cell>
          <cell r="C767">
            <v>-606.74594000000002</v>
          </cell>
          <cell r="E767">
            <v>-1696.6909599999999</v>
          </cell>
          <cell r="F767">
            <v>-1842.6631199999999</v>
          </cell>
          <cell r="G767">
            <v>-553.39985000000001</v>
          </cell>
          <cell r="I767">
            <v>-2396.06297</v>
          </cell>
        </row>
        <row r="768">
          <cell r="A768" t="str">
            <v>C213</v>
          </cell>
          <cell r="B768">
            <v>1973.7776699999999</v>
          </cell>
          <cell r="C768">
            <v>1956.4197099999999</v>
          </cell>
          <cell r="E768">
            <v>3930.1973800000001</v>
          </cell>
          <cell r="F768">
            <v>2812.7249099999999</v>
          </cell>
          <cell r="G768">
            <v>787.20889999999997</v>
          </cell>
          <cell r="I768">
            <v>3599.93381</v>
          </cell>
        </row>
        <row r="769">
          <cell r="A769" t="str">
            <v>C217</v>
          </cell>
          <cell r="H769">
            <v>-232.58416</v>
          </cell>
          <cell r="I769">
            <v>-232.58416</v>
          </cell>
        </row>
        <row r="770">
          <cell r="A770" t="str">
            <v>C220</v>
          </cell>
        </row>
        <row r="771">
          <cell r="A771" t="str">
            <v>C22001</v>
          </cell>
        </row>
        <row r="772">
          <cell r="A772" t="str">
            <v>C22002</v>
          </cell>
        </row>
        <row r="773">
          <cell r="A773" t="str">
            <v>C22021</v>
          </cell>
        </row>
        <row r="774">
          <cell r="A774" t="str">
            <v>C22022</v>
          </cell>
        </row>
        <row r="775">
          <cell r="A775" t="str">
            <v>C230</v>
          </cell>
        </row>
        <row r="776">
          <cell r="A776" t="str">
            <v>C231</v>
          </cell>
        </row>
        <row r="777">
          <cell r="A777" t="str">
            <v>C23102</v>
          </cell>
        </row>
        <row r="778">
          <cell r="A778" t="str">
            <v>C240P</v>
          </cell>
          <cell r="D778">
            <v>1747.4099799999999</v>
          </cell>
          <cell r="E778">
            <v>1747.4099799999999</v>
          </cell>
          <cell r="H778">
            <v>4515.7374900000004</v>
          </cell>
          <cell r="I778">
            <v>4515.7374900000004</v>
          </cell>
        </row>
        <row r="779">
          <cell r="A779" t="str">
            <v>C24001</v>
          </cell>
          <cell r="D779">
            <v>1747.4099799999999</v>
          </cell>
          <cell r="E779">
            <v>1747.4099799999999</v>
          </cell>
          <cell r="H779">
            <v>4515.7374900000004</v>
          </cell>
          <cell r="I779">
            <v>4515.7374900000004</v>
          </cell>
        </row>
        <row r="780">
          <cell r="A780" t="str">
            <v>C250</v>
          </cell>
          <cell r="B780">
            <v>117.86017</v>
          </cell>
          <cell r="E780">
            <v>117.86017</v>
          </cell>
          <cell r="F780">
            <v>579.79226000000006</v>
          </cell>
          <cell r="I780">
            <v>579.79226000000006</v>
          </cell>
        </row>
        <row r="781">
          <cell r="A781" t="str">
            <v>C4</v>
          </cell>
          <cell r="B781">
            <v>158838.30287000001</v>
          </cell>
          <cell r="C781">
            <v>4077.0237699999998</v>
          </cell>
          <cell r="D781">
            <v>-218108.76134</v>
          </cell>
          <cell r="E781">
            <v>-55193.434699999998</v>
          </cell>
          <cell r="F781">
            <v>-145502.91329999999</v>
          </cell>
          <cell r="G781">
            <v>-3442.9404100000002</v>
          </cell>
          <cell r="H781">
            <v>24530.845969999998</v>
          </cell>
          <cell r="I781">
            <v>-124415.00774</v>
          </cell>
        </row>
        <row r="782">
          <cell r="A782" t="str">
            <v>C410</v>
          </cell>
          <cell r="B782">
            <v>167697.97940000001</v>
          </cell>
          <cell r="C782">
            <v>4077.0237699999998</v>
          </cell>
          <cell r="D782">
            <v>-214561.38274</v>
          </cell>
          <cell r="E782">
            <v>-42786.379569999997</v>
          </cell>
          <cell r="F782">
            <v>-127174.86031</v>
          </cell>
          <cell r="G782">
            <v>-3442.9331400000001</v>
          </cell>
          <cell r="H782">
            <v>31613.226879999998</v>
          </cell>
          <cell r="I782">
            <v>-99004.566569999995</v>
          </cell>
        </row>
        <row r="783">
          <cell r="A783" t="str">
            <v>C411</v>
          </cell>
          <cell r="B783">
            <v>173935.07535999999</v>
          </cell>
          <cell r="C783">
            <v>4077.0237699999998</v>
          </cell>
          <cell r="D783">
            <v>-214561.38274</v>
          </cell>
          <cell r="E783">
            <v>-36549.283609999999</v>
          </cell>
          <cell r="F783">
            <v>-117869.91052</v>
          </cell>
          <cell r="G783">
            <v>-3442.9331400000001</v>
          </cell>
          <cell r="H783">
            <v>35113.226880000002</v>
          </cell>
          <cell r="I783">
            <v>-86199.616779999997</v>
          </cell>
        </row>
        <row r="784">
          <cell r="A784" t="str">
            <v>C41102</v>
          </cell>
          <cell r="B784">
            <v>173935.07535999999</v>
          </cell>
          <cell r="C784">
            <v>4361.37327</v>
          </cell>
          <cell r="D784">
            <v>-214845.73224000001</v>
          </cell>
          <cell r="E784">
            <v>-36549.283609999999</v>
          </cell>
          <cell r="F784">
            <v>-117869.91052</v>
          </cell>
          <cell r="G784">
            <v>-14377.413420000001</v>
          </cell>
          <cell r="H784">
            <v>46047.707159999998</v>
          </cell>
          <cell r="I784">
            <v>-86199.616779999997</v>
          </cell>
        </row>
        <row r="785">
          <cell r="A785" t="str">
            <v>C41103</v>
          </cell>
        </row>
        <row r="786">
          <cell r="A786" t="str">
            <v>C41104</v>
          </cell>
        </row>
        <row r="787">
          <cell r="A787" t="str">
            <v>C41108</v>
          </cell>
        </row>
        <row r="788">
          <cell r="A788" t="str">
            <v>C41107</v>
          </cell>
          <cell r="C788">
            <v>-284.34949999999998</v>
          </cell>
          <cell r="D788">
            <v>284.34949999999998</v>
          </cell>
          <cell r="E788">
            <v>0</v>
          </cell>
          <cell r="G788">
            <v>10934.48028</v>
          </cell>
          <cell r="H788">
            <v>-10934.48028</v>
          </cell>
          <cell r="I788">
            <v>0</v>
          </cell>
        </row>
        <row r="789">
          <cell r="A789" t="str">
            <v>C412</v>
          </cell>
          <cell r="B789">
            <v>-6237.0959599999996</v>
          </cell>
          <cell r="E789">
            <v>-6237.0959599999996</v>
          </cell>
          <cell r="F789">
            <v>-9304.9497900000006</v>
          </cell>
          <cell r="H789">
            <v>-3500</v>
          </cell>
          <cell r="I789">
            <v>-12804.949790000001</v>
          </cell>
        </row>
        <row r="790">
          <cell r="A790" t="str">
            <v>C430</v>
          </cell>
        </row>
        <row r="791">
          <cell r="A791" t="str">
            <v>C431</v>
          </cell>
        </row>
        <row r="792">
          <cell r="A792" t="str">
            <v>C43101</v>
          </cell>
        </row>
        <row r="793">
          <cell r="A793" t="str">
            <v>C440</v>
          </cell>
          <cell r="B793">
            <v>-8859.6765300000006</v>
          </cell>
          <cell r="D793">
            <v>-3547.3786</v>
          </cell>
          <cell r="E793">
            <v>-12407.055130000001</v>
          </cell>
          <cell r="F793">
            <v>-18328.05299</v>
          </cell>
          <cell r="G793">
            <v>-7.2700000000000004E-3</v>
          </cell>
          <cell r="H793">
            <v>-7082.3809099999999</v>
          </cell>
          <cell r="I793">
            <v>-25410.441169999998</v>
          </cell>
        </row>
        <row r="794">
          <cell r="A794" t="str">
            <v>C510</v>
          </cell>
          <cell r="B794">
            <v>55.16722</v>
          </cell>
          <cell r="C794">
            <v>-0.44955000000000001</v>
          </cell>
          <cell r="D794">
            <v>-31615.906989999999</v>
          </cell>
          <cell r="E794">
            <v>-31561.189320000001</v>
          </cell>
          <cell r="F794">
            <v>160.65522999999999</v>
          </cell>
          <cell r="G794">
            <v>-2.8905500000000002</v>
          </cell>
          <cell r="H794">
            <v>4199.4248799999996</v>
          </cell>
          <cell r="I794">
            <v>4357.1895599999998</v>
          </cell>
        </row>
        <row r="795">
          <cell r="A795" t="str">
            <v>C51006</v>
          </cell>
          <cell r="B795">
            <v>55.16722</v>
          </cell>
          <cell r="C795">
            <v>-0.44955000000000001</v>
          </cell>
          <cell r="D795">
            <v>-31615.906989999999</v>
          </cell>
          <cell r="E795">
            <v>-31561.189320000001</v>
          </cell>
          <cell r="F795">
            <v>160.65522999999999</v>
          </cell>
          <cell r="G795">
            <v>-2.8905500000000002</v>
          </cell>
          <cell r="H795">
            <v>4199.4248799999996</v>
          </cell>
          <cell r="I795">
            <v>4357.1895599999998</v>
          </cell>
        </row>
        <row r="863">
          <cell r="A863" t="str">
            <v>BS</v>
          </cell>
          <cell r="B863">
            <v>0</v>
          </cell>
          <cell r="C863">
            <v>0</v>
          </cell>
          <cell r="D863">
            <v>0</v>
          </cell>
          <cell r="E863">
            <v>0</v>
          </cell>
          <cell r="F863">
            <v>5.8900000000000003E-3</v>
          </cell>
          <cell r="G863">
            <v>0</v>
          </cell>
          <cell r="H863">
            <v>4.0000000000000003E-5</v>
          </cell>
          <cell r="I863">
            <v>5.9300000000000004E-3</v>
          </cell>
        </row>
        <row r="864">
          <cell r="A864" t="str">
            <v>B7</v>
          </cell>
          <cell r="B864">
            <v>116641.55624999999</v>
          </cell>
          <cell r="C864">
            <v>748.68741</v>
          </cell>
          <cell r="D864">
            <v>-536561.94339999999</v>
          </cell>
          <cell r="E864">
            <v>-419171.69974000001</v>
          </cell>
          <cell r="F864">
            <v>231638.75820000001</v>
          </cell>
          <cell r="G864">
            <v>-117787.13452000001</v>
          </cell>
          <cell r="H864">
            <v>1751545.52691</v>
          </cell>
          <cell r="I864">
            <v>1865397.15059</v>
          </cell>
        </row>
        <row r="865">
          <cell r="A865" t="str">
            <v>B7</v>
          </cell>
          <cell r="B865">
            <v>0</v>
          </cell>
          <cell r="C865">
            <v>0</v>
          </cell>
          <cell r="D865">
            <v>0</v>
          </cell>
          <cell r="E865">
            <v>0</v>
          </cell>
          <cell r="F865">
            <v>0</v>
          </cell>
          <cell r="G865">
            <v>0</v>
          </cell>
          <cell r="H865">
            <v>0</v>
          </cell>
          <cell r="I865">
            <v>0</v>
          </cell>
        </row>
        <row r="866">
          <cell r="A866" t="str">
            <v>B3</v>
          </cell>
          <cell r="B866">
            <v>28879.276430000002</v>
          </cell>
          <cell r="C866">
            <v>110.77581000000001</v>
          </cell>
          <cell r="D866">
            <v>-782712.86948999995</v>
          </cell>
          <cell r="E866">
            <v>-753722.81724999996</v>
          </cell>
          <cell r="F866">
            <v>745461.84331000003</v>
          </cell>
          <cell r="G866">
            <v>-61753.909</v>
          </cell>
          <cell r="H866">
            <v>1690557.8093099999</v>
          </cell>
          <cell r="I866">
            <v>2374265.7436199998</v>
          </cell>
        </row>
        <row r="867">
          <cell r="A867" t="str">
            <v>B100</v>
          </cell>
          <cell r="B867">
            <v>-139236.02283999999</v>
          </cell>
          <cell r="C867">
            <v>-140.05861999999999</v>
          </cell>
          <cell r="D867">
            <v>-7361.4353799999999</v>
          </cell>
          <cell r="E867">
            <v>-146737.51684</v>
          </cell>
          <cell r="F867">
            <v>1611839.8625399999</v>
          </cell>
          <cell r="G867">
            <v>4101.6440000000002</v>
          </cell>
          <cell r="H867">
            <v>4674.1385200000004</v>
          </cell>
          <cell r="I867">
            <v>1620615.64506</v>
          </cell>
        </row>
        <row r="868">
          <cell r="A868" t="str">
            <v>B110</v>
          </cell>
          <cell r="B868">
            <v>-139236.02283999999</v>
          </cell>
          <cell r="C868">
            <v>-140.05861999999999</v>
          </cell>
          <cell r="D868">
            <v>-7284.5132800000001</v>
          </cell>
          <cell r="E868">
            <v>-146660.59474</v>
          </cell>
          <cell r="F868">
            <v>1611839.8625399999</v>
          </cell>
          <cell r="G868">
            <v>4101.6440000000002</v>
          </cell>
          <cell r="H868">
            <v>4290.7486200000003</v>
          </cell>
          <cell r="I868">
            <v>1620232.2551599999</v>
          </cell>
        </row>
        <row r="869">
          <cell r="A869" t="str">
            <v>B11001</v>
          </cell>
          <cell r="B869">
            <v>-50041.014450000002</v>
          </cell>
          <cell r="C869">
            <v>3.2320000000000002E-2</v>
          </cell>
          <cell r="D869">
            <v>-7176.0667899999999</v>
          </cell>
          <cell r="E869">
            <v>-57217.048920000001</v>
          </cell>
          <cell r="F869">
            <v>4427128.0990500003</v>
          </cell>
          <cell r="G869">
            <v>10526.73093</v>
          </cell>
          <cell r="H869">
            <v>5666.2204599999995</v>
          </cell>
          <cell r="I869">
            <v>4443321.0504400004</v>
          </cell>
        </row>
        <row r="870">
          <cell r="A870" t="str">
            <v>B11003</v>
          </cell>
          <cell r="F870">
            <v>4477169.1135</v>
          </cell>
          <cell r="G870">
            <v>10526.698609999999</v>
          </cell>
          <cell r="H870">
            <v>12842.287249999999</v>
          </cell>
          <cell r="I870">
            <v>4500538.0993600003</v>
          </cell>
        </row>
        <row r="871">
          <cell r="A871" t="str">
            <v>B11004</v>
          </cell>
          <cell r="B871">
            <v>-113350.75539999999</v>
          </cell>
          <cell r="E871">
            <v>-113350.75539999999</v>
          </cell>
          <cell r="F871">
            <v>-113350.75539999999</v>
          </cell>
          <cell r="I871">
            <v>-113350.75539999999</v>
          </cell>
        </row>
        <row r="872">
          <cell r="A872" t="str">
            <v>B11005</v>
          </cell>
          <cell r="B872">
            <v>62700.097280000002</v>
          </cell>
          <cell r="C872">
            <v>3.2320000000000002E-2</v>
          </cell>
          <cell r="D872">
            <v>-7176.0667899999999</v>
          </cell>
          <cell r="E872">
            <v>55524.062810000003</v>
          </cell>
          <cell r="F872">
            <v>62700.097280000002</v>
          </cell>
          <cell r="G872">
            <v>3.2320000000000002E-2</v>
          </cell>
          <cell r="H872">
            <v>-7176.0667899999999</v>
          </cell>
          <cell r="I872">
            <v>55524.062810000003</v>
          </cell>
        </row>
        <row r="873">
          <cell r="A873" t="str">
            <v>B11006</v>
          </cell>
          <cell r="B873">
            <v>609.64367000000004</v>
          </cell>
          <cell r="E873">
            <v>609.64367000000004</v>
          </cell>
          <cell r="F873">
            <v>609.64367000000004</v>
          </cell>
          <cell r="I873">
            <v>609.64367000000004</v>
          </cell>
        </row>
        <row r="874">
          <cell r="A874" t="str">
            <v>B11021</v>
          </cell>
          <cell r="C874">
            <v>0</v>
          </cell>
          <cell r="E874">
            <v>0</v>
          </cell>
          <cell r="G874">
            <v>0</v>
          </cell>
          <cell r="I874">
            <v>0</v>
          </cell>
        </row>
        <row r="875">
          <cell r="A875" t="str">
            <v>B11012</v>
          </cell>
          <cell r="C875">
            <v>0</v>
          </cell>
          <cell r="E875">
            <v>0</v>
          </cell>
          <cell r="G875">
            <v>0</v>
          </cell>
          <cell r="I875">
            <v>0</v>
          </cell>
        </row>
        <row r="876">
          <cell r="A876" t="str">
            <v>B11002</v>
          </cell>
          <cell r="B876">
            <v>-89195.008390000003</v>
          </cell>
          <cell r="C876">
            <v>-140.09093999999999</v>
          </cell>
          <cell r="D876">
            <v>-108.44649</v>
          </cell>
          <cell r="E876">
            <v>-89443.545819999999</v>
          </cell>
          <cell r="F876">
            <v>-2815288.2365100002</v>
          </cell>
          <cell r="G876">
            <v>-6425.0869300000004</v>
          </cell>
          <cell r="H876">
            <v>-1375.4718399999999</v>
          </cell>
          <cell r="I876">
            <v>-2823088.7952800002</v>
          </cell>
        </row>
        <row r="877">
          <cell r="A877" t="str">
            <v>B11014</v>
          </cell>
          <cell r="F877">
            <v>-2726093.2281200001</v>
          </cell>
          <cell r="G877">
            <v>-6284.9959900000003</v>
          </cell>
          <cell r="H877">
            <v>-1267.0253499999999</v>
          </cell>
          <cell r="I877">
            <v>-2733645.2494600001</v>
          </cell>
        </row>
        <row r="878">
          <cell r="A878" t="str">
            <v>B11017</v>
          </cell>
          <cell r="B878">
            <v>-89195.008390000003</v>
          </cell>
          <cell r="C878">
            <v>-140.09093999999999</v>
          </cell>
          <cell r="D878">
            <v>-108.44649</v>
          </cell>
          <cell r="E878">
            <v>-89443.545819999999</v>
          </cell>
          <cell r="F878">
            <v>-89195.008390000003</v>
          </cell>
          <cell r="G878">
            <v>-140.09093999999999</v>
          </cell>
          <cell r="H878">
            <v>-108.44649</v>
          </cell>
          <cell r="I878">
            <v>-89443.545819999999</v>
          </cell>
        </row>
        <row r="879">
          <cell r="A879" t="str">
            <v>B11018</v>
          </cell>
        </row>
        <row r="880">
          <cell r="A880" t="str">
            <v>B11025</v>
          </cell>
          <cell r="C880">
            <v>0</v>
          </cell>
          <cell r="E880">
            <v>0</v>
          </cell>
          <cell r="G880">
            <v>0</v>
          </cell>
          <cell r="I880">
            <v>0</v>
          </cell>
        </row>
        <row r="881">
          <cell r="A881" t="str">
            <v>B11022</v>
          </cell>
          <cell r="C881">
            <v>0</v>
          </cell>
          <cell r="E881">
            <v>0</v>
          </cell>
          <cell r="G881">
            <v>0</v>
          </cell>
          <cell r="I881">
            <v>0</v>
          </cell>
        </row>
        <row r="882">
          <cell r="A882" t="str">
            <v>B120</v>
          </cell>
          <cell r="D882">
            <v>-76.9221</v>
          </cell>
          <cell r="E882">
            <v>-76.9221</v>
          </cell>
          <cell r="H882">
            <v>336.27825999999999</v>
          </cell>
          <cell r="I882">
            <v>336.27825999999999</v>
          </cell>
        </row>
        <row r="883">
          <cell r="A883" t="str">
            <v>B12004</v>
          </cell>
          <cell r="H883">
            <v>1559.7547400000001</v>
          </cell>
          <cell r="I883">
            <v>1559.7547400000001</v>
          </cell>
        </row>
        <row r="884">
          <cell r="A884" t="str">
            <v>B12006</v>
          </cell>
          <cell r="H884">
            <v>1559.7547400000001</v>
          </cell>
          <cell r="I884">
            <v>1559.7547400000001</v>
          </cell>
        </row>
        <row r="885">
          <cell r="A885" t="str">
            <v>B12051</v>
          </cell>
          <cell r="H885">
            <v>1559.7547300000001</v>
          </cell>
          <cell r="I885">
            <v>1559.7547300000001</v>
          </cell>
        </row>
        <row r="886">
          <cell r="A886" t="str">
            <v>B12017</v>
          </cell>
          <cell r="H886">
            <v>1.0000000000000001E-5</v>
          </cell>
          <cell r="I886">
            <v>1.0000000000000001E-5</v>
          </cell>
        </row>
        <row r="887">
          <cell r="A887" t="str">
            <v>B12005</v>
          </cell>
          <cell r="D887">
            <v>-76.9221</v>
          </cell>
          <cell r="E887">
            <v>-76.9221</v>
          </cell>
          <cell r="H887">
            <v>-1223.47648</v>
          </cell>
          <cell r="I887">
            <v>-1223.47648</v>
          </cell>
        </row>
        <row r="888">
          <cell r="A888" t="str">
            <v>B12010</v>
          </cell>
          <cell r="H888">
            <v>-1146.55438</v>
          </cell>
          <cell r="I888">
            <v>-1146.55438</v>
          </cell>
        </row>
        <row r="889">
          <cell r="A889" t="str">
            <v>B12031</v>
          </cell>
          <cell r="H889">
            <v>-1146.5543700000001</v>
          </cell>
          <cell r="I889">
            <v>-1146.5543700000001</v>
          </cell>
        </row>
        <row r="890">
          <cell r="A890" t="str">
            <v>B12032</v>
          </cell>
          <cell r="H890">
            <v>-1.0000000000000001E-5</v>
          </cell>
          <cell r="I890">
            <v>-1.0000000000000001E-5</v>
          </cell>
        </row>
        <row r="891">
          <cell r="A891" t="str">
            <v>B12011</v>
          </cell>
          <cell r="D891">
            <v>-76.9221</v>
          </cell>
          <cell r="E891">
            <v>-76.9221</v>
          </cell>
          <cell r="H891">
            <v>-76.9221</v>
          </cell>
          <cell r="I891">
            <v>-76.9221</v>
          </cell>
        </row>
        <row r="892">
          <cell r="A892" t="str">
            <v>B12046</v>
          </cell>
          <cell r="D892">
            <v>-76.9221</v>
          </cell>
          <cell r="E892">
            <v>-76.9221</v>
          </cell>
          <cell r="H892">
            <v>-76.9221</v>
          </cell>
          <cell r="I892">
            <v>-76.9221</v>
          </cell>
        </row>
        <row r="893">
          <cell r="A893" t="str">
            <v>B130</v>
          </cell>
          <cell r="C893">
            <v>0</v>
          </cell>
          <cell r="E893">
            <v>0</v>
          </cell>
          <cell r="G893">
            <v>0</v>
          </cell>
          <cell r="H893">
            <v>47.111640000000001</v>
          </cell>
          <cell r="I893">
            <v>47.111640000000001</v>
          </cell>
        </row>
        <row r="894">
          <cell r="A894" t="str">
            <v>B132</v>
          </cell>
          <cell r="C894">
            <v>0</v>
          </cell>
          <cell r="E894">
            <v>0</v>
          </cell>
          <cell r="G894">
            <v>0</v>
          </cell>
          <cell r="H894">
            <v>47.111640000000001</v>
          </cell>
          <cell r="I894">
            <v>47.111640000000001</v>
          </cell>
        </row>
        <row r="895">
          <cell r="A895" t="str">
            <v>B13201</v>
          </cell>
          <cell r="H895">
            <v>47.111640000000001</v>
          </cell>
          <cell r="I895">
            <v>47.111640000000001</v>
          </cell>
        </row>
        <row r="896">
          <cell r="A896" t="str">
            <v>B13202</v>
          </cell>
          <cell r="C896">
            <v>0</v>
          </cell>
          <cell r="E896">
            <v>0</v>
          </cell>
          <cell r="G896">
            <v>0</v>
          </cell>
          <cell r="I896">
            <v>0</v>
          </cell>
        </row>
        <row r="897">
          <cell r="A897" t="str">
            <v>B13204</v>
          </cell>
        </row>
        <row r="898">
          <cell r="A898" t="str">
            <v>B13205</v>
          </cell>
          <cell r="C898">
            <v>0</v>
          </cell>
          <cell r="E898">
            <v>0</v>
          </cell>
          <cell r="G898">
            <v>0</v>
          </cell>
          <cell r="I898">
            <v>0</v>
          </cell>
        </row>
        <row r="899">
          <cell r="A899" t="str">
            <v>B200</v>
          </cell>
          <cell r="B899">
            <v>-1451.93021</v>
          </cell>
          <cell r="C899">
            <v>203.48220000000001</v>
          </cell>
          <cell r="D899">
            <v>1457.8125299999999</v>
          </cell>
          <cell r="E899">
            <v>209.36452</v>
          </cell>
          <cell r="F899">
            <v>6008.1137399999998</v>
          </cell>
          <cell r="G899">
            <v>5499.9103500000001</v>
          </cell>
          <cell r="H899">
            <v>94164.247069999998</v>
          </cell>
          <cell r="I899">
            <v>105672.27116</v>
          </cell>
        </row>
        <row r="900">
          <cell r="A900" t="str">
            <v>B270</v>
          </cell>
          <cell r="B900">
            <v>-1451.93021</v>
          </cell>
          <cell r="C900">
            <v>203.48220000000001</v>
          </cell>
          <cell r="D900">
            <v>1457.8125299999999</v>
          </cell>
          <cell r="E900">
            <v>209.36452</v>
          </cell>
          <cell r="F900">
            <v>6008.1137399999998</v>
          </cell>
          <cell r="G900">
            <v>5499.9103500000001</v>
          </cell>
          <cell r="H900">
            <v>94164.247069999998</v>
          </cell>
          <cell r="I900">
            <v>105672.27116</v>
          </cell>
        </row>
        <row r="901">
          <cell r="A901" t="str">
            <v>B250</v>
          </cell>
          <cell r="B901">
            <v>-78354.111489999996</v>
          </cell>
          <cell r="C901">
            <v>0</v>
          </cell>
          <cell r="D901">
            <v>14185.390939999999</v>
          </cell>
          <cell r="E901">
            <v>-64168.720549999998</v>
          </cell>
          <cell r="F901">
            <v>-145976.64324999999</v>
          </cell>
          <cell r="G901">
            <v>-22.75723</v>
          </cell>
          <cell r="H901">
            <v>492974.45085000002</v>
          </cell>
          <cell r="I901">
            <v>346975.05037000001</v>
          </cell>
        </row>
        <row r="902">
          <cell r="A902" t="str">
            <v>B300</v>
          </cell>
          <cell r="B902">
            <v>247921.34096999999</v>
          </cell>
          <cell r="C902">
            <v>47.352229999999999</v>
          </cell>
          <cell r="D902">
            <v>-790994.63757999998</v>
          </cell>
          <cell r="E902">
            <v>-543025.94438</v>
          </cell>
          <cell r="F902">
            <v>-726409.48971999995</v>
          </cell>
          <cell r="G902">
            <v>-71332.706120000003</v>
          </cell>
          <cell r="H902">
            <v>1098744.9728699999</v>
          </cell>
          <cell r="I902">
            <v>301002.77703</v>
          </cell>
        </row>
        <row r="903">
          <cell r="A903" t="str">
            <v>B310</v>
          </cell>
          <cell r="B903">
            <v>-18740.666990000002</v>
          </cell>
          <cell r="C903">
            <v>-0.20291999999999999</v>
          </cell>
          <cell r="D903">
            <v>9676.6204799999996</v>
          </cell>
          <cell r="E903">
            <v>-9064.2494299999998</v>
          </cell>
          <cell r="F903">
            <v>19712.405439999999</v>
          </cell>
          <cell r="G903">
            <v>0</v>
          </cell>
          <cell r="H903">
            <v>10447.251990000001</v>
          </cell>
          <cell r="I903">
            <v>30159.657429999999</v>
          </cell>
        </row>
        <row r="904">
          <cell r="A904" t="str">
            <v>B320</v>
          </cell>
          <cell r="B904">
            <v>-54159.654739999998</v>
          </cell>
          <cell r="C904">
            <v>47.555160000000001</v>
          </cell>
          <cell r="D904">
            <v>-235202.91682000001</v>
          </cell>
          <cell r="E904">
            <v>-289315.01640000002</v>
          </cell>
          <cell r="F904">
            <v>-1797608.1646700001</v>
          </cell>
          <cell r="G904">
            <v>-71534.332020000002</v>
          </cell>
          <cell r="H904">
            <v>1898347.7266899999</v>
          </cell>
          <cell r="I904">
            <v>29205.23</v>
          </cell>
        </row>
        <row r="905">
          <cell r="A905" t="str">
            <v>B321</v>
          </cell>
          <cell r="B905">
            <v>10564.297640000001</v>
          </cell>
          <cell r="E905">
            <v>10564.297640000001</v>
          </cell>
          <cell r="F905">
            <v>21078.066630000001</v>
          </cell>
          <cell r="I905">
            <v>21078.066630000001</v>
          </cell>
        </row>
        <row r="906">
          <cell r="A906" t="str">
            <v>B322</v>
          </cell>
          <cell r="B906">
            <v>-1008.21681</v>
          </cell>
          <cell r="C906">
            <v>0</v>
          </cell>
          <cell r="E906">
            <v>-1008.21681</v>
          </cell>
          <cell r="F906">
            <v>-107.24112</v>
          </cell>
          <cell r="G906">
            <v>209.54013</v>
          </cell>
          <cell r="I906">
            <v>102.29901</v>
          </cell>
        </row>
        <row r="907">
          <cell r="A907" t="str">
            <v>B330</v>
          </cell>
          <cell r="B907">
            <v>311265.58186999999</v>
          </cell>
          <cell r="C907">
            <v>-1.0000000000000001E-5</v>
          </cell>
          <cell r="D907">
            <v>-565468.34123999998</v>
          </cell>
          <cell r="E907">
            <v>-254202.75938</v>
          </cell>
          <cell r="F907">
            <v>1030515.444</v>
          </cell>
          <cell r="G907">
            <v>-7.9142299999999999</v>
          </cell>
          <cell r="H907">
            <v>-810050.00581</v>
          </cell>
          <cell r="I907">
            <v>220457.52395999999</v>
          </cell>
        </row>
        <row r="908">
          <cell r="A908" t="str">
            <v>B332</v>
          </cell>
          <cell r="B908">
            <v>311265.58186999999</v>
          </cell>
          <cell r="C908">
            <v>-1.0000000000000001E-5</v>
          </cell>
          <cell r="D908">
            <v>-565468.34123999998</v>
          </cell>
          <cell r="E908">
            <v>-254202.75938</v>
          </cell>
          <cell r="F908">
            <v>1030515.444</v>
          </cell>
          <cell r="G908">
            <v>-7.9142299999999999</v>
          </cell>
          <cell r="H908">
            <v>-810050.00581</v>
          </cell>
          <cell r="I908">
            <v>220457.52395999999</v>
          </cell>
        </row>
        <row r="909">
          <cell r="A909" t="str">
            <v>B400</v>
          </cell>
          <cell r="B909">
            <v>94001.132389999999</v>
          </cell>
          <cell r="C909">
            <v>637.91160000000002</v>
          </cell>
          <cell r="D909">
            <v>226902.15010999999</v>
          </cell>
          <cell r="E909">
            <v>321541.19410000002</v>
          </cell>
          <cell r="F909">
            <v>-119463.34322</v>
          </cell>
          <cell r="G909">
            <v>-56033.22552</v>
          </cell>
          <cell r="H909">
            <v>43153.539879999997</v>
          </cell>
          <cell r="I909">
            <v>-132343.02885999999</v>
          </cell>
        </row>
        <row r="910">
          <cell r="A910" t="str">
            <v>B410</v>
          </cell>
          <cell r="B910">
            <v>29239.10025</v>
          </cell>
          <cell r="C910">
            <v>-958.00343999999996</v>
          </cell>
          <cell r="D910">
            <v>276249.10131</v>
          </cell>
          <cell r="E910">
            <v>304530.19812000002</v>
          </cell>
          <cell r="F910">
            <v>96594.155069999993</v>
          </cell>
          <cell r="G910">
            <v>-70898.72107</v>
          </cell>
          <cell r="H910">
            <v>-140434.07732000001</v>
          </cell>
          <cell r="I910">
            <v>-114738.64332</v>
          </cell>
        </row>
        <row r="911">
          <cell r="A911" t="str">
            <v>B411</v>
          </cell>
          <cell r="B911">
            <v>29101.023590000001</v>
          </cell>
          <cell r="C911">
            <v>-958.00343999999996</v>
          </cell>
          <cell r="D911">
            <v>283230.57701000001</v>
          </cell>
          <cell r="E911">
            <v>311373.59716</v>
          </cell>
          <cell r="F911">
            <v>100396.66537</v>
          </cell>
          <cell r="G911">
            <v>-70898.72107</v>
          </cell>
          <cell r="H911">
            <v>-133452.60162</v>
          </cell>
          <cell r="I911">
            <v>-103954.65732</v>
          </cell>
        </row>
        <row r="912">
          <cell r="A912" t="str">
            <v>B413</v>
          </cell>
          <cell r="B912">
            <v>138.07666</v>
          </cell>
          <cell r="D912">
            <v>-6981.4757</v>
          </cell>
          <cell r="E912">
            <v>-6843.3990400000002</v>
          </cell>
          <cell r="F912">
            <v>-3802.5102999999999</v>
          </cell>
          <cell r="H912">
            <v>-6981.4757</v>
          </cell>
          <cell r="I912">
            <v>-10783.986000000001</v>
          </cell>
        </row>
        <row r="913">
          <cell r="A913" t="str">
            <v>B420</v>
          </cell>
          <cell r="B913">
            <v>64762.032140000003</v>
          </cell>
          <cell r="C913">
            <v>1595.9150400000001</v>
          </cell>
          <cell r="D913">
            <v>-49346.951200000003</v>
          </cell>
          <cell r="E913">
            <v>17010.99598</v>
          </cell>
          <cell r="F913">
            <v>-216057.49828999999</v>
          </cell>
          <cell r="G913">
            <v>14865.49555</v>
          </cell>
          <cell r="H913">
            <v>183587.61720000001</v>
          </cell>
          <cell r="I913">
            <v>-17604.385539999999</v>
          </cell>
        </row>
        <row r="914">
          <cell r="A914" t="str">
            <v>B421</v>
          </cell>
          <cell r="B914">
            <v>-27803.065149999999</v>
          </cell>
          <cell r="D914">
            <v>44707.402479999997</v>
          </cell>
          <cell r="E914">
            <v>16904.337329999998</v>
          </cell>
          <cell r="F914">
            <v>-226774.82300999999</v>
          </cell>
          <cell r="G914">
            <v>-989.44628999999998</v>
          </cell>
          <cell r="H914">
            <v>210159.88376</v>
          </cell>
          <cell r="I914">
            <v>-17604.385539999999</v>
          </cell>
        </row>
        <row r="915">
          <cell r="A915" t="str">
            <v>B42101</v>
          </cell>
          <cell r="D915">
            <v>44643.846570000002</v>
          </cell>
          <cell r="E915">
            <v>44643.846570000002</v>
          </cell>
          <cell r="H915">
            <v>44643.846570000002</v>
          </cell>
          <cell r="I915">
            <v>44643.846570000002</v>
          </cell>
        </row>
        <row r="916">
          <cell r="A916" t="str">
            <v>B42102</v>
          </cell>
          <cell r="B916">
            <v>-28811.28196</v>
          </cell>
          <cell r="D916">
            <v>63.555909999999997</v>
          </cell>
          <cell r="E916">
            <v>-28747.726050000001</v>
          </cell>
          <cell r="F916">
            <v>-28811.28196</v>
          </cell>
          <cell r="H916">
            <v>63.555909999999997</v>
          </cell>
          <cell r="I916">
            <v>-28747.726050000001</v>
          </cell>
        </row>
        <row r="917">
          <cell r="A917" t="str">
            <v>B42103</v>
          </cell>
          <cell r="F917">
            <v>-198971.75786000001</v>
          </cell>
          <cell r="G917">
            <v>-989.44628999999998</v>
          </cell>
          <cell r="H917">
            <v>165452.48128000001</v>
          </cell>
          <cell r="I917">
            <v>-34508.722869999998</v>
          </cell>
        </row>
        <row r="918">
          <cell r="A918" t="str">
            <v>B42104</v>
          </cell>
          <cell r="B918">
            <v>1008.21681</v>
          </cell>
          <cell r="E918">
            <v>1008.21681</v>
          </cell>
          <cell r="F918">
            <v>1008.21681</v>
          </cell>
          <cell r="I918">
            <v>1008.21681</v>
          </cell>
        </row>
        <row r="919">
          <cell r="A919" t="str">
            <v>B422</v>
          </cell>
          <cell r="B919">
            <v>92565.097290000005</v>
          </cell>
          <cell r="C919">
            <v>1595.9150400000001</v>
          </cell>
          <cell r="D919">
            <v>-94054.35368</v>
          </cell>
          <cell r="E919">
            <v>106.65864999999999</v>
          </cell>
          <cell r="F919">
            <v>10717.324720000001</v>
          </cell>
          <cell r="G919">
            <v>15854.94184</v>
          </cell>
          <cell r="H919">
            <v>-26572.26656</v>
          </cell>
          <cell r="I919">
            <v>0</v>
          </cell>
        </row>
        <row r="920">
          <cell r="A920" t="str">
            <v>B500</v>
          </cell>
          <cell r="D920">
            <v>18730.660739999999</v>
          </cell>
          <cell r="E920">
            <v>18730.660739999999</v>
          </cell>
          <cell r="H920">
            <v>0</v>
          </cell>
          <cell r="I920">
            <v>0</v>
          </cell>
        </row>
        <row r="921">
          <cell r="A921" t="str">
            <v>B600</v>
          </cell>
          <cell r="B921">
            <v>-6238.85257</v>
          </cell>
          <cell r="C921">
            <v>0</v>
          </cell>
          <cell r="D921">
            <v>518.11523999999997</v>
          </cell>
          <cell r="E921">
            <v>-5720.7373299999999</v>
          </cell>
          <cell r="F921">
            <v>-394359.74189</v>
          </cell>
          <cell r="G921">
            <v>0</v>
          </cell>
          <cell r="H921">
            <v>17834.17772</v>
          </cell>
          <cell r="I921">
            <v>-376525.56417000003</v>
          </cell>
        </row>
        <row r="922">
          <cell r="A922" t="str">
            <v>B630</v>
          </cell>
        </row>
        <row r="923">
          <cell r="A923" t="str">
            <v>B640</v>
          </cell>
          <cell r="B923">
            <v>-5229.0058200000003</v>
          </cell>
          <cell r="E923">
            <v>-5229.0058200000003</v>
          </cell>
          <cell r="F923">
            <v>-359058.39854000002</v>
          </cell>
          <cell r="I923">
            <v>-359058.39854000002</v>
          </cell>
        </row>
        <row r="924">
          <cell r="A924" t="str">
            <v>B64001</v>
          </cell>
          <cell r="F924">
            <v>-353829.39272</v>
          </cell>
          <cell r="I924">
            <v>-353829.39272</v>
          </cell>
        </row>
        <row r="925">
          <cell r="A925" t="str">
            <v>B64003</v>
          </cell>
          <cell r="B925">
            <v>-5229.0058200000003</v>
          </cell>
          <cell r="E925">
            <v>-5229.0058200000003</v>
          </cell>
          <cell r="F925">
            <v>-5229.0058200000003</v>
          </cell>
          <cell r="I925">
            <v>-5229.0058200000003</v>
          </cell>
        </row>
        <row r="926">
          <cell r="A926" t="str">
            <v>B64007</v>
          </cell>
        </row>
        <row r="927">
          <cell r="A927" t="str">
            <v>B650</v>
          </cell>
          <cell r="B927">
            <v>-1009.84675</v>
          </cell>
          <cell r="C927">
            <v>0</v>
          </cell>
          <cell r="D927">
            <v>518.11523999999997</v>
          </cell>
          <cell r="E927">
            <v>-491.73151000000001</v>
          </cell>
          <cell r="F927">
            <v>-35301.343350000003</v>
          </cell>
          <cell r="G927">
            <v>0</v>
          </cell>
          <cell r="H927">
            <v>17834.17772</v>
          </cell>
          <cell r="I927">
            <v>-17467.16563</v>
          </cell>
        </row>
        <row r="928">
          <cell r="A928" t="str">
            <v>B65001</v>
          </cell>
          <cell r="B928">
            <v>-492.29633000000001</v>
          </cell>
          <cell r="E928">
            <v>-492.29633000000001</v>
          </cell>
          <cell r="F928">
            <v>-17209.266660000001</v>
          </cell>
          <cell r="I928">
            <v>-17209.266660000001</v>
          </cell>
        </row>
        <row r="929">
          <cell r="A929" t="str">
            <v>B65002</v>
          </cell>
          <cell r="F929">
            <v>-16716.97033</v>
          </cell>
          <cell r="I929">
            <v>-16716.97033</v>
          </cell>
        </row>
        <row r="930">
          <cell r="A930" t="str">
            <v>B65004</v>
          </cell>
          <cell r="B930">
            <v>-492.29633000000001</v>
          </cell>
          <cell r="E930">
            <v>-492.29633000000001</v>
          </cell>
          <cell r="F930">
            <v>-492.29633000000001</v>
          </cell>
          <cell r="I930">
            <v>-492.29633000000001</v>
          </cell>
        </row>
        <row r="931">
          <cell r="A931" t="str">
            <v>B65007</v>
          </cell>
        </row>
        <row r="932">
          <cell r="A932" t="str">
            <v>B65031P</v>
          </cell>
          <cell r="B932">
            <v>-517.55042000000003</v>
          </cell>
          <cell r="C932">
            <v>0</v>
          </cell>
          <cell r="D932">
            <v>518.11523999999997</v>
          </cell>
          <cell r="E932">
            <v>0.56481999999999999</v>
          </cell>
          <cell r="F932">
            <v>-18092.076690000002</v>
          </cell>
          <cell r="G932">
            <v>0</v>
          </cell>
          <cell r="H932">
            <v>17834.17772</v>
          </cell>
          <cell r="I932">
            <v>-257.89897000000002</v>
          </cell>
        </row>
        <row r="933">
          <cell r="A933" t="str">
            <v>B65035</v>
          </cell>
          <cell r="F933">
            <v>27416.678879999999</v>
          </cell>
          <cell r="H933">
            <v>17316.062480000001</v>
          </cell>
          <cell r="I933">
            <v>44732.74136</v>
          </cell>
        </row>
        <row r="934">
          <cell r="A934" t="str">
            <v>B65034</v>
          </cell>
          <cell r="B934">
            <v>-517.55042000000003</v>
          </cell>
          <cell r="C934">
            <v>0</v>
          </cell>
          <cell r="D934">
            <v>518.11523999999997</v>
          </cell>
          <cell r="E934">
            <v>0.56481999999999999</v>
          </cell>
          <cell r="F934">
            <v>-517.55042000000003</v>
          </cell>
          <cell r="G934">
            <v>0</v>
          </cell>
          <cell r="H934">
            <v>518.11523999999997</v>
          </cell>
          <cell r="I934">
            <v>0.56481999999999999</v>
          </cell>
        </row>
        <row r="935">
          <cell r="A935" t="str">
            <v>B65031</v>
          </cell>
          <cell r="F935">
            <v>-44991.205150000002</v>
          </cell>
          <cell r="I935">
            <v>-44991.205150000002</v>
          </cell>
        </row>
        <row r="936">
          <cell r="A936" t="str">
            <v>B800</v>
          </cell>
          <cell r="B936">
            <v>-291830.05800999998</v>
          </cell>
          <cell r="C936">
            <v>-1012.76178</v>
          </cell>
          <cell r="D936">
            <v>602590.62947000004</v>
          </cell>
          <cell r="E936">
            <v>309747.80968000001</v>
          </cell>
          <cell r="F936">
            <v>2995245.6385900001</v>
          </cell>
          <cell r="G936">
            <v>-676809.58174000005</v>
          </cell>
          <cell r="H936">
            <v>-2659164.3304599999</v>
          </cell>
          <cell r="I936">
            <v>-340728.27360999997</v>
          </cell>
        </row>
        <row r="937">
          <cell r="A937" t="str">
            <v>B810</v>
          </cell>
          <cell r="C937">
            <v>0</v>
          </cell>
          <cell r="E937">
            <v>0</v>
          </cell>
          <cell r="F937">
            <v>-756.90105000000005</v>
          </cell>
          <cell r="G937">
            <v>95000</v>
          </cell>
          <cell r="H937">
            <v>-1475695.7324000001</v>
          </cell>
          <cell r="I937">
            <v>-1381452.6334500001</v>
          </cell>
        </row>
        <row r="938">
          <cell r="A938" t="str">
            <v>B81001</v>
          </cell>
          <cell r="C938">
            <v>0</v>
          </cell>
          <cell r="E938">
            <v>0</v>
          </cell>
          <cell r="F938">
            <v>-756.90105000000005</v>
          </cell>
          <cell r="G938">
            <v>95000</v>
          </cell>
          <cell r="H938">
            <v>-1475695.7324000001</v>
          </cell>
          <cell r="I938">
            <v>-1381452.6334500001</v>
          </cell>
        </row>
        <row r="939">
          <cell r="A939" t="str">
            <v>B81004</v>
          </cell>
          <cell r="C939">
            <v>0</v>
          </cell>
          <cell r="E939">
            <v>0</v>
          </cell>
          <cell r="F939">
            <v>-756.90105000000005</v>
          </cell>
          <cell r="G939">
            <v>95000</v>
          </cell>
          <cell r="H939">
            <v>-1475695.7324000001</v>
          </cell>
          <cell r="I939">
            <v>-1381452.6334500001</v>
          </cell>
        </row>
        <row r="940">
          <cell r="A940" t="str">
            <v>B81009</v>
          </cell>
        </row>
        <row r="941">
          <cell r="A941" t="str">
            <v>B81025</v>
          </cell>
        </row>
        <row r="942">
          <cell r="A942" t="str">
            <v>B81026</v>
          </cell>
        </row>
        <row r="943">
          <cell r="A943" t="str">
            <v>B81010</v>
          </cell>
          <cell r="C943">
            <v>0</v>
          </cell>
          <cell r="E943">
            <v>0</v>
          </cell>
          <cell r="F943">
            <v>-756.90105000000005</v>
          </cell>
          <cell r="G943">
            <v>95000</v>
          </cell>
          <cell r="H943">
            <v>-1475695.7324000001</v>
          </cell>
          <cell r="I943">
            <v>-1381452.6334500001</v>
          </cell>
        </row>
        <row r="944">
          <cell r="A944" t="str">
            <v>B81027</v>
          </cell>
          <cell r="F944">
            <v>-756.90105000000005</v>
          </cell>
          <cell r="G944">
            <v>95000</v>
          </cell>
          <cell r="H944">
            <v>-1475695.7324000001</v>
          </cell>
          <cell r="I944">
            <v>-1381452.6334500001</v>
          </cell>
        </row>
        <row r="945">
          <cell r="A945" t="str">
            <v>B81028</v>
          </cell>
        </row>
        <row r="946">
          <cell r="A946" t="str">
            <v>B81029</v>
          </cell>
          <cell r="C946">
            <v>0</v>
          </cell>
          <cell r="E946">
            <v>0</v>
          </cell>
          <cell r="G946">
            <v>0</v>
          </cell>
          <cell r="I946">
            <v>0</v>
          </cell>
        </row>
        <row r="947">
          <cell r="A947" t="str">
            <v>B820</v>
          </cell>
          <cell r="B947">
            <v>-291830.05800999998</v>
          </cell>
          <cell r="C947">
            <v>-1012.76178</v>
          </cell>
          <cell r="D947">
            <v>602590.62947000004</v>
          </cell>
          <cell r="E947">
            <v>309747.80968000001</v>
          </cell>
          <cell r="F947">
            <v>2996002.5396400001</v>
          </cell>
          <cell r="G947">
            <v>-771809.58174000005</v>
          </cell>
          <cell r="H947">
            <v>-1183468.59806</v>
          </cell>
          <cell r="I947">
            <v>1040724.35984</v>
          </cell>
        </row>
        <row r="948">
          <cell r="A948" t="str">
            <v>B821</v>
          </cell>
          <cell r="B948">
            <v>-291830.05800999998</v>
          </cell>
          <cell r="C948">
            <v>-1012.76178</v>
          </cell>
          <cell r="D948">
            <v>602590.62947000004</v>
          </cell>
          <cell r="E948">
            <v>309747.80968000001</v>
          </cell>
          <cell r="F948">
            <v>2996002.5396400001</v>
          </cell>
          <cell r="G948">
            <v>-771809.58174000005</v>
          </cell>
          <cell r="H948">
            <v>-1183468.59806</v>
          </cell>
          <cell r="I948">
            <v>1040724.35984</v>
          </cell>
        </row>
        <row r="949">
          <cell r="A949" t="str">
            <v>B82101</v>
          </cell>
          <cell r="F949">
            <v>3287832.5976499999</v>
          </cell>
          <cell r="G949">
            <v>-770796.81995999999</v>
          </cell>
          <cell r="H949">
            <v>-1786059.22753</v>
          </cell>
          <cell r="I949">
            <v>730976.55015999998</v>
          </cell>
        </row>
        <row r="950">
          <cell r="A950" t="str">
            <v>B82102</v>
          </cell>
          <cell r="B950">
            <v>-291830.05800999998</v>
          </cell>
          <cell r="C950">
            <v>-1012.76178</v>
          </cell>
          <cell r="D950">
            <v>77782.249989999997</v>
          </cell>
          <cell r="E950">
            <v>-215060.5698</v>
          </cell>
          <cell r="F950">
            <v>-291830.05800999998</v>
          </cell>
          <cell r="G950">
            <v>-1012.76178</v>
          </cell>
          <cell r="H950">
            <v>77782.249989999997</v>
          </cell>
          <cell r="I950">
            <v>-215060.5698</v>
          </cell>
        </row>
        <row r="951">
          <cell r="A951" t="str">
            <v>B82115</v>
          </cell>
          <cell r="C951">
            <v>0</v>
          </cell>
          <cell r="D951">
            <v>524808.37948</v>
          </cell>
          <cell r="E951">
            <v>524808.37948</v>
          </cell>
          <cell r="G951">
            <v>0</v>
          </cell>
          <cell r="H951">
            <v>524808.37948</v>
          </cell>
          <cell r="I951">
            <v>524808.37948</v>
          </cell>
        </row>
        <row r="952">
          <cell r="A952" t="str">
            <v>B900</v>
          </cell>
          <cell r="B952">
            <v>175188.50176000001</v>
          </cell>
          <cell r="C952">
            <v>264.07436999999999</v>
          </cell>
          <cell r="D952">
            <v>-66028.686069999996</v>
          </cell>
          <cell r="E952">
            <v>109423.89006000001</v>
          </cell>
          <cell r="F952">
            <v>-3226884.3909</v>
          </cell>
          <cell r="G952">
            <v>794596.71626000002</v>
          </cell>
          <cell r="H952">
            <v>907618.80359000002</v>
          </cell>
          <cell r="I952">
            <v>-1524668.87105</v>
          </cell>
        </row>
        <row r="953">
          <cell r="A953" t="str">
            <v>B910</v>
          </cell>
          <cell r="B953">
            <v>159124.23736999999</v>
          </cell>
          <cell r="C953">
            <v>264.07436999999999</v>
          </cell>
          <cell r="D953">
            <v>-57647.071060000002</v>
          </cell>
          <cell r="E953">
            <v>101741.24068</v>
          </cell>
          <cell r="F953">
            <v>-3449406.9046800002</v>
          </cell>
          <cell r="G953">
            <v>794516.56507999997</v>
          </cell>
          <cell r="H953">
            <v>1214190.1240999999</v>
          </cell>
          <cell r="I953">
            <v>-1440700.2154999999</v>
          </cell>
        </row>
        <row r="954">
          <cell r="A954" t="str">
            <v>B912</v>
          </cell>
          <cell r="B954">
            <v>159124.23736999999</v>
          </cell>
          <cell r="C954">
            <v>264.07436999999999</v>
          </cell>
          <cell r="D954">
            <v>-77008.627429999993</v>
          </cell>
          <cell r="E954">
            <v>82379.684309999997</v>
          </cell>
          <cell r="F954">
            <v>-3079043.1722499998</v>
          </cell>
          <cell r="G954">
            <v>794516.56507999997</v>
          </cell>
          <cell r="H954">
            <v>1299728.26859</v>
          </cell>
          <cell r="I954">
            <v>-984798.33857999998</v>
          </cell>
        </row>
        <row r="955">
          <cell r="A955" t="str">
            <v>B91201</v>
          </cell>
          <cell r="B955">
            <v>159000.97010999999</v>
          </cell>
          <cell r="C955">
            <v>70.538489999999996</v>
          </cell>
          <cell r="D955">
            <v>16726.183389999998</v>
          </cell>
          <cell r="E955">
            <v>175797.69198999999</v>
          </cell>
          <cell r="F955">
            <v>-4818820.1402599998</v>
          </cell>
          <cell r="G955">
            <v>678336.32472999999</v>
          </cell>
          <cell r="H955">
            <v>3188950.7032599999</v>
          </cell>
          <cell r="I955">
            <v>-951533.11227000004</v>
          </cell>
        </row>
        <row r="956">
          <cell r="A956" t="str">
            <v>B91202</v>
          </cell>
          <cell r="B956">
            <v>123.26725999999999</v>
          </cell>
          <cell r="C956">
            <v>193.53587999999999</v>
          </cell>
          <cell r="D956">
            <v>-93734.810819999999</v>
          </cell>
          <cell r="E956">
            <v>-93418.007679999995</v>
          </cell>
          <cell r="F956">
            <v>1739776.96801</v>
          </cell>
          <cell r="G956">
            <v>116180.24034999999</v>
          </cell>
          <cell r="H956">
            <v>-1889222.4346700001</v>
          </cell>
          <cell r="I956">
            <v>-33265.226309999998</v>
          </cell>
        </row>
        <row r="957">
          <cell r="A957" t="str">
            <v>B913P</v>
          </cell>
          <cell r="D957">
            <v>19361.556369999998</v>
          </cell>
          <cell r="E957">
            <v>19361.556369999998</v>
          </cell>
          <cell r="F957">
            <v>-370363.73242999997</v>
          </cell>
          <cell r="H957">
            <v>-85538.144490000006</v>
          </cell>
          <cell r="I957">
            <v>-455901.87692000001</v>
          </cell>
        </row>
        <row r="958">
          <cell r="A958" t="str">
            <v>B91301</v>
          </cell>
          <cell r="F958">
            <v>-370363.73242999997</v>
          </cell>
          <cell r="H958">
            <v>-104899.70086</v>
          </cell>
          <cell r="I958">
            <v>-475263.43329000002</v>
          </cell>
        </row>
        <row r="959">
          <cell r="A959" t="str">
            <v>B91302</v>
          </cell>
        </row>
        <row r="960">
          <cell r="A960" t="str">
            <v>B91305</v>
          </cell>
          <cell r="D960">
            <v>19361.556369999998</v>
          </cell>
          <cell r="E960">
            <v>19361.556369999998</v>
          </cell>
          <cell r="H960">
            <v>19361.556369999998</v>
          </cell>
          <cell r="I960">
            <v>19361.556369999998</v>
          </cell>
        </row>
        <row r="961">
          <cell r="A961" t="str">
            <v>B920</v>
          </cell>
          <cell r="B961">
            <v>16064.26439</v>
          </cell>
          <cell r="D961">
            <v>-8381.6150099999995</v>
          </cell>
          <cell r="E961">
            <v>7682.6493799999998</v>
          </cell>
          <cell r="F961">
            <v>222522.51378000001</v>
          </cell>
          <cell r="G961">
            <v>80.151179999999997</v>
          </cell>
          <cell r="H961">
            <v>-306571.32050999999</v>
          </cell>
          <cell r="I961">
            <v>-83968.655549999996</v>
          </cell>
        </row>
        <row r="962">
          <cell r="A962" t="str">
            <v>B92001</v>
          </cell>
          <cell r="F962">
            <v>0.27742</v>
          </cell>
          <cell r="G962">
            <v>1.7780000000000001E-2</v>
          </cell>
          <cell r="H962">
            <v>-0.29520000000000002</v>
          </cell>
          <cell r="I962">
            <v>0</v>
          </cell>
        </row>
        <row r="963">
          <cell r="A963" t="str">
            <v>B92013P</v>
          </cell>
          <cell r="F963">
            <v>0.27742</v>
          </cell>
          <cell r="G963">
            <v>1.7780000000000001E-2</v>
          </cell>
          <cell r="H963">
            <v>-0.29520000000000002</v>
          </cell>
          <cell r="I963">
            <v>0</v>
          </cell>
        </row>
        <row r="964">
          <cell r="A964" t="str">
            <v>B92015</v>
          </cell>
          <cell r="F964">
            <v>0.27742</v>
          </cell>
          <cell r="G964">
            <v>1.7780000000000001E-2</v>
          </cell>
          <cell r="H964">
            <v>-0.29520000000000002</v>
          </cell>
          <cell r="I964">
            <v>0</v>
          </cell>
        </row>
        <row r="965">
          <cell r="A965" t="str">
            <v>B92016</v>
          </cell>
        </row>
        <row r="966">
          <cell r="A966" t="str">
            <v>B92002</v>
          </cell>
          <cell r="B966">
            <v>16064.26439</v>
          </cell>
          <cell r="D966">
            <v>-8381.6150099999995</v>
          </cell>
          <cell r="E966">
            <v>7682.6493799999998</v>
          </cell>
          <cell r="F966">
            <v>222522.23636000001</v>
          </cell>
          <cell r="G966">
            <v>80.133399999999995</v>
          </cell>
          <cell r="H966">
            <v>-306571.02531</v>
          </cell>
          <cell r="I966">
            <v>-83968.655549999996</v>
          </cell>
        </row>
        <row r="967">
          <cell r="A967" t="str">
            <v>B92004</v>
          </cell>
          <cell r="B967">
            <v>16064.26439</v>
          </cell>
          <cell r="D967">
            <v>3500</v>
          </cell>
          <cell r="E967">
            <v>19564.26439</v>
          </cell>
          <cell r="F967">
            <v>16064.26439</v>
          </cell>
          <cell r="H967">
            <v>3500</v>
          </cell>
          <cell r="I967">
            <v>19564.26439</v>
          </cell>
        </row>
        <row r="968">
          <cell r="A968" t="str">
            <v>B92005</v>
          </cell>
          <cell r="D968">
            <v>-19361.556369999998</v>
          </cell>
          <cell r="E968">
            <v>-19361.556369999998</v>
          </cell>
          <cell r="H968">
            <v>-19361.556369999998</v>
          </cell>
          <cell r="I968">
            <v>-19361.556369999998</v>
          </cell>
        </row>
        <row r="969">
          <cell r="A969" t="str">
            <v>B92009</v>
          </cell>
          <cell r="F969">
            <v>206457.97197000001</v>
          </cell>
          <cell r="G969">
            <v>80.133399999999995</v>
          </cell>
          <cell r="H969">
            <v>-298189.41029999999</v>
          </cell>
          <cell r="I969">
            <v>-91651.304929999998</v>
          </cell>
        </row>
        <row r="970">
          <cell r="A970" t="str">
            <v>B92020</v>
          </cell>
          <cell r="D970">
            <v>7479.9413599999998</v>
          </cell>
          <cell r="E970">
            <v>7479.9413599999998</v>
          </cell>
          <cell r="H970">
            <v>7479.9413599999998</v>
          </cell>
          <cell r="I970">
            <v>7479.9413599999998</v>
          </cell>
        </row>
        <row r="971">
          <cell r="A971" t="str">
            <v>PL</v>
          </cell>
          <cell r="B971">
            <v>-153821.23220999999</v>
          </cell>
          <cell r="C971">
            <v>1582.1204600000001</v>
          </cell>
          <cell r="D971">
            <v>55153.524070000014</v>
          </cell>
          <cell r="E971">
            <v>-97085.587679999997</v>
          </cell>
          <cell r="F971">
            <v>-291830.05800999998</v>
          </cell>
          <cell r="G971">
            <v>-1012.76178</v>
          </cell>
          <cell r="H971">
            <v>77782.249989999997</v>
          </cell>
          <cell r="I971">
            <v>-215060.5698</v>
          </cell>
        </row>
        <row r="972">
          <cell r="A972" t="str">
            <v>P7</v>
          </cell>
          <cell r="B972">
            <v>-153821.23220999999</v>
          </cell>
          <cell r="C972">
            <v>1582.1204600000001</v>
          </cell>
          <cell r="D972">
            <v>55153.524070000014</v>
          </cell>
          <cell r="E972">
            <v>-97085.587679999997</v>
          </cell>
          <cell r="F972">
            <v>-291830.05800999998</v>
          </cell>
          <cell r="G972">
            <v>-1012.76178</v>
          </cell>
          <cell r="H972">
            <v>77782.249989999997</v>
          </cell>
          <cell r="I972">
            <v>-215060.5698</v>
          </cell>
        </row>
        <row r="973">
          <cell r="A973" t="str">
            <v>P5</v>
          </cell>
          <cell r="B973">
            <v>-153821.23220999999</v>
          </cell>
          <cell r="C973">
            <v>1582.1204600000001</v>
          </cell>
          <cell r="D973">
            <v>55153.524070000014</v>
          </cell>
          <cell r="E973">
            <v>-97085.587679999997</v>
          </cell>
          <cell r="F973">
            <v>-291830.05800999998</v>
          </cell>
          <cell r="G973">
            <v>-1012.76178</v>
          </cell>
          <cell r="H973">
            <v>77782.249989999997</v>
          </cell>
          <cell r="I973">
            <v>-215060.5698</v>
          </cell>
        </row>
        <row r="974">
          <cell r="A974" t="str">
            <v>P3</v>
          </cell>
          <cell r="B974">
            <v>-221772.67176999999</v>
          </cell>
          <cell r="C974">
            <v>1582.1204600000001</v>
          </cell>
          <cell r="D974">
            <v>19184.014330000005</v>
          </cell>
          <cell r="E974">
            <v>-201006.53698</v>
          </cell>
          <cell r="F974">
            <v>-402564.87232999998</v>
          </cell>
          <cell r="G974">
            <v>-1012.76178</v>
          </cell>
          <cell r="H974">
            <v>92031.196840000004</v>
          </cell>
          <cell r="I974">
            <v>-311546.43726999999</v>
          </cell>
        </row>
        <row r="975">
          <cell r="A975" t="str">
            <v>P2</v>
          </cell>
          <cell r="B975">
            <v>-135977.61066000001</v>
          </cell>
          <cell r="C975">
            <v>1582.3843299999999</v>
          </cell>
          <cell r="D975">
            <v>45821.780329999994</v>
          </cell>
          <cell r="E975">
            <v>-88573.446000000011</v>
          </cell>
          <cell r="F975">
            <v>-337498.42853999999</v>
          </cell>
          <cell r="G975">
            <v>-1015.39573</v>
          </cell>
          <cell r="H975">
            <v>104508.96105</v>
          </cell>
          <cell r="I975">
            <v>-234004.86322</v>
          </cell>
        </row>
        <row r="976">
          <cell r="A976" t="str">
            <v>P100</v>
          </cell>
          <cell r="B976">
            <v>-190380.27054000003</v>
          </cell>
          <cell r="C976">
            <v>0</v>
          </cell>
          <cell r="D976">
            <v>-248.30179999999999</v>
          </cell>
          <cell r="E976">
            <v>-190628.57233999998</v>
          </cell>
          <cell r="F976">
            <v>-469714.87352000002</v>
          </cell>
          <cell r="H976">
            <v>-248.30179999999999</v>
          </cell>
          <cell r="I976">
            <v>-469963.17531999998</v>
          </cell>
        </row>
        <row r="977">
          <cell r="A977" t="str">
            <v>P110</v>
          </cell>
          <cell r="B977">
            <v>-190380.27051999999</v>
          </cell>
          <cell r="C977">
            <v>0</v>
          </cell>
          <cell r="D977">
            <v>-248.30179999999999</v>
          </cell>
          <cell r="E977">
            <v>-190628.57232000001</v>
          </cell>
          <cell r="F977">
            <v>-469714.87349999999</v>
          </cell>
          <cell r="H977">
            <v>-248.30179999999999</v>
          </cell>
          <cell r="I977">
            <v>-469963.1753</v>
          </cell>
        </row>
        <row r="978">
          <cell r="A978" t="str">
            <v>P111</v>
          </cell>
          <cell r="B978">
            <v>-276.40541999999999</v>
          </cell>
          <cell r="C978">
            <v>0</v>
          </cell>
          <cell r="D978">
            <v>0</v>
          </cell>
          <cell r="E978">
            <v>-276.40541999999999</v>
          </cell>
          <cell r="F978">
            <v>-1265.15672</v>
          </cell>
          <cell r="I978">
            <v>-1265.15672</v>
          </cell>
        </row>
        <row r="979">
          <cell r="A979" t="str">
            <v>P11102</v>
          </cell>
          <cell r="B979">
            <v>-276.40541999999999</v>
          </cell>
          <cell r="C979">
            <v>0</v>
          </cell>
          <cell r="D979">
            <v>0</v>
          </cell>
          <cell r="E979">
            <v>-276.40541999999999</v>
          </cell>
          <cell r="F979">
            <v>-1265.15672</v>
          </cell>
          <cell r="I979">
            <v>-1265.15672</v>
          </cell>
        </row>
        <row r="980">
          <cell r="A980" t="str">
            <v>P112</v>
          </cell>
          <cell r="B980">
            <v>-211167.75403999997</v>
          </cell>
          <cell r="C980">
            <v>0</v>
          </cell>
          <cell r="D980">
            <v>-248.30179999999999</v>
          </cell>
          <cell r="E980">
            <v>-211416.05583999999</v>
          </cell>
          <cell r="F980">
            <v>-515865.37475999998</v>
          </cell>
          <cell r="H980">
            <v>-248.30179999999999</v>
          </cell>
          <cell r="I980">
            <v>-516113.67655999999</v>
          </cell>
        </row>
        <row r="981">
          <cell r="A981" t="str">
            <v>P11201</v>
          </cell>
          <cell r="B981">
            <v>-211167.75403999997</v>
          </cell>
          <cell r="C981">
            <v>0</v>
          </cell>
          <cell r="D981">
            <v>-248.30179999999999</v>
          </cell>
          <cell r="E981">
            <v>-211416.05583999999</v>
          </cell>
          <cell r="F981">
            <v>-515865.37475999998</v>
          </cell>
          <cell r="H981">
            <v>-248.30179999999999</v>
          </cell>
          <cell r="I981">
            <v>-516113.67655999999</v>
          </cell>
        </row>
        <row r="982">
          <cell r="A982" t="str">
            <v>P113</v>
          </cell>
          <cell r="B982">
            <v>21063.888939999997</v>
          </cell>
          <cell r="C982">
            <v>0</v>
          </cell>
          <cell r="D982">
            <v>0</v>
          </cell>
          <cell r="E982">
            <v>21063.888939999997</v>
          </cell>
          <cell r="F982">
            <v>18753.624759999999</v>
          </cell>
          <cell r="I982">
            <v>18753.624759999999</v>
          </cell>
        </row>
        <row r="983">
          <cell r="A983" t="str">
            <v>P115</v>
          </cell>
          <cell r="B983">
            <v>0</v>
          </cell>
          <cell r="C983">
            <v>0</v>
          </cell>
          <cell r="D983">
            <v>0</v>
          </cell>
          <cell r="E983">
            <v>0</v>
          </cell>
          <cell r="F983">
            <v>28662.033220000001</v>
          </cell>
          <cell r="I983">
            <v>28662.033220000001</v>
          </cell>
        </row>
        <row r="984">
          <cell r="A984" t="str">
            <v>P120</v>
          </cell>
          <cell r="B984">
            <v>-2.0000000000000002E-5</v>
          </cell>
          <cell r="C984">
            <v>0</v>
          </cell>
          <cell r="D984">
            <v>0</v>
          </cell>
          <cell r="E984">
            <v>-2.0000000000000002E-5</v>
          </cell>
          <cell r="F984">
            <v>-2.0000000000000002E-5</v>
          </cell>
          <cell r="I984">
            <v>-2.0000000000000002E-5</v>
          </cell>
        </row>
        <row r="985">
          <cell r="A985" t="str">
            <v>P12002</v>
          </cell>
          <cell r="B985">
            <v>-2.0000000000000002E-5</v>
          </cell>
          <cell r="C985">
            <v>0</v>
          </cell>
          <cell r="D985">
            <v>0</v>
          </cell>
          <cell r="E985">
            <v>-2.0000000000000002E-5</v>
          </cell>
          <cell r="F985">
            <v>-2.0000000000000002E-5</v>
          </cell>
          <cell r="I985">
            <v>-2.0000000000000002E-5</v>
          </cell>
        </row>
        <row r="986">
          <cell r="A986" t="str">
            <v>P200</v>
          </cell>
          <cell r="B986">
            <v>54402.659880000007</v>
          </cell>
          <cell r="C986">
            <v>1582.3843299999999</v>
          </cell>
          <cell r="D986">
            <v>46070.082129999995</v>
          </cell>
          <cell r="E986">
            <v>102055.12634000002</v>
          </cell>
          <cell r="F986">
            <v>132216.44498</v>
          </cell>
          <cell r="G986">
            <v>-1015.39573</v>
          </cell>
          <cell r="H986">
            <v>104757.26285</v>
          </cell>
          <cell r="I986">
            <v>235958.31210000001</v>
          </cell>
        </row>
        <row r="987">
          <cell r="A987" t="str">
            <v>P220</v>
          </cell>
          <cell r="B987">
            <v>13551.460709999999</v>
          </cell>
          <cell r="C987">
            <v>0</v>
          </cell>
          <cell r="D987">
            <v>0</v>
          </cell>
          <cell r="E987">
            <v>13551.460709999999</v>
          </cell>
          <cell r="F987">
            <v>45277.141250000001</v>
          </cell>
          <cell r="I987">
            <v>45277.141250000001</v>
          </cell>
        </row>
        <row r="988">
          <cell r="A988" t="str">
            <v>P220</v>
          </cell>
          <cell r="B988">
            <v>13551.460709999999</v>
          </cell>
          <cell r="C988">
            <v>0</v>
          </cell>
          <cell r="D988">
            <v>0</v>
          </cell>
          <cell r="E988">
            <v>13551.460709999999</v>
          </cell>
        </row>
        <row r="989">
          <cell r="A989" t="str">
            <v>P22001</v>
          </cell>
          <cell r="B989">
            <v>13469.890480000002</v>
          </cell>
          <cell r="C989">
            <v>0</v>
          </cell>
          <cell r="D989">
            <v>0</v>
          </cell>
          <cell r="E989">
            <v>13469.890480000002</v>
          </cell>
          <cell r="F989">
            <v>45018.024640000003</v>
          </cell>
          <cell r="I989">
            <v>45018.024640000003</v>
          </cell>
        </row>
        <row r="990">
          <cell r="A990" t="str">
            <v>P22002</v>
          </cell>
          <cell r="B990">
            <v>81.570229999999981</v>
          </cell>
          <cell r="C990">
            <v>0</v>
          </cell>
          <cell r="D990">
            <v>0</v>
          </cell>
          <cell r="E990">
            <v>81.570229999999981</v>
          </cell>
          <cell r="F990">
            <v>259.11660999999998</v>
          </cell>
          <cell r="I990">
            <v>259.11660999999998</v>
          </cell>
        </row>
        <row r="991">
          <cell r="A991" t="str">
            <v>P230</v>
          </cell>
          <cell r="B991">
            <v>13871.035170000001</v>
          </cell>
          <cell r="C991">
            <v>36.502979999999972</v>
          </cell>
          <cell r="D991">
            <v>10216.084080000001</v>
          </cell>
          <cell r="E991">
            <v>24123.622230000004</v>
          </cell>
          <cell r="F991">
            <v>39156.859179999999</v>
          </cell>
          <cell r="G991">
            <v>482.34546999999998</v>
          </cell>
          <cell r="H991">
            <v>13331.12909</v>
          </cell>
          <cell r="I991">
            <v>52970.333740000002</v>
          </cell>
        </row>
        <row r="992">
          <cell r="A992" t="str">
            <v>P231</v>
          </cell>
          <cell r="B992">
            <v>2706.1813300000013</v>
          </cell>
          <cell r="C992">
            <v>0</v>
          </cell>
          <cell r="D992">
            <v>0</v>
          </cell>
          <cell r="E992">
            <v>2706.1813300000013</v>
          </cell>
          <cell r="F992">
            <v>10673.776540000001</v>
          </cell>
          <cell r="I992">
            <v>10673.776540000001</v>
          </cell>
        </row>
        <row r="993">
          <cell r="A993" t="str">
            <v>P232</v>
          </cell>
          <cell r="B993">
            <v>1955.82214</v>
          </cell>
          <cell r="C993">
            <v>0</v>
          </cell>
          <cell r="D993">
            <v>0</v>
          </cell>
          <cell r="E993">
            <v>1955.82214</v>
          </cell>
          <cell r="F993">
            <v>1830.8987500000001</v>
          </cell>
          <cell r="I993">
            <v>1830.8987500000001</v>
          </cell>
        </row>
        <row r="994">
          <cell r="A994" t="str">
            <v>P233</v>
          </cell>
          <cell r="B994">
            <v>7270.0014399999991</v>
          </cell>
          <cell r="C994">
            <v>0</v>
          </cell>
          <cell r="D994">
            <v>0</v>
          </cell>
          <cell r="E994">
            <v>7270.0014399999991</v>
          </cell>
          <cell r="F994">
            <v>20659.88984</v>
          </cell>
          <cell r="I994">
            <v>20659.88984</v>
          </cell>
        </row>
        <row r="995">
          <cell r="A995" t="str">
            <v>P235</v>
          </cell>
          <cell r="B995">
            <v>1095.0978300000002</v>
          </cell>
          <cell r="C995">
            <v>35.301439999999971</v>
          </cell>
          <cell r="D995">
            <v>-59.521110000000014</v>
          </cell>
          <cell r="E995">
            <v>1070.8781600000002</v>
          </cell>
          <cell r="F995">
            <v>4513.3099700000002</v>
          </cell>
          <cell r="G995">
            <v>476.64308</v>
          </cell>
          <cell r="H995">
            <v>174.74776</v>
          </cell>
          <cell r="I995">
            <v>5164.7008100000003</v>
          </cell>
        </row>
        <row r="996">
          <cell r="A996" t="str">
            <v>P236</v>
          </cell>
          <cell r="B996">
            <v>883.6585799999998</v>
          </cell>
          <cell r="C996">
            <v>21.866540000000004</v>
          </cell>
          <cell r="D996">
            <v>7491.4996200000005</v>
          </cell>
          <cell r="E996">
            <v>8397.0247400000007</v>
          </cell>
          <cell r="F996">
            <v>1524.5595699999999</v>
          </cell>
          <cell r="G996">
            <v>24.926290000000002</v>
          </cell>
          <cell r="H996">
            <v>10847.69989</v>
          </cell>
          <cell r="I996">
            <v>12397.185750000001</v>
          </cell>
        </row>
        <row r="997">
          <cell r="A997" t="str">
            <v>P237</v>
          </cell>
          <cell r="B997">
            <v>-39.726150000000004</v>
          </cell>
          <cell r="C997">
            <v>-20.664999999999999</v>
          </cell>
          <cell r="D997">
            <v>2784.1055699999997</v>
          </cell>
          <cell r="E997">
            <v>2723.7144200000002</v>
          </cell>
          <cell r="F997">
            <v>-36.95579</v>
          </cell>
          <cell r="G997">
            <v>-19.2239</v>
          </cell>
          <cell r="H997">
            <v>2308.6814399999998</v>
          </cell>
          <cell r="I997">
            <v>2252.5017499999999</v>
          </cell>
        </row>
        <row r="998">
          <cell r="A998" t="str">
            <v>P238</v>
          </cell>
          <cell r="B998">
            <v>0</v>
          </cell>
          <cell r="C998">
            <v>0</v>
          </cell>
          <cell r="D998">
            <v>0</v>
          </cell>
          <cell r="E998">
            <v>0</v>
          </cell>
          <cell r="F998">
            <v>-8.6196999999999999</v>
          </cell>
          <cell r="I998">
            <v>-8.6196999999999999</v>
          </cell>
        </row>
        <row r="999">
          <cell r="A999" t="str">
            <v>P240</v>
          </cell>
          <cell r="B999">
            <v>1388.0711899999997</v>
          </cell>
          <cell r="C999">
            <v>349.68867</v>
          </cell>
          <cell r="D999">
            <v>127.03545999999994</v>
          </cell>
          <cell r="E999">
            <v>1864.7953200000004</v>
          </cell>
          <cell r="F999">
            <v>3084.1310199999998</v>
          </cell>
          <cell r="G999">
            <v>487.53388999999999</v>
          </cell>
          <cell r="H999">
            <v>1529.0155199999999</v>
          </cell>
          <cell r="I999">
            <v>5100.6804300000003</v>
          </cell>
        </row>
        <row r="1000">
          <cell r="A1000" t="str">
            <v>P241</v>
          </cell>
          <cell r="B1000">
            <v>24.778949999999995</v>
          </cell>
          <cell r="C1000">
            <v>0</v>
          </cell>
          <cell r="D1000">
            <v>0</v>
          </cell>
          <cell r="E1000">
            <v>24.778949999999995</v>
          </cell>
          <cell r="F1000">
            <v>37.956569999999999</v>
          </cell>
          <cell r="I1000">
            <v>37.956569999999999</v>
          </cell>
        </row>
        <row r="1001">
          <cell r="A1001" t="str">
            <v>P24102</v>
          </cell>
          <cell r="B1001">
            <v>24.778949999999995</v>
          </cell>
          <cell r="C1001">
            <v>0</v>
          </cell>
          <cell r="D1001">
            <v>0</v>
          </cell>
          <cell r="E1001">
            <v>24.778949999999995</v>
          </cell>
          <cell r="F1001">
            <v>37.956569999999999</v>
          </cell>
          <cell r="I1001">
            <v>37.956569999999999</v>
          </cell>
        </row>
        <row r="1002">
          <cell r="A1002" t="str">
            <v>P242</v>
          </cell>
          <cell r="B1002">
            <v>1349.8405600000001</v>
          </cell>
          <cell r="C1002">
            <v>0</v>
          </cell>
          <cell r="D1002">
            <v>0</v>
          </cell>
          <cell r="E1002">
            <v>1349.8405600000001</v>
          </cell>
          <cell r="F1002">
            <v>3023.5309600000001</v>
          </cell>
          <cell r="I1002">
            <v>3023.5309600000001</v>
          </cell>
        </row>
        <row r="1003">
          <cell r="A1003" t="str">
            <v>P243</v>
          </cell>
          <cell r="B1003">
            <v>0</v>
          </cell>
          <cell r="C1003">
            <v>375.05649</v>
          </cell>
          <cell r="D1003">
            <v>240.81810999999993</v>
          </cell>
          <cell r="E1003">
            <v>615.87459999999999</v>
          </cell>
          <cell r="G1003">
            <v>616.32925999999998</v>
          </cell>
          <cell r="H1003">
            <v>1516.70435</v>
          </cell>
          <cell r="I1003">
            <v>2133.03361</v>
          </cell>
        </row>
        <row r="1004">
          <cell r="A1004" t="str">
            <v>P24310</v>
          </cell>
          <cell r="B1004">
            <v>0</v>
          </cell>
          <cell r="C1004">
            <v>375.05649</v>
          </cell>
          <cell r="D1004">
            <v>18.835989999999995</v>
          </cell>
          <cell r="E1004">
            <v>393.89248000000003</v>
          </cell>
          <cell r="G1004">
            <v>616.32925999999998</v>
          </cell>
          <cell r="H1004">
            <v>128.99115</v>
          </cell>
          <cell r="I1004">
            <v>745.32041000000004</v>
          </cell>
        </row>
        <row r="1005">
          <cell r="A1005" t="str">
            <v>P24311</v>
          </cell>
          <cell r="B1005">
            <v>0</v>
          </cell>
          <cell r="C1005">
            <v>375.05649</v>
          </cell>
          <cell r="D1005">
            <v>18.835989999999995</v>
          </cell>
          <cell r="E1005">
            <v>393.89248000000003</v>
          </cell>
          <cell r="G1005">
            <v>616.32925999999998</v>
          </cell>
          <cell r="H1005">
            <v>128.99115</v>
          </cell>
          <cell r="I1005">
            <v>745.32041000000004</v>
          </cell>
        </row>
        <row r="1006">
          <cell r="A1006" t="str">
            <v>P24320</v>
          </cell>
          <cell r="B1006">
            <v>0</v>
          </cell>
          <cell r="C1006">
            <v>0</v>
          </cell>
          <cell r="D1006">
            <v>221.9821199999999</v>
          </cell>
          <cell r="E1006">
            <v>221.9821199999999</v>
          </cell>
          <cell r="H1006">
            <v>1387.7131999999999</v>
          </cell>
          <cell r="I1006">
            <v>1387.7131999999999</v>
          </cell>
        </row>
        <row r="1007">
          <cell r="A1007" t="str">
            <v>P24313</v>
          </cell>
          <cell r="B1007">
            <v>0</v>
          </cell>
          <cell r="C1007">
            <v>0</v>
          </cell>
          <cell r="D1007">
            <v>221.9821199999999</v>
          </cell>
          <cell r="E1007">
            <v>221.9821199999999</v>
          </cell>
          <cell r="H1007">
            <v>1387.7131999999999</v>
          </cell>
          <cell r="I1007">
            <v>1387.7131999999999</v>
          </cell>
        </row>
        <row r="1008">
          <cell r="A1008" t="str">
            <v>P244P</v>
          </cell>
          <cell r="B1008">
            <v>13.45168</v>
          </cell>
          <cell r="C1008">
            <v>-25.36781999999998</v>
          </cell>
          <cell r="D1008">
            <v>-113.78265</v>
          </cell>
          <cell r="E1008">
            <v>-125.69879000000002</v>
          </cell>
          <cell r="F1008">
            <v>22.64349</v>
          </cell>
          <cell r="G1008">
            <v>-128.79536999999999</v>
          </cell>
          <cell r="H1008">
            <v>12.311170000000001</v>
          </cell>
          <cell r="I1008">
            <v>-93.840710000000001</v>
          </cell>
        </row>
        <row r="1009">
          <cell r="A1009" t="str">
            <v>P24401</v>
          </cell>
          <cell r="B1009">
            <v>13.45168</v>
          </cell>
          <cell r="C1009">
            <v>-25.36781999999998</v>
          </cell>
          <cell r="D1009">
            <v>-113.78265</v>
          </cell>
          <cell r="E1009">
            <v>-125.69879000000002</v>
          </cell>
          <cell r="F1009">
            <v>22.64349</v>
          </cell>
          <cell r="G1009">
            <v>-128.79536999999999</v>
          </cell>
          <cell r="H1009">
            <v>12.311170000000001</v>
          </cell>
          <cell r="I1009">
            <v>-93.840710000000001</v>
          </cell>
        </row>
        <row r="1010">
          <cell r="A1010" t="str">
            <v>P250</v>
          </cell>
          <cell r="B1010">
            <v>2850.7239000000004</v>
          </cell>
          <cell r="C1010">
            <v>1217.0852200000002</v>
          </cell>
          <cell r="D1010">
            <v>0</v>
          </cell>
          <cell r="E1010">
            <v>4067.8091200000003</v>
          </cell>
          <cell r="F1010">
            <v>5706.0682999999999</v>
          </cell>
          <cell r="G1010">
            <v>2004.29412</v>
          </cell>
          <cell r="I1010">
            <v>7710.3624200000004</v>
          </cell>
        </row>
        <row r="1011">
          <cell r="A1011" t="str">
            <v>P251</v>
          </cell>
          <cell r="B1011">
            <v>2364.7029500000003</v>
          </cell>
          <cell r="C1011">
            <v>1217.0852200000002</v>
          </cell>
          <cell r="D1011">
            <v>0</v>
          </cell>
          <cell r="E1011">
            <v>3581.7881700000003</v>
          </cell>
          <cell r="F1011">
            <v>5177.4278599999998</v>
          </cell>
          <cell r="G1011">
            <v>2004.29412</v>
          </cell>
          <cell r="I1011">
            <v>7181.7219800000003</v>
          </cell>
        </row>
        <row r="1012">
          <cell r="A1012" t="str">
            <v>P253</v>
          </cell>
          <cell r="B1012">
            <v>486.02095000000008</v>
          </cell>
          <cell r="C1012">
            <v>0</v>
          </cell>
          <cell r="D1012">
            <v>0</v>
          </cell>
          <cell r="E1012">
            <v>486.02095000000008</v>
          </cell>
          <cell r="F1012">
            <v>528.64044000000001</v>
          </cell>
          <cell r="I1012">
            <v>528.64044000000001</v>
          </cell>
        </row>
        <row r="1013">
          <cell r="A1013" t="str">
            <v>P260</v>
          </cell>
          <cell r="B1013">
            <v>25776.747690000004</v>
          </cell>
          <cell r="C1013">
            <v>46.384999999999991</v>
          </cell>
          <cell r="D1013">
            <v>73.441630000000004</v>
          </cell>
          <cell r="E1013">
            <v>25896.574319999992</v>
          </cell>
          <cell r="F1013">
            <v>89195.008390000003</v>
          </cell>
          <cell r="G1013">
            <v>140.09093999999999</v>
          </cell>
          <cell r="H1013">
            <v>185.36859000000001</v>
          </cell>
          <cell r="I1013">
            <v>89520.467919999996</v>
          </cell>
        </row>
        <row r="1014">
          <cell r="A1014" t="str">
            <v>P261</v>
          </cell>
          <cell r="B1014">
            <v>25776.747690000004</v>
          </cell>
          <cell r="C1014">
            <v>46.384999999999991</v>
          </cell>
          <cell r="D1014">
            <v>73.441630000000004</v>
          </cell>
          <cell r="E1014">
            <v>25896.574319999992</v>
          </cell>
          <cell r="F1014">
            <v>89195.008390000003</v>
          </cell>
          <cell r="G1014">
            <v>140.09093999999999</v>
          </cell>
          <cell r="H1014">
            <v>185.36859000000001</v>
          </cell>
          <cell r="I1014">
            <v>89520.467919999996</v>
          </cell>
        </row>
        <row r="1015">
          <cell r="A1015" t="str">
            <v>P26101</v>
          </cell>
          <cell r="B1015">
            <v>19209.142120000011</v>
          </cell>
          <cell r="C1015">
            <v>46.384999999999991</v>
          </cell>
          <cell r="D1015">
            <v>73.441630000000004</v>
          </cell>
          <cell r="E1015">
            <v>19328.968749999993</v>
          </cell>
          <cell r="F1015">
            <v>66148.505860000005</v>
          </cell>
          <cell r="G1015">
            <v>140.09093999999999</v>
          </cell>
          <cell r="H1015">
            <v>185.36859000000001</v>
          </cell>
          <cell r="I1015">
            <v>66473.965389999998</v>
          </cell>
        </row>
        <row r="1016">
          <cell r="A1016" t="str">
            <v>P26105</v>
          </cell>
          <cell r="B1016">
            <v>6567.6055700000015</v>
          </cell>
          <cell r="C1016">
            <v>0</v>
          </cell>
          <cell r="D1016">
            <v>0</v>
          </cell>
          <cell r="E1016">
            <v>6567.6055700000015</v>
          </cell>
          <cell r="F1016">
            <v>23046.502530000002</v>
          </cell>
          <cell r="I1016">
            <v>23046.502530000002</v>
          </cell>
        </row>
        <row r="1017">
          <cell r="A1017" t="str">
            <v>P263</v>
          </cell>
          <cell r="B1017">
            <v>0</v>
          </cell>
          <cell r="C1017">
            <v>0</v>
          </cell>
          <cell r="D1017">
            <v>0</v>
          </cell>
          <cell r="E1017">
            <v>0</v>
          </cell>
        </row>
        <row r="1018">
          <cell r="A1018" t="str">
            <v>P26301</v>
          </cell>
          <cell r="B1018">
            <v>0</v>
          </cell>
          <cell r="C1018">
            <v>0</v>
          </cell>
          <cell r="D1018">
            <v>0</v>
          </cell>
          <cell r="E1018">
            <v>0</v>
          </cell>
        </row>
        <row r="1019">
          <cell r="A1019" t="str">
            <v>P275</v>
          </cell>
          <cell r="B1019">
            <v>-3035.3787800000064</v>
          </cell>
          <cell r="C1019">
            <v>-67.27753999999959</v>
          </cell>
          <cell r="D1019">
            <v>33414.156939999993</v>
          </cell>
          <cell r="E1019">
            <v>30311.500619999999</v>
          </cell>
          <cell r="F1019">
            <v>-50202.763160000002</v>
          </cell>
          <cell r="G1019">
            <v>-4129.6601499999997</v>
          </cell>
          <cell r="H1019">
            <v>86553.553769999999</v>
          </cell>
          <cell r="I1019">
            <v>32221.13046</v>
          </cell>
        </row>
        <row r="1020">
          <cell r="A1020" t="str">
            <v>P280</v>
          </cell>
          <cell r="B1020">
            <v>0</v>
          </cell>
          <cell r="C1020">
            <v>0</v>
          </cell>
          <cell r="D1020">
            <v>2239.36402</v>
          </cell>
          <cell r="E1020">
            <v>2239.36402</v>
          </cell>
          <cell r="H1020">
            <v>3158.1958800000002</v>
          </cell>
          <cell r="I1020">
            <v>3158.1958800000002</v>
          </cell>
        </row>
        <row r="1021">
          <cell r="A1021" t="str">
            <v>P300</v>
          </cell>
          <cell r="B1021">
            <v>-85795.061109999995</v>
          </cell>
          <cell r="C1021">
            <v>-0.26386999999999994</v>
          </cell>
          <cell r="D1021">
            <v>-26637.765999999996</v>
          </cell>
          <cell r="E1021">
            <v>-112433.09098000001</v>
          </cell>
          <cell r="F1021">
            <v>-65066.443789999998</v>
          </cell>
          <cell r="G1021">
            <v>2.63395</v>
          </cell>
          <cell r="H1021">
            <v>-12477.764209999999</v>
          </cell>
          <cell r="I1021">
            <v>-77541.574049999996</v>
          </cell>
        </row>
        <row r="1022">
          <cell r="A1022" t="str">
            <v>P340</v>
          </cell>
          <cell r="B1022">
            <v>-96649.244600000005</v>
          </cell>
          <cell r="C1022">
            <v>0</v>
          </cell>
          <cell r="D1022">
            <v>0</v>
          </cell>
          <cell r="E1022">
            <v>-96649.244600000005</v>
          </cell>
          <cell r="F1022">
            <v>-96649.244600000005</v>
          </cell>
          <cell r="I1022">
            <v>-96649.244600000005</v>
          </cell>
        </row>
        <row r="1023">
          <cell r="A1023" t="str">
            <v>P342</v>
          </cell>
          <cell r="B1023">
            <v>-96649.244600000005</v>
          </cell>
          <cell r="C1023">
            <v>0</v>
          </cell>
          <cell r="D1023">
            <v>0</v>
          </cell>
          <cell r="E1023">
            <v>-96649.244600000005</v>
          </cell>
          <cell r="F1023">
            <v>-96649.244600000005</v>
          </cell>
          <cell r="I1023">
            <v>-96649.244600000005</v>
          </cell>
        </row>
        <row r="1024">
          <cell r="A1024" t="str">
            <v>P26103</v>
          </cell>
          <cell r="B1024">
            <v>-96649.244600000005</v>
          </cell>
          <cell r="C1024">
            <v>0</v>
          </cell>
          <cell r="D1024">
            <v>0</v>
          </cell>
          <cell r="E1024">
            <v>-96649.244600000005</v>
          </cell>
          <cell r="F1024">
            <v>-96649.244600000005</v>
          </cell>
          <cell r="I1024">
            <v>-96649.244600000005</v>
          </cell>
        </row>
        <row r="1025">
          <cell r="A1025" t="str">
            <v>P26302</v>
          </cell>
          <cell r="B1025">
            <v>0</v>
          </cell>
          <cell r="C1025">
            <v>0</v>
          </cell>
          <cell r="D1025">
            <v>0</v>
          </cell>
          <cell r="E1025">
            <v>0</v>
          </cell>
        </row>
        <row r="1026">
          <cell r="A1026" t="str">
            <v>P310</v>
          </cell>
          <cell r="B1026">
            <v>0</v>
          </cell>
          <cell r="C1026">
            <v>0</v>
          </cell>
          <cell r="D1026">
            <v>-1736.8384700000001</v>
          </cell>
          <cell r="E1026">
            <v>-1736.8384700000001</v>
          </cell>
          <cell r="H1026">
            <v>-6252.5759600000001</v>
          </cell>
          <cell r="I1026">
            <v>-6252.5759600000001</v>
          </cell>
        </row>
        <row r="1027">
          <cell r="A1027" t="str">
            <v>P311</v>
          </cell>
          <cell r="B1027">
            <v>0</v>
          </cell>
          <cell r="C1027">
            <v>0</v>
          </cell>
          <cell r="D1027">
            <v>-1736.8384700000001</v>
          </cell>
          <cell r="E1027">
            <v>-1736.8384700000001</v>
          </cell>
          <cell r="H1027">
            <v>-6252.5759600000001</v>
          </cell>
          <cell r="I1027">
            <v>-6252.5759600000001</v>
          </cell>
        </row>
        <row r="1028">
          <cell r="A1028" t="str">
            <v>P320</v>
          </cell>
          <cell r="B1028">
            <v>10962.20736</v>
          </cell>
          <cell r="C1028">
            <v>0</v>
          </cell>
          <cell r="D1028">
            <v>5507.42353</v>
          </cell>
          <cell r="E1028">
            <v>16469.63089</v>
          </cell>
          <cell r="F1028">
            <v>31851.48011</v>
          </cell>
          <cell r="G1028">
            <v>7.2700000000000004E-3</v>
          </cell>
          <cell r="H1028">
            <v>12589.80444</v>
          </cell>
          <cell r="I1028">
            <v>44441.291819999999</v>
          </cell>
        </row>
        <row r="1029">
          <cell r="A1029" t="str">
            <v>P321</v>
          </cell>
          <cell r="B1029">
            <v>1084.0091499999999</v>
          </cell>
          <cell r="C1029">
            <v>0</v>
          </cell>
          <cell r="D1029">
            <v>3887.9727799999996</v>
          </cell>
          <cell r="E1029">
            <v>4971.981929999999</v>
          </cell>
          <cell r="F1029">
            <v>3154.5688399999999</v>
          </cell>
          <cell r="H1029">
            <v>11466.206539999999</v>
          </cell>
          <cell r="I1029">
            <v>14620.775379999999</v>
          </cell>
        </row>
        <row r="1030">
          <cell r="A1030" t="str">
            <v>P32103</v>
          </cell>
          <cell r="B1030">
            <v>1098.3491700000002</v>
          </cell>
          <cell r="C1030">
            <v>0</v>
          </cell>
          <cell r="D1030">
            <v>3887.9727799999996</v>
          </cell>
          <cell r="E1030">
            <v>4986.3219500000005</v>
          </cell>
          <cell r="F1030">
            <v>3340.9776299999999</v>
          </cell>
          <cell r="H1030">
            <v>11466.206539999999</v>
          </cell>
          <cell r="I1030">
            <v>14807.18417</v>
          </cell>
        </row>
        <row r="1031">
          <cell r="A1031" t="str">
            <v>P32104</v>
          </cell>
          <cell r="B1031">
            <v>-14.34002000000001</v>
          </cell>
          <cell r="C1031">
            <v>0</v>
          </cell>
          <cell r="D1031">
            <v>0</v>
          </cell>
          <cell r="E1031">
            <v>-14.34002000000001</v>
          </cell>
          <cell r="F1031">
            <v>-186.40879000000001</v>
          </cell>
          <cell r="I1031">
            <v>-186.40879000000001</v>
          </cell>
        </row>
        <row r="1032">
          <cell r="A1032" t="str">
            <v>P322</v>
          </cell>
          <cell r="B1032">
            <v>8165.0476799999988</v>
          </cell>
          <cell r="C1032">
            <v>0</v>
          </cell>
          <cell r="D1032">
            <v>1619.45075</v>
          </cell>
          <cell r="E1032">
            <v>9784.4984299999996</v>
          </cell>
          <cell r="F1032">
            <v>24077.54912</v>
          </cell>
          <cell r="G1032">
            <v>7.2700000000000004E-3</v>
          </cell>
          <cell r="H1032">
            <v>1123.5979</v>
          </cell>
          <cell r="I1032">
            <v>25201.154289999999</v>
          </cell>
        </row>
        <row r="1033">
          <cell r="A1033" t="str">
            <v>P323</v>
          </cell>
          <cell r="B1033">
            <v>-29.85141000000003</v>
          </cell>
          <cell r="C1033">
            <v>0</v>
          </cell>
          <cell r="D1033">
            <v>0</v>
          </cell>
          <cell r="E1033">
            <v>-29.85141000000003</v>
          </cell>
          <cell r="F1033">
            <v>-609.64367000000004</v>
          </cell>
          <cell r="I1033">
            <v>-609.64367000000004</v>
          </cell>
        </row>
        <row r="1034">
          <cell r="A1034" t="str">
            <v>P324</v>
          </cell>
          <cell r="B1034">
            <v>1743.0019400000001</v>
          </cell>
          <cell r="C1034">
            <v>0</v>
          </cell>
          <cell r="D1034">
            <v>0</v>
          </cell>
          <cell r="E1034">
            <v>1743.0019400000001</v>
          </cell>
          <cell r="F1034">
            <v>5229.0058200000003</v>
          </cell>
          <cell r="I1034">
            <v>5229.0058200000003</v>
          </cell>
        </row>
        <row r="1035">
          <cell r="A1035" t="str">
            <v>P330</v>
          </cell>
          <cell r="B1035">
            <v>-108.02387000000003</v>
          </cell>
          <cell r="C1035">
            <v>-0.26386999999999994</v>
          </cell>
          <cell r="D1035">
            <v>-30408.351059999997</v>
          </cell>
          <cell r="E1035">
            <v>-30516.638800000001</v>
          </cell>
          <cell r="F1035">
            <v>-268.67930000000001</v>
          </cell>
          <cell r="G1035">
            <v>2.6266799999999999</v>
          </cell>
          <cell r="H1035">
            <v>-18814.992689999999</v>
          </cell>
          <cell r="I1035">
            <v>-19081.045310000001</v>
          </cell>
        </row>
        <row r="1036">
          <cell r="A1036" t="str">
            <v>P331</v>
          </cell>
          <cell r="B1036">
            <v>0</v>
          </cell>
          <cell r="C1036">
            <v>0</v>
          </cell>
          <cell r="D1036">
            <v>-21240.543369999999</v>
          </cell>
          <cell r="E1036">
            <v>-21240.543369999999</v>
          </cell>
          <cell r="F1036">
            <v>-2.0000000000000001E-4</v>
          </cell>
          <cell r="H1036">
            <v>5638.2924800000001</v>
          </cell>
          <cell r="I1036">
            <v>5638.2922799999997</v>
          </cell>
        </row>
        <row r="1037">
          <cell r="A1037" t="str">
            <v>P333</v>
          </cell>
          <cell r="B1037">
            <v>0</v>
          </cell>
          <cell r="C1037">
            <v>0</v>
          </cell>
          <cell r="D1037">
            <v>10793.76345</v>
          </cell>
          <cell r="E1037">
            <v>10793.76345</v>
          </cell>
          <cell r="H1037">
            <v>-292.28915000000001</v>
          </cell>
          <cell r="I1037">
            <v>-292.28915000000001</v>
          </cell>
        </row>
        <row r="1038">
          <cell r="A1038" t="str">
            <v>P338</v>
          </cell>
          <cell r="B1038">
            <v>-108.02387</v>
          </cell>
          <cell r="C1038">
            <v>-0.26386999999999994</v>
          </cell>
          <cell r="D1038">
            <v>-19961.571139999996</v>
          </cell>
          <cell r="E1038">
            <v>-20069.858880000003</v>
          </cell>
          <cell r="F1038">
            <v>-268.67910000000001</v>
          </cell>
          <cell r="G1038">
            <v>2.6266799999999999</v>
          </cell>
          <cell r="H1038">
            <v>-24160.996019999999</v>
          </cell>
          <cell r="I1038">
            <v>-24427.048439999999</v>
          </cell>
        </row>
        <row r="1039">
          <cell r="A1039" t="str">
            <v>P400</v>
          </cell>
          <cell r="B1039">
            <v>67951.439559999999</v>
          </cell>
          <cell r="C1039">
            <v>0</v>
          </cell>
          <cell r="D1039">
            <v>35969.509740000001</v>
          </cell>
          <cell r="E1039">
            <v>103920.94929999999</v>
          </cell>
          <cell r="F1039">
            <v>110734.81432</v>
          </cell>
          <cell r="H1039">
            <v>-14248.94685</v>
          </cell>
          <cell r="I1039">
            <v>96485.867469999997</v>
          </cell>
        </row>
        <row r="1040">
          <cell r="A1040" t="str">
            <v>P410</v>
          </cell>
          <cell r="B1040">
            <v>-10099.783070000005</v>
          </cell>
          <cell r="C1040">
            <v>0</v>
          </cell>
          <cell r="D1040">
            <v>-15.182899999999997</v>
          </cell>
          <cell r="E1040">
            <v>-10114.965969999997</v>
          </cell>
          <cell r="F1040">
            <v>32380.702829999998</v>
          </cell>
          <cell r="H1040">
            <v>-63.555909999999997</v>
          </cell>
          <cell r="I1040">
            <v>32317.146919999999</v>
          </cell>
        </row>
        <row r="1041">
          <cell r="A1041" t="str">
            <v>P411</v>
          </cell>
          <cell r="B1041">
            <v>1215.9565599999999</v>
          </cell>
          <cell r="C1041">
            <v>0</v>
          </cell>
          <cell r="D1041">
            <v>0</v>
          </cell>
          <cell r="E1041">
            <v>1215.9565599999999</v>
          </cell>
          <cell r="F1041">
            <v>3569.4208699999999</v>
          </cell>
          <cell r="I1041">
            <v>3569.4208699999999</v>
          </cell>
        </row>
        <row r="1042">
          <cell r="A1042" t="str">
            <v>P412</v>
          </cell>
          <cell r="B1042">
            <v>5197.7446599999994</v>
          </cell>
          <cell r="C1042">
            <v>0</v>
          </cell>
          <cell r="D1042">
            <v>0</v>
          </cell>
          <cell r="E1042">
            <v>5197.7446599999994</v>
          </cell>
          <cell r="F1042">
            <v>10616.921979999999</v>
          </cell>
          <cell r="I1042">
            <v>10616.921979999999</v>
          </cell>
        </row>
        <row r="1043">
          <cell r="A1043" t="str">
            <v>P413</v>
          </cell>
          <cell r="B1043">
            <v>-16513.48429</v>
          </cell>
          <cell r="C1043">
            <v>0</v>
          </cell>
          <cell r="D1043">
            <v>-15.182899999999997</v>
          </cell>
          <cell r="E1043">
            <v>-16528.667190000007</v>
          </cell>
          <cell r="F1043">
            <v>18194.359980000001</v>
          </cell>
          <cell r="H1043">
            <v>-63.555909999999997</v>
          </cell>
          <cell r="I1043">
            <v>18130.804069999998</v>
          </cell>
        </row>
        <row r="1044">
          <cell r="A1044" t="str">
            <v>P420</v>
          </cell>
          <cell r="B1044">
            <v>78051.222629999989</v>
          </cell>
          <cell r="C1044">
            <v>0</v>
          </cell>
          <cell r="D1044">
            <v>35984.692640000001</v>
          </cell>
          <cell r="E1044">
            <v>114035.91527</v>
          </cell>
          <cell r="F1044">
            <v>78354.111489999996</v>
          </cell>
          <cell r="H1044">
            <v>-14185.390939999999</v>
          </cell>
          <cell r="I1044">
            <v>64168.720549999998</v>
          </cell>
        </row>
        <row r="1045">
          <cell r="A1045" t="str">
            <v>P421</v>
          </cell>
          <cell r="B1045">
            <v>13570.233660000002</v>
          </cell>
          <cell r="C1045">
            <v>0</v>
          </cell>
          <cell r="D1045">
            <v>0</v>
          </cell>
          <cell r="E1045">
            <v>13570.233660000002</v>
          </cell>
          <cell r="F1045">
            <v>-15983.4774</v>
          </cell>
          <cell r="H1045">
            <v>-425.97719000000001</v>
          </cell>
          <cell r="I1045">
            <v>-16409.454590000001</v>
          </cell>
        </row>
        <row r="1046">
          <cell r="A1046" t="str">
            <v>P422</v>
          </cell>
          <cell r="B1046">
            <v>64480.988969999991</v>
          </cell>
          <cell r="C1046">
            <v>0</v>
          </cell>
          <cell r="D1046">
            <v>35984.692640000001</v>
          </cell>
          <cell r="E1046">
            <v>100465.68161000003</v>
          </cell>
          <cell r="F1046">
            <v>94337.588889999999</v>
          </cell>
          <cell r="H1046">
            <v>-13759.41375</v>
          </cell>
          <cell r="I1046">
            <v>80578.175140000007</v>
          </cell>
        </row>
        <row r="1047">
          <cell r="A1047" t="str">
            <v>P8H</v>
          </cell>
          <cell r="B1047">
            <v>-181700.39208000002</v>
          </cell>
          <cell r="C1047">
            <v>1582.3843299999999</v>
          </cell>
          <cell r="D1047">
            <v>79551.926050000009</v>
          </cell>
          <cell r="E1047">
            <v>-100566.08170000001</v>
          </cell>
          <cell r="F1047">
            <v>-312817.29758000001</v>
          </cell>
          <cell r="G1047">
            <v>-1015.39573</v>
          </cell>
          <cell r="H1047">
            <v>87527.795509999996</v>
          </cell>
          <cell r="I1047">
            <v>-226304.89780000001</v>
          </cell>
        </row>
        <row r="1048">
          <cell r="A1048" t="str">
            <v>P8</v>
          </cell>
          <cell r="B1048">
            <v>-181700.39208000002</v>
          </cell>
          <cell r="C1048">
            <v>1582.3843299999999</v>
          </cell>
          <cell r="D1048">
            <v>79551.926050000009</v>
          </cell>
          <cell r="E1048">
            <v>-100566.08170000001</v>
          </cell>
          <cell r="F1048">
            <v>-312817.29758000001</v>
          </cell>
          <cell r="G1048">
            <v>-1015.39573</v>
          </cell>
          <cell r="H1048">
            <v>87527.795509999996</v>
          </cell>
          <cell r="I1048">
            <v>-226304.89780000001</v>
          </cell>
        </row>
        <row r="1049">
          <cell r="A1049" t="str">
            <v>P8</v>
          </cell>
          <cell r="B1049">
            <v>-181700.39208000002</v>
          </cell>
          <cell r="C1049">
            <v>1582.3843299999999</v>
          </cell>
          <cell r="D1049">
            <v>79551.926050000009</v>
          </cell>
          <cell r="E1049">
            <v>-100566.08170000001</v>
          </cell>
          <cell r="F1049">
            <v>0</v>
          </cell>
          <cell r="G1049">
            <v>0</v>
          </cell>
          <cell r="H1049">
            <v>0</v>
          </cell>
          <cell r="I1049">
            <v>0</v>
          </cell>
        </row>
        <row r="1050">
          <cell r="A1050" t="str">
            <v>P5</v>
          </cell>
          <cell r="B1050">
            <v>-153821.23220999999</v>
          </cell>
          <cell r="C1050">
            <v>1582.1204600000001</v>
          </cell>
          <cell r="D1050">
            <v>55153.524070000014</v>
          </cell>
          <cell r="E1050">
            <v>-97085.587679999997</v>
          </cell>
          <cell r="F1050">
            <v>-291830.05800999998</v>
          </cell>
          <cell r="G1050">
            <v>-1012.76178</v>
          </cell>
          <cell r="H1050">
            <v>77782.249989999997</v>
          </cell>
          <cell r="I1050">
            <v>-215060.5698</v>
          </cell>
        </row>
        <row r="1051">
          <cell r="A1051" t="str">
            <v>P3</v>
          </cell>
          <cell r="B1051">
            <v>-221772.67176999999</v>
          </cell>
          <cell r="C1051">
            <v>1582.1204600000001</v>
          </cell>
          <cell r="D1051">
            <v>19184.014330000005</v>
          </cell>
          <cell r="E1051">
            <v>-201006.53698</v>
          </cell>
          <cell r="F1051">
            <v>-402564.87232999998</v>
          </cell>
          <cell r="G1051">
            <v>-1012.76178</v>
          </cell>
          <cell r="H1051">
            <v>92031.196840000004</v>
          </cell>
          <cell r="I1051">
            <v>-311546.43726999999</v>
          </cell>
        </row>
        <row r="1052">
          <cell r="A1052" t="str">
            <v>P2</v>
          </cell>
          <cell r="B1052">
            <v>-135977.61066000001</v>
          </cell>
          <cell r="C1052">
            <v>1582.3843299999999</v>
          </cell>
          <cell r="D1052">
            <v>45821.780329999994</v>
          </cell>
          <cell r="E1052">
            <v>-88573.446000000011</v>
          </cell>
          <cell r="F1052">
            <v>-337498.42853999999</v>
          </cell>
          <cell r="G1052">
            <v>-1015.39573</v>
          </cell>
          <cell r="H1052">
            <v>104508.96105</v>
          </cell>
          <cell r="I1052">
            <v>-234004.86322</v>
          </cell>
        </row>
        <row r="1053">
          <cell r="A1053" t="str">
            <v>P100</v>
          </cell>
          <cell r="B1053">
            <v>-190380.27054000003</v>
          </cell>
          <cell r="C1053">
            <v>0</v>
          </cell>
          <cell r="D1053">
            <v>-248.30179999999999</v>
          </cell>
          <cell r="E1053">
            <v>-190628.57233999998</v>
          </cell>
          <cell r="F1053">
            <v>-469714.87352000002</v>
          </cell>
          <cell r="H1053">
            <v>-248.30179999999999</v>
          </cell>
          <cell r="I1053">
            <v>-469963.17531999998</v>
          </cell>
        </row>
        <row r="1054">
          <cell r="A1054" t="str">
            <v>P110</v>
          </cell>
          <cell r="B1054">
            <v>-190380.27051999999</v>
          </cell>
          <cell r="C1054">
            <v>0</v>
          </cell>
          <cell r="D1054">
            <v>-248.30179999999999</v>
          </cell>
          <cell r="E1054">
            <v>-190628.57232000001</v>
          </cell>
          <cell r="F1054">
            <v>-469714.87349999999</v>
          </cell>
          <cell r="H1054">
            <v>-248.30179999999999</v>
          </cell>
          <cell r="I1054">
            <v>-469963.1753</v>
          </cell>
        </row>
        <row r="1055">
          <cell r="A1055" t="str">
            <v>P111</v>
          </cell>
          <cell r="B1055">
            <v>-276.40541999999999</v>
          </cell>
          <cell r="C1055">
            <v>0</v>
          </cell>
          <cell r="D1055">
            <v>0</v>
          </cell>
          <cell r="E1055">
            <v>-276.40541999999999</v>
          </cell>
          <cell r="F1055">
            <v>-1265.15672</v>
          </cell>
          <cell r="I1055">
            <v>-1265.15672</v>
          </cell>
        </row>
        <row r="1056">
          <cell r="A1056" t="str">
            <v>P11102</v>
          </cell>
          <cell r="B1056">
            <v>-276.40541999999999</v>
          </cell>
          <cell r="C1056">
            <v>0</v>
          </cell>
          <cell r="D1056">
            <v>0</v>
          </cell>
          <cell r="E1056">
            <v>-276.40541999999999</v>
          </cell>
          <cell r="F1056">
            <v>-1265.15672</v>
          </cell>
          <cell r="I1056">
            <v>-1265.15672</v>
          </cell>
        </row>
        <row r="1057">
          <cell r="A1057" t="str">
            <v>P112</v>
          </cell>
          <cell r="B1057">
            <v>-211167.75403999997</v>
          </cell>
          <cell r="C1057">
            <v>0</v>
          </cell>
          <cell r="D1057">
            <v>-248.30179999999999</v>
          </cell>
          <cell r="E1057">
            <v>-211416.05583999999</v>
          </cell>
          <cell r="F1057">
            <v>-515865.37475999998</v>
          </cell>
          <cell r="H1057">
            <v>-248.30179999999999</v>
          </cell>
          <cell r="I1057">
            <v>-516113.67655999999</v>
          </cell>
        </row>
        <row r="1058">
          <cell r="A1058" t="str">
            <v>P11201</v>
          </cell>
          <cell r="B1058">
            <v>-211167.75403999997</v>
          </cell>
          <cell r="C1058">
            <v>0</v>
          </cell>
          <cell r="D1058">
            <v>-248.30179999999999</v>
          </cell>
          <cell r="E1058">
            <v>-211416.05583999999</v>
          </cell>
          <cell r="F1058">
            <v>-515865.37475999998</v>
          </cell>
          <cell r="H1058">
            <v>-248.30179999999999</v>
          </cell>
          <cell r="I1058">
            <v>-516113.67655999999</v>
          </cell>
        </row>
        <row r="1059">
          <cell r="A1059" t="str">
            <v>P113</v>
          </cell>
          <cell r="B1059">
            <v>21063.888939999997</v>
          </cell>
          <cell r="C1059">
            <v>0</v>
          </cell>
          <cell r="D1059">
            <v>0</v>
          </cell>
          <cell r="E1059">
            <v>21063.888939999997</v>
          </cell>
          <cell r="F1059">
            <v>18753.624759999999</v>
          </cell>
          <cell r="I1059">
            <v>18753.624759999999</v>
          </cell>
        </row>
        <row r="1060">
          <cell r="A1060" t="str">
            <v>P115</v>
          </cell>
          <cell r="B1060">
            <v>0</v>
          </cell>
          <cell r="C1060">
            <v>0</v>
          </cell>
          <cell r="D1060">
            <v>0</v>
          </cell>
          <cell r="E1060">
            <v>0</v>
          </cell>
          <cell r="F1060">
            <v>28662.033220000001</v>
          </cell>
          <cell r="I1060">
            <v>28662.033220000001</v>
          </cell>
        </row>
        <row r="1061">
          <cell r="A1061" t="str">
            <v>P120</v>
          </cell>
          <cell r="B1061">
            <v>-2.0000000000000002E-5</v>
          </cell>
          <cell r="C1061">
            <v>0</v>
          </cell>
          <cell r="D1061">
            <v>0</v>
          </cell>
          <cell r="E1061">
            <v>-2.0000000000000002E-5</v>
          </cell>
          <cell r="F1061">
            <v>-2.0000000000000002E-5</v>
          </cell>
          <cell r="I1061">
            <v>-2.0000000000000002E-5</v>
          </cell>
        </row>
        <row r="1062">
          <cell r="A1062" t="str">
            <v>P12002</v>
          </cell>
          <cell r="B1062">
            <v>-2.0000000000000002E-5</v>
          </cell>
          <cell r="C1062">
            <v>0</v>
          </cell>
          <cell r="D1062">
            <v>0</v>
          </cell>
          <cell r="E1062">
            <v>-2.0000000000000002E-5</v>
          </cell>
          <cell r="F1062">
            <v>-2.0000000000000002E-5</v>
          </cell>
          <cell r="I1062">
            <v>-2.0000000000000002E-5</v>
          </cell>
        </row>
        <row r="1063">
          <cell r="A1063" t="str">
            <v>P200</v>
          </cell>
          <cell r="B1063">
            <v>54402.659880000007</v>
          </cell>
          <cell r="C1063">
            <v>1582.3843299999999</v>
          </cell>
          <cell r="D1063">
            <v>46070.082129999995</v>
          </cell>
          <cell r="E1063">
            <v>102055.12634000002</v>
          </cell>
          <cell r="F1063">
            <v>132216.44498</v>
          </cell>
          <cell r="G1063">
            <v>-1015.39573</v>
          </cell>
          <cell r="H1063">
            <v>104757.26285</v>
          </cell>
          <cell r="I1063">
            <v>235958.31210000001</v>
          </cell>
        </row>
        <row r="1064">
          <cell r="A1064" t="str">
            <v>P220</v>
          </cell>
          <cell r="B1064">
            <v>13551.460709999999</v>
          </cell>
          <cell r="C1064">
            <v>0</v>
          </cell>
          <cell r="D1064">
            <v>0</v>
          </cell>
          <cell r="E1064">
            <v>13551.460709999999</v>
          </cell>
          <cell r="F1064">
            <v>45277.141250000001</v>
          </cell>
          <cell r="I1064">
            <v>45277.141250000001</v>
          </cell>
        </row>
        <row r="1065">
          <cell r="A1065" t="str">
            <v>P220</v>
          </cell>
          <cell r="B1065">
            <v>13551.460709999999</v>
          </cell>
          <cell r="C1065">
            <v>0</v>
          </cell>
          <cell r="D1065">
            <v>0</v>
          </cell>
          <cell r="E1065">
            <v>13551.460709999999</v>
          </cell>
        </row>
        <row r="1066">
          <cell r="A1066" t="str">
            <v>P22001</v>
          </cell>
          <cell r="B1066">
            <v>13469.890480000002</v>
          </cell>
          <cell r="C1066">
            <v>0</v>
          </cell>
          <cell r="D1066">
            <v>0</v>
          </cell>
          <cell r="E1066">
            <v>13469.890480000002</v>
          </cell>
          <cell r="F1066">
            <v>45018.024640000003</v>
          </cell>
          <cell r="I1066">
            <v>45018.024640000003</v>
          </cell>
        </row>
        <row r="1067">
          <cell r="A1067" t="str">
            <v>P22002</v>
          </cell>
          <cell r="B1067">
            <v>81.570229999999981</v>
          </cell>
          <cell r="C1067">
            <v>0</v>
          </cell>
          <cell r="D1067">
            <v>0</v>
          </cell>
          <cell r="E1067">
            <v>81.570229999999981</v>
          </cell>
          <cell r="F1067">
            <v>259.11660999999998</v>
          </cell>
          <cell r="I1067">
            <v>259.11660999999998</v>
          </cell>
        </row>
        <row r="1068">
          <cell r="A1068" t="str">
            <v>P230</v>
          </cell>
          <cell r="B1068">
            <v>13871.035170000001</v>
          </cell>
          <cell r="C1068">
            <v>36.502979999999972</v>
          </cell>
          <cell r="D1068">
            <v>10216.084080000001</v>
          </cell>
          <cell r="E1068">
            <v>24123.622230000004</v>
          </cell>
          <cell r="F1068">
            <v>39156.859179999999</v>
          </cell>
          <cell r="G1068">
            <v>482.34546999999998</v>
          </cell>
          <cell r="H1068">
            <v>13331.12909</v>
          </cell>
          <cell r="I1068">
            <v>52970.333740000002</v>
          </cell>
        </row>
        <row r="1069">
          <cell r="A1069" t="str">
            <v>P231</v>
          </cell>
          <cell r="B1069">
            <v>2706.1813300000013</v>
          </cell>
          <cell r="C1069">
            <v>0</v>
          </cell>
          <cell r="D1069">
            <v>0</v>
          </cell>
          <cell r="E1069">
            <v>2706.1813300000013</v>
          </cell>
          <cell r="F1069">
            <v>10673.776540000001</v>
          </cell>
          <cell r="I1069">
            <v>10673.776540000001</v>
          </cell>
        </row>
        <row r="1070">
          <cell r="A1070" t="str">
            <v>P232</v>
          </cell>
          <cell r="B1070">
            <v>1955.82214</v>
          </cell>
          <cell r="C1070">
            <v>0</v>
          </cell>
          <cell r="D1070">
            <v>0</v>
          </cell>
          <cell r="E1070">
            <v>1955.82214</v>
          </cell>
          <cell r="F1070">
            <v>1830.8987500000001</v>
          </cell>
          <cell r="I1070">
            <v>1830.8987500000001</v>
          </cell>
        </row>
        <row r="1071">
          <cell r="A1071" t="str">
            <v>P233</v>
          </cell>
          <cell r="B1071">
            <v>7270.0014399999991</v>
          </cell>
          <cell r="C1071">
            <v>0</v>
          </cell>
          <cell r="D1071">
            <v>0</v>
          </cell>
          <cell r="E1071">
            <v>7270.0014399999991</v>
          </cell>
          <cell r="F1071">
            <v>20659.88984</v>
          </cell>
          <cell r="I1071">
            <v>20659.88984</v>
          </cell>
        </row>
        <row r="1072">
          <cell r="A1072" t="str">
            <v>P235</v>
          </cell>
          <cell r="B1072">
            <v>1095.0978300000002</v>
          </cell>
          <cell r="C1072">
            <v>35.301439999999971</v>
          </cell>
          <cell r="D1072">
            <v>-59.521110000000014</v>
          </cell>
          <cell r="E1072">
            <v>1070.8781600000002</v>
          </cell>
          <cell r="F1072">
            <v>4513.3099700000002</v>
          </cell>
          <cell r="G1072">
            <v>476.64308</v>
          </cell>
          <cell r="H1072">
            <v>174.74776</v>
          </cell>
          <cell r="I1072">
            <v>5164.7008100000003</v>
          </cell>
        </row>
        <row r="1073">
          <cell r="A1073" t="str">
            <v>P236</v>
          </cell>
          <cell r="B1073">
            <v>883.6585799999998</v>
          </cell>
          <cell r="C1073">
            <v>21.866540000000004</v>
          </cell>
          <cell r="D1073">
            <v>7491.4996200000005</v>
          </cell>
          <cell r="E1073">
            <v>8397.0247400000007</v>
          </cell>
          <cell r="F1073">
            <v>1524.5595699999999</v>
          </cell>
          <cell r="G1073">
            <v>24.926290000000002</v>
          </cell>
          <cell r="H1073">
            <v>10847.69989</v>
          </cell>
          <cell r="I1073">
            <v>12397.185750000001</v>
          </cell>
        </row>
        <row r="1074">
          <cell r="A1074" t="str">
            <v>P237</v>
          </cell>
          <cell r="B1074">
            <v>-39.726150000000004</v>
          </cell>
          <cell r="C1074">
            <v>-20.664999999999999</v>
          </cell>
          <cell r="D1074">
            <v>2784.1055699999997</v>
          </cell>
          <cell r="E1074">
            <v>2723.7144200000002</v>
          </cell>
          <cell r="F1074">
            <v>-36.95579</v>
          </cell>
          <cell r="G1074">
            <v>-19.2239</v>
          </cell>
          <cell r="H1074">
            <v>2308.6814399999998</v>
          </cell>
          <cell r="I1074">
            <v>2252.5017499999999</v>
          </cell>
        </row>
        <row r="1075">
          <cell r="A1075" t="str">
            <v>P238</v>
          </cell>
          <cell r="B1075">
            <v>0</v>
          </cell>
          <cell r="C1075">
            <v>0</v>
          </cell>
          <cell r="D1075">
            <v>0</v>
          </cell>
          <cell r="E1075">
            <v>0</v>
          </cell>
          <cell r="F1075">
            <v>-8.6196999999999999</v>
          </cell>
          <cell r="I1075">
            <v>-8.6196999999999999</v>
          </cell>
        </row>
        <row r="1076">
          <cell r="A1076" t="str">
            <v>P240</v>
          </cell>
          <cell r="B1076">
            <v>1388.0711899999997</v>
          </cell>
          <cell r="C1076">
            <v>349.68867</v>
          </cell>
          <cell r="D1076">
            <v>127.03545999999994</v>
          </cell>
          <cell r="E1076">
            <v>1864.7953200000004</v>
          </cell>
          <cell r="F1076">
            <v>3084.1310199999998</v>
          </cell>
          <cell r="G1076">
            <v>487.53388999999999</v>
          </cell>
          <cell r="H1076">
            <v>1529.0155199999999</v>
          </cell>
          <cell r="I1076">
            <v>5100.6804300000003</v>
          </cell>
        </row>
        <row r="1077">
          <cell r="A1077" t="str">
            <v>P241</v>
          </cell>
          <cell r="B1077">
            <v>24.778949999999995</v>
          </cell>
          <cell r="C1077">
            <v>0</v>
          </cell>
          <cell r="D1077">
            <v>0</v>
          </cell>
          <cell r="E1077">
            <v>24.778949999999995</v>
          </cell>
          <cell r="F1077">
            <v>37.956569999999999</v>
          </cell>
          <cell r="I1077">
            <v>37.956569999999999</v>
          </cell>
        </row>
        <row r="1078">
          <cell r="A1078" t="str">
            <v>P24102</v>
          </cell>
          <cell r="B1078">
            <v>24.778949999999995</v>
          </cell>
          <cell r="C1078">
            <v>0</v>
          </cell>
          <cell r="D1078">
            <v>0</v>
          </cell>
          <cell r="E1078">
            <v>24.778949999999995</v>
          </cell>
          <cell r="F1078">
            <v>37.956569999999999</v>
          </cell>
          <cell r="I1078">
            <v>37.956569999999999</v>
          </cell>
        </row>
        <row r="1079">
          <cell r="A1079" t="str">
            <v>P242</v>
          </cell>
          <cell r="B1079">
            <v>1349.8405600000001</v>
          </cell>
          <cell r="C1079">
            <v>0</v>
          </cell>
          <cell r="D1079">
            <v>0</v>
          </cell>
          <cell r="E1079">
            <v>1349.8405600000001</v>
          </cell>
          <cell r="F1079">
            <v>3023.5309600000001</v>
          </cell>
          <cell r="I1079">
            <v>3023.5309600000001</v>
          </cell>
        </row>
        <row r="1080">
          <cell r="A1080" t="str">
            <v>P243</v>
          </cell>
          <cell r="B1080">
            <v>0</v>
          </cell>
          <cell r="C1080">
            <v>375.05649</v>
          </cell>
          <cell r="D1080">
            <v>240.81810999999993</v>
          </cell>
          <cell r="E1080">
            <v>615.87459999999999</v>
          </cell>
          <cell r="G1080">
            <v>616.32925999999998</v>
          </cell>
          <cell r="H1080">
            <v>1516.70435</v>
          </cell>
          <cell r="I1080">
            <v>2133.03361</v>
          </cell>
        </row>
        <row r="1081">
          <cell r="A1081" t="str">
            <v>P24310</v>
          </cell>
          <cell r="B1081">
            <v>0</v>
          </cell>
          <cell r="C1081">
            <v>375.05649</v>
          </cell>
          <cell r="D1081">
            <v>18.835989999999995</v>
          </cell>
          <cell r="E1081">
            <v>393.89248000000003</v>
          </cell>
          <cell r="G1081">
            <v>616.32925999999998</v>
          </cell>
          <cell r="H1081">
            <v>128.99115</v>
          </cell>
          <cell r="I1081">
            <v>745.32041000000004</v>
          </cell>
        </row>
        <row r="1082">
          <cell r="A1082" t="str">
            <v>P24311</v>
          </cell>
          <cell r="B1082">
            <v>0</v>
          </cell>
          <cell r="C1082">
            <v>375.05649</v>
          </cell>
          <cell r="D1082">
            <v>18.835989999999995</v>
          </cell>
          <cell r="E1082">
            <v>393.89248000000003</v>
          </cell>
          <cell r="G1082">
            <v>616.32925999999998</v>
          </cell>
          <cell r="H1082">
            <v>128.99115</v>
          </cell>
          <cell r="I1082">
            <v>745.32041000000004</v>
          </cell>
        </row>
        <row r="1083">
          <cell r="A1083" t="str">
            <v>P24320</v>
          </cell>
          <cell r="B1083">
            <v>0</v>
          </cell>
          <cell r="C1083">
            <v>0</v>
          </cell>
          <cell r="D1083">
            <v>221.9821199999999</v>
          </cell>
          <cell r="E1083">
            <v>221.9821199999999</v>
          </cell>
          <cell r="H1083">
            <v>1387.7131999999999</v>
          </cell>
          <cell r="I1083">
            <v>1387.7131999999999</v>
          </cell>
        </row>
        <row r="1084">
          <cell r="A1084" t="str">
            <v>P24313</v>
          </cell>
          <cell r="B1084">
            <v>0</v>
          </cell>
          <cell r="C1084">
            <v>0</v>
          </cell>
          <cell r="D1084">
            <v>221.9821199999999</v>
          </cell>
          <cell r="E1084">
            <v>221.9821199999999</v>
          </cell>
          <cell r="H1084">
            <v>1387.7131999999999</v>
          </cell>
          <cell r="I1084">
            <v>1387.7131999999999</v>
          </cell>
        </row>
        <row r="1085">
          <cell r="A1085" t="str">
            <v>P244P</v>
          </cell>
          <cell r="B1085">
            <v>13.45168</v>
          </cell>
          <cell r="C1085">
            <v>-25.36781999999998</v>
          </cell>
          <cell r="D1085">
            <v>-113.78265</v>
          </cell>
          <cell r="E1085">
            <v>-125.69879000000002</v>
          </cell>
          <cell r="F1085">
            <v>22.64349</v>
          </cell>
          <cell r="G1085">
            <v>-128.79536999999999</v>
          </cell>
          <cell r="H1085">
            <v>12.311170000000001</v>
          </cell>
          <cell r="I1085">
            <v>-93.840710000000001</v>
          </cell>
        </row>
        <row r="1086">
          <cell r="A1086" t="str">
            <v>P24401</v>
          </cell>
          <cell r="B1086">
            <v>13.45168</v>
          </cell>
          <cell r="C1086">
            <v>-25.36781999999998</v>
          </cell>
          <cell r="D1086">
            <v>-113.78265</v>
          </cell>
          <cell r="E1086">
            <v>-125.69879000000002</v>
          </cell>
          <cell r="F1086">
            <v>22.64349</v>
          </cell>
          <cell r="G1086">
            <v>-128.79536999999999</v>
          </cell>
          <cell r="H1086">
            <v>12.311170000000001</v>
          </cell>
          <cell r="I1086">
            <v>-93.840710000000001</v>
          </cell>
        </row>
        <row r="1087">
          <cell r="A1087" t="str">
            <v>P250</v>
          </cell>
          <cell r="B1087">
            <v>2850.7239000000004</v>
          </cell>
          <cell r="C1087">
            <v>1217.0852200000002</v>
          </cell>
          <cell r="D1087">
            <v>0</v>
          </cell>
          <cell r="E1087">
            <v>4067.8091200000003</v>
          </cell>
          <cell r="F1087">
            <v>5706.0682999999999</v>
          </cell>
          <cell r="G1087">
            <v>2004.29412</v>
          </cell>
          <cell r="I1087">
            <v>7710.3624200000004</v>
          </cell>
        </row>
        <row r="1088">
          <cell r="A1088" t="str">
            <v>P251</v>
          </cell>
          <cell r="B1088">
            <v>2364.7029500000003</v>
          </cell>
          <cell r="C1088">
            <v>1217.0852200000002</v>
          </cell>
          <cell r="D1088">
            <v>0</v>
          </cell>
          <cell r="E1088">
            <v>3581.7881700000003</v>
          </cell>
          <cell r="F1088">
            <v>5177.4278599999998</v>
          </cell>
          <cell r="G1088">
            <v>2004.29412</v>
          </cell>
          <cell r="I1088">
            <v>7181.7219800000003</v>
          </cell>
        </row>
        <row r="1089">
          <cell r="A1089" t="str">
            <v>P253</v>
          </cell>
          <cell r="B1089">
            <v>486.02095000000008</v>
          </cell>
          <cell r="C1089">
            <v>0</v>
          </cell>
          <cell r="D1089">
            <v>0</v>
          </cell>
          <cell r="E1089">
            <v>486.02095000000008</v>
          </cell>
          <cell r="F1089">
            <v>528.64044000000001</v>
          </cell>
          <cell r="I1089">
            <v>528.64044000000001</v>
          </cell>
        </row>
        <row r="1090">
          <cell r="A1090" t="str">
            <v>P260</v>
          </cell>
          <cell r="B1090">
            <v>25776.747690000004</v>
          </cell>
          <cell r="C1090">
            <v>46.384999999999991</v>
          </cell>
          <cell r="D1090">
            <v>73.441630000000004</v>
          </cell>
          <cell r="E1090">
            <v>25896.574319999992</v>
          </cell>
          <cell r="F1090">
            <v>89195.008390000003</v>
          </cell>
          <cell r="G1090">
            <v>140.09093999999999</v>
          </cell>
          <cell r="H1090">
            <v>185.36859000000001</v>
          </cell>
          <cell r="I1090">
            <v>89520.467919999996</v>
          </cell>
        </row>
        <row r="1091">
          <cell r="A1091" t="str">
            <v>P261</v>
          </cell>
          <cell r="B1091">
            <v>25776.747690000004</v>
          </cell>
          <cell r="C1091">
            <v>46.384999999999991</v>
          </cell>
          <cell r="D1091">
            <v>73.441630000000004</v>
          </cell>
          <cell r="E1091">
            <v>25896.574319999992</v>
          </cell>
          <cell r="F1091">
            <v>89195.008390000003</v>
          </cell>
          <cell r="G1091">
            <v>140.09093999999999</v>
          </cell>
          <cell r="H1091">
            <v>185.36859000000001</v>
          </cell>
          <cell r="I1091">
            <v>89520.467919999996</v>
          </cell>
        </row>
        <row r="1092">
          <cell r="A1092" t="str">
            <v>P26101</v>
          </cell>
          <cell r="B1092">
            <v>19209.142120000011</v>
          </cell>
          <cell r="C1092">
            <v>46.384999999999991</v>
          </cell>
          <cell r="D1092">
            <v>73.441630000000004</v>
          </cell>
          <cell r="E1092">
            <v>19328.968749999993</v>
          </cell>
          <cell r="F1092">
            <v>66148.505860000005</v>
          </cell>
          <cell r="G1092">
            <v>140.09093999999999</v>
          </cell>
          <cell r="H1092">
            <v>185.36859000000001</v>
          </cell>
          <cell r="I1092">
            <v>66473.965389999998</v>
          </cell>
        </row>
        <row r="1093">
          <cell r="A1093" t="str">
            <v>P26105</v>
          </cell>
          <cell r="B1093">
            <v>6567.6055700000015</v>
          </cell>
          <cell r="C1093">
            <v>0</v>
          </cell>
          <cell r="D1093">
            <v>0</v>
          </cell>
          <cell r="E1093">
            <v>6567.6055700000015</v>
          </cell>
          <cell r="F1093">
            <v>23046.502530000002</v>
          </cell>
          <cell r="I1093">
            <v>23046.502530000002</v>
          </cell>
        </row>
        <row r="1094">
          <cell r="A1094" t="str">
            <v>P263</v>
          </cell>
          <cell r="B1094">
            <v>0</v>
          </cell>
          <cell r="C1094">
            <v>0</v>
          </cell>
          <cell r="D1094">
            <v>0</v>
          </cell>
          <cell r="E1094">
            <v>0</v>
          </cell>
        </row>
        <row r="1095">
          <cell r="A1095" t="str">
            <v>P26301</v>
          </cell>
          <cell r="B1095">
            <v>0</v>
          </cell>
          <cell r="C1095">
            <v>0</v>
          </cell>
          <cell r="D1095">
            <v>0</v>
          </cell>
          <cell r="E1095">
            <v>0</v>
          </cell>
        </row>
        <row r="1096">
          <cell r="A1096" t="str">
            <v>P275</v>
          </cell>
          <cell r="B1096">
            <v>-3035.3787800000064</v>
          </cell>
          <cell r="C1096">
            <v>-67.27753999999959</v>
          </cell>
          <cell r="D1096">
            <v>33414.156939999993</v>
          </cell>
          <cell r="E1096">
            <v>30311.500619999999</v>
          </cell>
          <cell r="F1096">
            <v>-50202.763160000002</v>
          </cell>
          <cell r="G1096">
            <v>-4129.6601499999997</v>
          </cell>
          <cell r="H1096">
            <v>86553.553769999999</v>
          </cell>
          <cell r="I1096">
            <v>32221.13046</v>
          </cell>
        </row>
        <row r="1097">
          <cell r="A1097" t="str">
            <v>P280</v>
          </cell>
          <cell r="B1097">
            <v>0</v>
          </cell>
          <cell r="C1097">
            <v>0</v>
          </cell>
          <cell r="D1097">
            <v>2239.36402</v>
          </cell>
          <cell r="E1097">
            <v>2239.36402</v>
          </cell>
          <cell r="H1097">
            <v>3158.1958800000002</v>
          </cell>
          <cell r="I1097">
            <v>3158.1958800000002</v>
          </cell>
        </row>
        <row r="1098">
          <cell r="A1098" t="str">
            <v>P300</v>
          </cell>
          <cell r="B1098">
            <v>-85795.061109999995</v>
          </cell>
          <cell r="C1098">
            <v>-0.26386999999999994</v>
          </cell>
          <cell r="D1098">
            <v>-26637.765999999996</v>
          </cell>
          <cell r="E1098">
            <v>-112433.09098000001</v>
          </cell>
          <cell r="F1098">
            <v>-65066.443789999998</v>
          </cell>
          <cell r="G1098">
            <v>2.63395</v>
          </cell>
          <cell r="H1098">
            <v>-12477.764209999999</v>
          </cell>
          <cell r="I1098">
            <v>-77541.574049999996</v>
          </cell>
        </row>
        <row r="1099">
          <cell r="A1099" t="str">
            <v>P340</v>
          </cell>
          <cell r="B1099">
            <v>-96649.244600000005</v>
          </cell>
          <cell r="C1099">
            <v>0</v>
          </cell>
          <cell r="D1099">
            <v>0</v>
          </cell>
          <cell r="E1099">
            <v>-96649.244600000005</v>
          </cell>
          <cell r="F1099">
            <v>-96649.244600000005</v>
          </cell>
          <cell r="I1099">
            <v>-96649.244600000005</v>
          </cell>
        </row>
        <row r="1100">
          <cell r="A1100" t="str">
            <v>P342</v>
          </cell>
          <cell r="B1100">
            <v>-96649.244600000005</v>
          </cell>
          <cell r="C1100">
            <v>0</v>
          </cell>
          <cell r="D1100">
            <v>0</v>
          </cell>
          <cell r="E1100">
            <v>-96649.244600000005</v>
          </cell>
          <cell r="F1100">
            <v>-96649.244600000005</v>
          </cell>
          <cell r="I1100">
            <v>-96649.244600000005</v>
          </cell>
        </row>
        <row r="1101">
          <cell r="A1101" t="str">
            <v>P26103</v>
          </cell>
          <cell r="B1101">
            <v>-96649.244600000005</v>
          </cell>
          <cell r="C1101">
            <v>0</v>
          </cell>
          <cell r="D1101">
            <v>0</v>
          </cell>
          <cell r="E1101">
            <v>-96649.244600000005</v>
          </cell>
          <cell r="F1101">
            <v>-96649.244600000005</v>
          </cell>
          <cell r="I1101">
            <v>-96649.244600000005</v>
          </cell>
        </row>
        <row r="1102">
          <cell r="A1102" t="str">
            <v>P26302</v>
          </cell>
          <cell r="B1102">
            <v>0</v>
          </cell>
          <cell r="C1102">
            <v>0</v>
          </cell>
          <cell r="D1102">
            <v>0</v>
          </cell>
          <cell r="E1102">
            <v>0</v>
          </cell>
        </row>
        <row r="1103">
          <cell r="A1103" t="str">
            <v>P310</v>
          </cell>
          <cell r="B1103">
            <v>0</v>
          </cell>
          <cell r="C1103">
            <v>0</v>
          </cell>
          <cell r="D1103">
            <v>-1736.8384700000001</v>
          </cell>
          <cell r="E1103">
            <v>-1736.8384700000001</v>
          </cell>
          <cell r="H1103">
            <v>-6252.5759600000001</v>
          </cell>
          <cell r="I1103">
            <v>-6252.5759600000001</v>
          </cell>
        </row>
        <row r="1104">
          <cell r="A1104" t="str">
            <v>P311</v>
          </cell>
          <cell r="B1104">
            <v>0</v>
          </cell>
          <cell r="C1104">
            <v>0</v>
          </cell>
          <cell r="D1104">
            <v>-1736.8384700000001</v>
          </cell>
          <cell r="E1104">
            <v>-1736.8384700000001</v>
          </cell>
          <cell r="H1104">
            <v>-6252.5759600000001</v>
          </cell>
          <cell r="I1104">
            <v>-6252.5759600000001</v>
          </cell>
        </row>
        <row r="1105">
          <cell r="A1105" t="str">
            <v>P320</v>
          </cell>
          <cell r="B1105">
            <v>10962.20736</v>
          </cell>
          <cell r="C1105">
            <v>0</v>
          </cell>
          <cell r="D1105">
            <v>5507.42353</v>
          </cell>
          <cell r="E1105">
            <v>16469.63089</v>
          </cell>
          <cell r="F1105">
            <v>31851.48011</v>
          </cell>
          <cell r="G1105">
            <v>7.2700000000000004E-3</v>
          </cell>
          <cell r="H1105">
            <v>12589.80444</v>
          </cell>
          <cell r="I1105">
            <v>44441.291819999999</v>
          </cell>
        </row>
        <row r="1106">
          <cell r="A1106" t="str">
            <v>P321</v>
          </cell>
          <cell r="B1106">
            <v>1084.0091499999999</v>
          </cell>
          <cell r="C1106">
            <v>0</v>
          </cell>
          <cell r="D1106">
            <v>3887.9727799999996</v>
          </cell>
          <cell r="E1106">
            <v>4971.981929999999</v>
          </cell>
          <cell r="F1106">
            <v>3154.5688399999999</v>
          </cell>
          <cell r="H1106">
            <v>11466.206539999999</v>
          </cell>
          <cell r="I1106">
            <v>14620.775379999999</v>
          </cell>
        </row>
        <row r="1107">
          <cell r="A1107" t="str">
            <v>P32103</v>
          </cell>
          <cell r="B1107">
            <v>1098.3491700000002</v>
          </cell>
          <cell r="C1107">
            <v>0</v>
          </cell>
          <cell r="D1107">
            <v>3887.9727799999996</v>
          </cell>
          <cell r="E1107">
            <v>4986.3219500000005</v>
          </cell>
          <cell r="F1107">
            <v>3340.9776299999999</v>
          </cell>
          <cell r="H1107">
            <v>11466.206539999999</v>
          </cell>
          <cell r="I1107">
            <v>14807.18417</v>
          </cell>
        </row>
        <row r="1108">
          <cell r="A1108" t="str">
            <v>P32104</v>
          </cell>
          <cell r="B1108">
            <v>-14.34002000000001</v>
          </cell>
          <cell r="C1108">
            <v>0</v>
          </cell>
          <cell r="D1108">
            <v>0</v>
          </cell>
          <cell r="E1108">
            <v>-14.34002000000001</v>
          </cell>
          <cell r="F1108">
            <v>-186.40879000000001</v>
          </cell>
          <cell r="I1108">
            <v>-186.40879000000001</v>
          </cell>
        </row>
        <row r="1109">
          <cell r="A1109" t="str">
            <v>P322</v>
          </cell>
          <cell r="B1109">
            <v>8165.0476799999988</v>
          </cell>
          <cell r="C1109">
            <v>0</v>
          </cell>
          <cell r="D1109">
            <v>1619.45075</v>
          </cell>
          <cell r="E1109">
            <v>9784.4984299999996</v>
          </cell>
          <cell r="F1109">
            <v>24077.54912</v>
          </cell>
          <cell r="G1109">
            <v>7.2700000000000004E-3</v>
          </cell>
          <cell r="H1109">
            <v>1123.5979</v>
          </cell>
          <cell r="I1109">
            <v>25201.154289999999</v>
          </cell>
        </row>
        <row r="1110">
          <cell r="A1110" t="str">
            <v>P323</v>
          </cell>
          <cell r="B1110">
            <v>-29.85141000000003</v>
          </cell>
          <cell r="C1110">
            <v>0</v>
          </cell>
          <cell r="D1110">
            <v>0</v>
          </cell>
          <cell r="E1110">
            <v>-29.85141000000003</v>
          </cell>
          <cell r="F1110">
            <v>-609.64367000000004</v>
          </cell>
          <cell r="I1110">
            <v>-609.64367000000004</v>
          </cell>
        </row>
        <row r="1111">
          <cell r="A1111" t="str">
            <v>P324</v>
          </cell>
          <cell r="B1111">
            <v>1743.0019400000001</v>
          </cell>
          <cell r="C1111">
            <v>0</v>
          </cell>
          <cell r="D1111">
            <v>0</v>
          </cell>
          <cell r="E1111">
            <v>1743.0019400000001</v>
          </cell>
          <cell r="F1111">
            <v>5229.0058200000003</v>
          </cell>
          <cell r="I1111">
            <v>5229.0058200000003</v>
          </cell>
        </row>
        <row r="1112">
          <cell r="A1112" t="str">
            <v>P330</v>
          </cell>
          <cell r="B1112">
            <v>-108.02387000000003</v>
          </cell>
          <cell r="C1112">
            <v>-0.26386999999999994</v>
          </cell>
          <cell r="D1112">
            <v>-30408.351059999997</v>
          </cell>
          <cell r="E1112">
            <v>-30516.638800000001</v>
          </cell>
          <cell r="F1112">
            <v>-268.67930000000001</v>
          </cell>
          <cell r="G1112">
            <v>2.6266799999999999</v>
          </cell>
          <cell r="H1112">
            <v>-18814.992689999999</v>
          </cell>
          <cell r="I1112">
            <v>-19081.045310000001</v>
          </cell>
        </row>
        <row r="1113">
          <cell r="A1113" t="str">
            <v>P331</v>
          </cell>
          <cell r="B1113">
            <v>0</v>
          </cell>
          <cell r="C1113">
            <v>0</v>
          </cell>
          <cell r="D1113">
            <v>-21240.543369999999</v>
          </cell>
          <cell r="E1113">
            <v>-21240.543369999999</v>
          </cell>
          <cell r="F1113">
            <v>-2.0000000000000001E-4</v>
          </cell>
          <cell r="H1113">
            <v>5638.2924800000001</v>
          </cell>
          <cell r="I1113">
            <v>5638.2922799999997</v>
          </cell>
        </row>
        <row r="1114">
          <cell r="A1114" t="str">
            <v>P333</v>
          </cell>
          <cell r="B1114">
            <v>0</v>
          </cell>
          <cell r="C1114">
            <v>0</v>
          </cell>
          <cell r="D1114">
            <v>10793.76345</v>
          </cell>
          <cell r="E1114">
            <v>10793.76345</v>
          </cell>
          <cell r="H1114">
            <v>-292.28915000000001</v>
          </cell>
          <cell r="I1114">
            <v>-292.28915000000001</v>
          </cell>
        </row>
        <row r="1115">
          <cell r="A1115" t="str">
            <v>P338</v>
          </cell>
          <cell r="B1115">
            <v>-108.02387</v>
          </cell>
          <cell r="C1115">
            <v>-0.26386999999999994</v>
          </cell>
          <cell r="D1115">
            <v>-19961.571139999996</v>
          </cell>
          <cell r="E1115">
            <v>-20069.858880000003</v>
          </cell>
          <cell r="F1115">
            <v>-268.67910000000001</v>
          </cell>
          <cell r="G1115">
            <v>2.6266799999999999</v>
          </cell>
          <cell r="H1115">
            <v>-24160.996019999999</v>
          </cell>
          <cell r="I1115">
            <v>-24427.048439999999</v>
          </cell>
        </row>
        <row r="1116">
          <cell r="A1116" t="str">
            <v>P400</v>
          </cell>
          <cell r="B1116">
            <v>67951.439559999999</v>
          </cell>
          <cell r="C1116">
            <v>0</v>
          </cell>
          <cell r="D1116">
            <v>35969.509740000001</v>
          </cell>
          <cell r="E1116">
            <v>103920.94929999999</v>
          </cell>
          <cell r="F1116">
            <v>110734.81432</v>
          </cell>
          <cell r="H1116">
            <v>-14248.94685</v>
          </cell>
          <cell r="I1116">
            <v>96485.867469999997</v>
          </cell>
        </row>
        <row r="1117">
          <cell r="A1117" t="str">
            <v>P410</v>
          </cell>
          <cell r="B1117">
            <v>-10099.783070000005</v>
          </cell>
          <cell r="C1117">
            <v>0</v>
          </cell>
          <cell r="D1117">
            <v>-15.182899999999997</v>
          </cell>
          <cell r="E1117">
            <v>-10114.965969999997</v>
          </cell>
          <cell r="F1117">
            <v>32380.702829999998</v>
          </cell>
          <cell r="H1117">
            <v>-63.555909999999997</v>
          </cell>
          <cell r="I1117">
            <v>32317.146919999999</v>
          </cell>
        </row>
        <row r="1118">
          <cell r="A1118" t="str">
            <v>P411</v>
          </cell>
          <cell r="B1118">
            <v>1215.9565599999999</v>
          </cell>
          <cell r="C1118">
            <v>0</v>
          </cell>
          <cell r="D1118">
            <v>0</v>
          </cell>
          <cell r="E1118">
            <v>1215.9565599999999</v>
          </cell>
          <cell r="F1118">
            <v>3569.4208699999999</v>
          </cell>
          <cell r="I1118">
            <v>3569.4208699999999</v>
          </cell>
        </row>
        <row r="1119">
          <cell r="A1119" t="str">
            <v>P412</v>
          </cell>
          <cell r="B1119">
            <v>5197.7446599999994</v>
          </cell>
          <cell r="C1119">
            <v>0</v>
          </cell>
          <cell r="D1119">
            <v>0</v>
          </cell>
          <cell r="E1119">
            <v>5197.7446599999994</v>
          </cell>
          <cell r="F1119">
            <v>10616.921979999999</v>
          </cell>
          <cell r="I1119">
            <v>10616.921979999999</v>
          </cell>
        </row>
        <row r="1120">
          <cell r="A1120" t="str">
            <v>P413</v>
          </cell>
          <cell r="B1120">
            <v>-16513.48429</v>
          </cell>
          <cell r="C1120">
            <v>0</v>
          </cell>
          <cell r="D1120">
            <v>-15.182899999999997</v>
          </cell>
          <cell r="E1120">
            <v>-16528.667190000007</v>
          </cell>
          <cell r="F1120">
            <v>18194.359980000001</v>
          </cell>
          <cell r="H1120">
            <v>-63.555909999999997</v>
          </cell>
          <cell r="I1120">
            <v>18130.804069999998</v>
          </cell>
        </row>
        <row r="1121">
          <cell r="A1121" t="str">
            <v>P420</v>
          </cell>
          <cell r="B1121">
            <v>78051.222629999989</v>
          </cell>
          <cell r="C1121">
            <v>0</v>
          </cell>
          <cell r="D1121">
            <v>35984.692640000001</v>
          </cell>
          <cell r="E1121">
            <v>114035.91527</v>
          </cell>
          <cell r="F1121">
            <v>78354.111489999996</v>
          </cell>
          <cell r="H1121">
            <v>-14185.390939999999</v>
          </cell>
          <cell r="I1121">
            <v>64168.720549999998</v>
          </cell>
        </row>
        <row r="1122">
          <cell r="A1122" t="str">
            <v>P421</v>
          </cell>
          <cell r="B1122">
            <v>13570.233660000002</v>
          </cell>
          <cell r="C1122">
            <v>0</v>
          </cell>
          <cell r="D1122">
            <v>0</v>
          </cell>
          <cell r="E1122">
            <v>13570.233660000002</v>
          </cell>
          <cell r="F1122">
            <v>-15983.4774</v>
          </cell>
          <cell r="H1122">
            <v>-425.97719000000001</v>
          </cell>
          <cell r="I1122">
            <v>-16409.454590000001</v>
          </cell>
        </row>
        <row r="1123">
          <cell r="A1123" t="str">
            <v>P422</v>
          </cell>
          <cell r="B1123">
            <v>64480.988969999991</v>
          </cell>
          <cell r="C1123">
            <v>0</v>
          </cell>
          <cell r="D1123">
            <v>35984.692640000001</v>
          </cell>
          <cell r="E1123">
            <v>100465.68161000003</v>
          </cell>
          <cell r="F1123">
            <v>94337.588889999999</v>
          </cell>
          <cell r="H1123">
            <v>-13759.41375</v>
          </cell>
          <cell r="I1123">
            <v>80578.175140000007</v>
          </cell>
        </row>
        <row r="1124">
          <cell r="A1124" t="str">
            <v>P802</v>
          </cell>
          <cell r="B1124">
            <v>108.02387000000003</v>
          </cell>
          <cell r="C1124">
            <v>0.26386999999999994</v>
          </cell>
          <cell r="D1124">
            <v>30408.351059999997</v>
          </cell>
          <cell r="E1124">
            <v>30516.638800000001</v>
          </cell>
          <cell r="F1124">
            <v>268.67930000000001</v>
          </cell>
          <cell r="G1124">
            <v>-2.6266799999999999</v>
          </cell>
          <cell r="H1124">
            <v>18814.992689999999</v>
          </cell>
          <cell r="I1124">
            <v>19081.045310000001</v>
          </cell>
        </row>
        <row r="1125">
          <cell r="A1125" t="str">
            <v>P331S</v>
          </cell>
          <cell r="B1125">
            <v>0</v>
          </cell>
          <cell r="C1125">
            <v>0</v>
          </cell>
          <cell r="D1125">
            <v>21240.543369999999</v>
          </cell>
          <cell r="E1125">
            <v>21240.543369999999</v>
          </cell>
          <cell r="F1125">
            <v>2.0000000000000001E-4</v>
          </cell>
          <cell r="H1125">
            <v>-5638.2924800000001</v>
          </cell>
          <cell r="I1125">
            <v>-5638.2922799999997</v>
          </cell>
        </row>
        <row r="1126">
          <cell r="A1126" t="str">
            <v>P333S</v>
          </cell>
          <cell r="B1126">
            <v>0</v>
          </cell>
          <cell r="C1126">
            <v>0</v>
          </cell>
          <cell r="D1126">
            <v>-10793.76345</v>
          </cell>
          <cell r="E1126">
            <v>-10793.76345</v>
          </cell>
          <cell r="H1126">
            <v>292.28915000000001</v>
          </cell>
          <cell r="I1126">
            <v>292.28915000000001</v>
          </cell>
        </row>
        <row r="1127">
          <cell r="A1127" t="str">
            <v>P338S</v>
          </cell>
          <cell r="B1127">
            <v>108.02387</v>
          </cell>
          <cell r="C1127">
            <v>0.26386999999999994</v>
          </cell>
          <cell r="D1127">
            <v>19961.571139999996</v>
          </cell>
          <cell r="E1127">
            <v>20069.858880000003</v>
          </cell>
          <cell r="F1127">
            <v>268.67910000000001</v>
          </cell>
          <cell r="G1127">
            <v>-2.6266799999999999</v>
          </cell>
          <cell r="H1127">
            <v>24160.996019999999</v>
          </cell>
          <cell r="I1127">
            <v>24427.048439999999</v>
          </cell>
        </row>
        <row r="1128">
          <cell r="A1128" t="str">
            <v>P803</v>
          </cell>
          <cell r="B1128">
            <v>-9219.2054200000002</v>
          </cell>
          <cell r="C1128">
            <v>0</v>
          </cell>
          <cell r="D1128">
            <v>-3770.5850599999999</v>
          </cell>
          <cell r="E1128">
            <v>-12989.790479999998</v>
          </cell>
          <cell r="F1128">
            <v>-26622.474289999998</v>
          </cell>
          <cell r="G1128">
            <v>-7.2700000000000004E-3</v>
          </cell>
          <cell r="H1128">
            <v>-6337.2284799999998</v>
          </cell>
          <cell r="I1128">
            <v>-32959.710039999998</v>
          </cell>
        </row>
        <row r="1129">
          <cell r="A1129" t="str">
            <v>P311S</v>
          </cell>
          <cell r="B1129">
            <v>0</v>
          </cell>
          <cell r="C1129">
            <v>0</v>
          </cell>
          <cell r="D1129">
            <v>1736.8384700000001</v>
          </cell>
          <cell r="E1129">
            <v>1736.8384700000001</v>
          </cell>
          <cell r="H1129">
            <v>6252.5759600000001</v>
          </cell>
          <cell r="I1129">
            <v>6252.5759600000001</v>
          </cell>
        </row>
        <row r="1130">
          <cell r="A1130" t="str">
            <v>P320S</v>
          </cell>
          <cell r="B1130">
            <v>-9219.2054200000002</v>
          </cell>
          <cell r="C1130">
            <v>0</v>
          </cell>
          <cell r="D1130">
            <v>-5507.42353</v>
          </cell>
          <cell r="E1130">
            <v>-14726.628949999997</v>
          </cell>
          <cell r="F1130">
            <v>-26622.474289999998</v>
          </cell>
          <cell r="G1130">
            <v>-7.2700000000000004E-3</v>
          </cell>
          <cell r="H1130">
            <v>-12589.80444</v>
          </cell>
          <cell r="I1130">
            <v>-39212.286</v>
          </cell>
        </row>
        <row r="1131">
          <cell r="A1131" t="str">
            <v>P321S</v>
          </cell>
          <cell r="B1131">
            <v>-1084.0091499999999</v>
          </cell>
          <cell r="C1131">
            <v>0</v>
          </cell>
          <cell r="D1131">
            <v>-3887.9727799999996</v>
          </cell>
          <cell r="E1131">
            <v>-4971.981929999999</v>
          </cell>
          <cell r="F1131">
            <v>-3154.5688399999999</v>
          </cell>
          <cell r="H1131">
            <v>-11466.206539999999</v>
          </cell>
          <cell r="I1131">
            <v>-14620.775379999999</v>
          </cell>
        </row>
        <row r="1132">
          <cell r="A1132" t="str">
            <v>P32103S</v>
          </cell>
          <cell r="B1132">
            <v>-1098.3491700000002</v>
          </cell>
          <cell r="C1132">
            <v>0</v>
          </cell>
          <cell r="D1132">
            <v>-3887.9727799999996</v>
          </cell>
          <cell r="E1132">
            <v>-4986.3219500000005</v>
          </cell>
          <cell r="F1132">
            <v>-3340.9776299999999</v>
          </cell>
          <cell r="H1132">
            <v>-11466.206539999999</v>
          </cell>
          <cell r="I1132">
            <v>-14807.18417</v>
          </cell>
        </row>
        <row r="1133">
          <cell r="A1133" t="str">
            <v>P32104S</v>
          </cell>
          <cell r="B1133">
            <v>14.34002000000001</v>
          </cell>
          <cell r="C1133">
            <v>0</v>
          </cell>
          <cell r="D1133">
            <v>0</v>
          </cell>
          <cell r="E1133">
            <v>14.34002000000001</v>
          </cell>
          <cell r="F1133">
            <v>186.40879000000001</v>
          </cell>
          <cell r="I1133">
            <v>186.40879000000001</v>
          </cell>
        </row>
        <row r="1134">
          <cell r="A1134" t="str">
            <v>P322S</v>
          </cell>
          <cell r="B1134">
            <v>-8165.0476799999988</v>
          </cell>
          <cell r="C1134">
            <v>0</v>
          </cell>
          <cell r="D1134">
            <v>-1619.45075</v>
          </cell>
          <cell r="E1134">
            <v>-9784.4984299999996</v>
          </cell>
          <cell r="F1134">
            <v>-24077.54912</v>
          </cell>
          <cell r="G1134">
            <v>-7.2700000000000004E-3</v>
          </cell>
          <cell r="H1134">
            <v>-1123.5979</v>
          </cell>
          <cell r="I1134">
            <v>-25201.154289999999</v>
          </cell>
        </row>
        <row r="1135">
          <cell r="A1135" t="str">
            <v>P323S</v>
          </cell>
          <cell r="B1135">
            <v>29.85141000000003</v>
          </cell>
          <cell r="C1135">
            <v>0</v>
          </cell>
          <cell r="D1135">
            <v>0</v>
          </cell>
          <cell r="E1135">
            <v>29.85141000000003</v>
          </cell>
          <cell r="F1135">
            <v>609.64367000000004</v>
          </cell>
          <cell r="I1135">
            <v>609.64367000000004</v>
          </cell>
        </row>
        <row r="1136">
          <cell r="A1136" t="str">
            <v>P804</v>
          </cell>
          <cell r="B1136">
            <v>-18767.978320000002</v>
          </cell>
          <cell r="C1136">
            <v>0</v>
          </cell>
          <cell r="D1136">
            <v>0</v>
          </cell>
          <cell r="E1136">
            <v>-18767.978320000002</v>
          </cell>
          <cell r="F1136">
            <v>5366.5554199999997</v>
          </cell>
          <cell r="H1136">
            <v>425.97719000000001</v>
          </cell>
          <cell r="I1136">
            <v>5792.5326100000002</v>
          </cell>
        </row>
        <row r="1137">
          <cell r="A1137" t="str">
            <v>P412S</v>
          </cell>
          <cell r="B1137">
            <v>-5197.7446599999994</v>
          </cell>
          <cell r="C1137">
            <v>0</v>
          </cell>
          <cell r="D1137">
            <v>0</v>
          </cell>
          <cell r="E1137">
            <v>-5197.7446599999994</v>
          </cell>
          <cell r="F1137">
            <v>-10616.921979999999</v>
          </cell>
          <cell r="I1137">
            <v>-10616.921979999999</v>
          </cell>
        </row>
        <row r="1138">
          <cell r="A1138" t="str">
            <v>P421S</v>
          </cell>
          <cell r="B1138">
            <v>-13570.233660000002</v>
          </cell>
          <cell r="C1138">
            <v>0</v>
          </cell>
          <cell r="D1138">
            <v>0</v>
          </cell>
          <cell r="E1138">
            <v>-13570.233660000002</v>
          </cell>
          <cell r="F1138">
            <v>15983.4774</v>
          </cell>
          <cell r="H1138">
            <v>425.97719000000001</v>
          </cell>
          <cell r="I1138">
            <v>16409.454590000001</v>
          </cell>
        </row>
        <row r="1139">
          <cell r="A1139" t="str">
            <v>P805</v>
          </cell>
          <cell r="B1139">
            <v>0</v>
          </cell>
          <cell r="C1139">
            <v>0</v>
          </cell>
          <cell r="D1139">
            <v>-2239.36402</v>
          </cell>
          <cell r="E1139">
            <v>-2239.36402</v>
          </cell>
          <cell r="H1139">
            <v>-3158.1958800000002</v>
          </cell>
          <cell r="I1139">
            <v>-3158.1958800000002</v>
          </cell>
        </row>
        <row r="1140">
          <cell r="A1140" t="str">
            <v>P280S</v>
          </cell>
          <cell r="B1140">
            <v>0</v>
          </cell>
          <cell r="C1140">
            <v>0</v>
          </cell>
          <cell r="D1140">
            <v>-2239.36402</v>
          </cell>
          <cell r="E1140">
            <v>-2239.36402</v>
          </cell>
          <cell r="H1140">
            <v>-3158.1958800000002</v>
          </cell>
          <cell r="I1140">
            <v>-3158.1958800000002</v>
          </cell>
        </row>
        <row r="1141">
          <cell r="A1141" t="str">
            <v>AF</v>
          </cell>
          <cell r="B1141">
            <v>-19767.900740000005</v>
          </cell>
          <cell r="C1141">
            <v>-1119.68191</v>
          </cell>
          <cell r="D1141">
            <v>35437.694929999998</v>
          </cell>
          <cell r="E1141">
            <v>14550.112280000001</v>
          </cell>
          <cell r="F1141">
            <v>-41147.554020000003</v>
          </cell>
          <cell r="G1141">
            <v>-2004.29412</v>
          </cell>
          <cell r="H1141">
            <v>-9483.7208100000007</v>
          </cell>
          <cell r="I1141">
            <v>-52635.568950000001</v>
          </cell>
        </row>
        <row r="1142">
          <cell r="A1142" t="str">
            <v>C212_C2E</v>
          </cell>
          <cell r="B1142">
            <v>1159.7194400000001</v>
          </cell>
          <cell r="C1142">
            <v>0</v>
          </cell>
          <cell r="D1142">
            <v>-0.17111999999999999</v>
          </cell>
          <cell r="E1142">
            <v>1159.5483200000001</v>
          </cell>
          <cell r="F1142">
            <v>1159.7194400000001</v>
          </cell>
          <cell r="H1142">
            <v>-0.17111999999999999</v>
          </cell>
          <cell r="I1142">
            <v>1159.5483200000001</v>
          </cell>
        </row>
        <row r="1143">
          <cell r="A1143" t="str">
            <v>C212_TRUE</v>
          </cell>
          <cell r="B1143">
            <v>-20927.620179999998</v>
          </cell>
          <cell r="C1143">
            <v>-1217.0852200000002</v>
          </cell>
          <cell r="D1143">
            <v>0.17111999999999994</v>
          </cell>
          <cell r="E1143">
            <v>-22144.534280000003</v>
          </cell>
          <cell r="F1143">
            <v>-42307.273459999997</v>
          </cell>
          <cell r="G1143">
            <v>-2004.29412</v>
          </cell>
          <cell r="I1143">
            <v>-44311.567580000003</v>
          </cell>
        </row>
        <row r="1144">
          <cell r="A1144" t="str">
            <v>P400N</v>
          </cell>
          <cell r="B1144">
            <v>0</v>
          </cell>
          <cell r="C1144">
            <v>97.403310000000005</v>
          </cell>
          <cell r="D1144">
            <v>35437.694929999998</v>
          </cell>
          <cell r="E1144">
            <v>35535.098239999999</v>
          </cell>
          <cell r="H1144">
            <v>-9483.5496899999998</v>
          </cell>
          <cell r="I1144">
            <v>-9483.5496899999998</v>
          </cell>
        </row>
        <row r="1145">
          <cell r="A1145" t="str">
            <v>CF</v>
          </cell>
          <cell r="B1145">
            <v>-1E-3</v>
          </cell>
          <cell r="C1145">
            <v>0</v>
          </cell>
          <cell r="D1145">
            <v>0</v>
          </cell>
          <cell r="E1145">
            <v>-1E-3</v>
          </cell>
          <cell r="F1145">
            <v>-1E-3</v>
          </cell>
          <cell r="G1145">
            <v>0</v>
          </cell>
          <cell r="H1145">
            <v>0</v>
          </cell>
          <cell r="I1145">
            <v>-1E-3</v>
          </cell>
        </row>
        <row r="1146">
          <cell r="A1146" t="str">
            <v>BBCFCHK</v>
          </cell>
          <cell r="B1146">
            <v>-284124.06507999997</v>
          </cell>
          <cell r="C1146">
            <v>-4932.9261799999995</v>
          </cell>
          <cell r="D1146">
            <v>1026063.43368</v>
          </cell>
          <cell r="E1146">
            <v>737006.44241999998</v>
          </cell>
          <cell r="F1146">
            <v>-622531.16373999999</v>
          </cell>
          <cell r="G1146">
            <v>2.0000000000000002E-5</v>
          </cell>
          <cell r="H1146">
            <v>1130936.68248</v>
          </cell>
          <cell r="I1146">
            <v>508405.51876000001</v>
          </cell>
        </row>
        <row r="1147">
          <cell r="A1147" t="str">
            <v>C7</v>
          </cell>
          <cell r="B1147">
            <v>142062.03253999999</v>
          </cell>
          <cell r="C1147">
            <v>2466.4630899999997</v>
          </cell>
          <cell r="D1147">
            <v>-513031.71684000001</v>
          </cell>
          <cell r="E1147">
            <v>-368503.22120999999</v>
          </cell>
          <cell r="F1147">
            <v>311265.58186999999</v>
          </cell>
          <cell r="G1147">
            <v>-1.0000000000000001E-5</v>
          </cell>
          <cell r="H1147">
            <v>-565468.34123999998</v>
          </cell>
          <cell r="I1147">
            <v>-254202.75938</v>
          </cell>
        </row>
        <row r="1148">
          <cell r="A1148" t="str">
            <v>C710</v>
          </cell>
          <cell r="B1148">
            <v>142062.03253999999</v>
          </cell>
          <cell r="C1148">
            <v>2466.4630899999997</v>
          </cell>
          <cell r="D1148">
            <v>-513031.71684000001</v>
          </cell>
          <cell r="E1148">
            <v>-368503.22120999999</v>
          </cell>
          <cell r="F1148">
            <v>311265.58186999999</v>
          </cell>
          <cell r="G1148">
            <v>-1.0000000000000001E-5</v>
          </cell>
          <cell r="H1148">
            <v>-565468.34123999998</v>
          </cell>
          <cell r="I1148">
            <v>-254202.75938</v>
          </cell>
        </row>
        <row r="1149">
          <cell r="A1149" t="str">
            <v>C6</v>
          </cell>
          <cell r="B1149">
            <v>142062.03154</v>
          </cell>
          <cell r="C1149">
            <v>2466.4630899999997</v>
          </cell>
          <cell r="D1149">
            <v>-513031.71684000001</v>
          </cell>
          <cell r="E1149">
            <v>-368503.22220999998</v>
          </cell>
          <cell r="F1149">
            <v>311265.58087000001</v>
          </cell>
          <cell r="G1149">
            <v>-1.0000000000000001E-5</v>
          </cell>
          <cell r="H1149">
            <v>-565468.34123999998</v>
          </cell>
          <cell r="I1149">
            <v>-254202.76037999999</v>
          </cell>
        </row>
        <row r="1150">
          <cell r="A1150" t="str">
            <v>C3</v>
          </cell>
          <cell r="B1150">
            <v>199009.79074999999</v>
          </cell>
          <cell r="C1150">
            <v>-712.65955000000031</v>
          </cell>
          <cell r="D1150">
            <v>-51554.361219999999</v>
          </cell>
          <cell r="E1150">
            <v>146742.76998000004</v>
          </cell>
          <cell r="F1150">
            <v>513555.59814999998</v>
          </cell>
          <cell r="G1150">
            <v>266.70830999999998</v>
          </cell>
          <cell r="H1150">
            <v>-132721.25646999999</v>
          </cell>
          <cell r="I1150">
            <v>381101.04999000003</v>
          </cell>
        </row>
        <row r="1151">
          <cell r="A1151" t="str">
            <v>C3</v>
          </cell>
          <cell r="B1151">
            <v>199009.79074999999</v>
          </cell>
          <cell r="C1151">
            <v>-712.65955000000031</v>
          </cell>
          <cell r="D1151">
            <v>-51554.361219999999</v>
          </cell>
          <cell r="E1151">
            <v>146742.76998000004</v>
          </cell>
          <cell r="F1151">
            <v>0</v>
          </cell>
          <cell r="G1151">
            <v>0</v>
          </cell>
          <cell r="H1151">
            <v>0</v>
          </cell>
          <cell r="I1151">
            <v>0</v>
          </cell>
        </row>
        <row r="1152">
          <cell r="A1152" t="str">
            <v>C1</v>
          </cell>
          <cell r="B1152">
            <v>47499.961320000002</v>
          </cell>
          <cell r="C1152">
            <v>-712.65955000000031</v>
          </cell>
          <cell r="D1152">
            <v>-53293.075899999989</v>
          </cell>
          <cell r="E1152">
            <v>-6505.7741300000052</v>
          </cell>
          <cell r="F1152">
            <v>387784.33687</v>
          </cell>
          <cell r="G1152">
            <v>266.74063000000001</v>
          </cell>
          <cell r="H1152">
            <v>-138669.95785999999</v>
          </cell>
          <cell r="I1152">
            <v>249381.11963999999</v>
          </cell>
        </row>
        <row r="1153">
          <cell r="A1153" t="str">
            <v>C110</v>
          </cell>
          <cell r="B1153">
            <v>153821.23220999999</v>
          </cell>
          <cell r="C1153">
            <v>-1582.1204600000001</v>
          </cell>
          <cell r="D1153">
            <v>-55153.524070000014</v>
          </cell>
          <cell r="E1153">
            <v>97085.587679999997</v>
          </cell>
          <cell r="F1153">
            <v>291830.05800999998</v>
          </cell>
          <cell r="G1153">
            <v>1012.76178</v>
          </cell>
          <cell r="H1153">
            <v>-77782.249989999997</v>
          </cell>
          <cell r="I1153">
            <v>215060.5698</v>
          </cell>
        </row>
        <row r="1154">
          <cell r="A1154" t="str">
            <v>C120</v>
          </cell>
          <cell r="B1154">
            <v>-70872.496910000002</v>
          </cell>
          <cell r="C1154">
            <v>46.384999999999991</v>
          </cell>
          <cell r="D1154">
            <v>73.441630000000004</v>
          </cell>
          <cell r="E1154">
            <v>-70752.670279999991</v>
          </cell>
          <cell r="F1154">
            <v>-7454.23621</v>
          </cell>
          <cell r="G1154">
            <v>140.09093999999999</v>
          </cell>
          <cell r="H1154">
            <v>185.36859000000001</v>
          </cell>
          <cell r="I1154">
            <v>-7128.7766799999999</v>
          </cell>
        </row>
        <row r="1155">
          <cell r="A1155" t="str">
            <v>C130</v>
          </cell>
          <cell r="B1155">
            <v>-115598.00768000001</v>
          </cell>
          <cell r="C1155">
            <v>215.53301999999985</v>
          </cell>
          <cell r="D1155">
            <v>-12371.305</v>
          </cell>
          <cell r="E1155">
            <v>-127753.77966000001</v>
          </cell>
          <cell r="F1155">
            <v>-38598.775889999997</v>
          </cell>
          <cell r="G1155">
            <v>-682.63715999999999</v>
          </cell>
          <cell r="H1155">
            <v>12189.07699</v>
          </cell>
          <cell r="I1155">
            <v>-27092.336060000001</v>
          </cell>
        </row>
        <row r="1156">
          <cell r="A1156" t="str">
            <v>C131</v>
          </cell>
          <cell r="B1156">
            <v>-18765.020300000004</v>
          </cell>
          <cell r="C1156">
            <v>140.25869</v>
          </cell>
          <cell r="D1156">
            <v>240745.24072999999</v>
          </cell>
          <cell r="E1156">
            <v>222120.47912000003</v>
          </cell>
          <cell r="F1156">
            <v>54159.654739999998</v>
          </cell>
          <cell r="G1156">
            <v>-47.555160000000001</v>
          </cell>
          <cell r="H1156">
            <v>235202.91682000001</v>
          </cell>
          <cell r="I1156">
            <v>289315.01640000002</v>
          </cell>
        </row>
        <row r="1157">
          <cell r="A1157" t="str">
            <v>C132P</v>
          </cell>
          <cell r="B1157">
            <v>-40942.971369999992</v>
          </cell>
          <cell r="C1157">
            <v>-1422.7317699999999</v>
          </cell>
          <cell r="D1157">
            <v>-344997.74722000002</v>
          </cell>
          <cell r="E1157">
            <v>-387363.45036000002</v>
          </cell>
          <cell r="F1157">
            <v>-29369.702689999998</v>
          </cell>
          <cell r="G1157">
            <v>960.63012000000003</v>
          </cell>
          <cell r="H1157">
            <v>-307391.57303000003</v>
          </cell>
          <cell r="I1157">
            <v>-335800.64559999999</v>
          </cell>
        </row>
        <row r="1158">
          <cell r="A1158" t="str">
            <v>C13201</v>
          </cell>
          <cell r="B1158">
            <v>-40834.947499999995</v>
          </cell>
          <cell r="C1158">
            <v>-1422.4679000000001</v>
          </cell>
          <cell r="D1158">
            <v>-325036.17608</v>
          </cell>
          <cell r="E1158">
            <v>-367293.59148</v>
          </cell>
          <cell r="F1158">
            <v>-29101.023590000001</v>
          </cell>
          <cell r="G1158">
            <v>958.00343999999996</v>
          </cell>
          <cell r="H1158">
            <v>-283230.57701000001</v>
          </cell>
          <cell r="I1158">
            <v>-311373.59716</v>
          </cell>
        </row>
        <row r="1159">
          <cell r="A1159" t="str">
            <v>C13204</v>
          </cell>
          <cell r="B1159">
            <v>-108.02387</v>
          </cell>
          <cell r="C1159">
            <v>-0.26386999999999994</v>
          </cell>
          <cell r="D1159">
            <v>-19961.571139999996</v>
          </cell>
          <cell r="E1159">
            <v>-20069.858880000003</v>
          </cell>
          <cell r="F1159">
            <v>-268.67910000000001</v>
          </cell>
          <cell r="G1159">
            <v>2.6266799999999999</v>
          </cell>
          <cell r="H1159">
            <v>-24160.996019999999</v>
          </cell>
          <cell r="I1159">
            <v>-24427.048439999999</v>
          </cell>
        </row>
        <row r="1160">
          <cell r="A1160" t="str">
            <v>C133</v>
          </cell>
          <cell r="B1160">
            <v>-98944.567750000002</v>
          </cell>
          <cell r="C1160">
            <v>1498.0060999999998</v>
          </cell>
          <cell r="D1160">
            <v>97547.651150000005</v>
          </cell>
          <cell r="E1160">
            <v>101.08950000000004</v>
          </cell>
          <cell r="F1160">
            <v>-103129.39492999999</v>
          </cell>
          <cell r="G1160">
            <v>-1595.9150400000001</v>
          </cell>
          <cell r="H1160">
            <v>94054.35368</v>
          </cell>
          <cell r="I1160">
            <v>-10670.95629</v>
          </cell>
        </row>
        <row r="1161">
          <cell r="A1161" t="str">
            <v>C134</v>
          </cell>
          <cell r="B1161">
            <v>22054.551740000003</v>
          </cell>
          <cell r="C1161">
            <v>0</v>
          </cell>
          <cell r="D1161">
            <v>-5666.4496600000002</v>
          </cell>
          <cell r="E1161">
            <v>16388.102080000001</v>
          </cell>
          <cell r="F1161">
            <v>18740.666990000002</v>
          </cell>
          <cell r="G1161">
            <v>0.20291999999999999</v>
          </cell>
          <cell r="H1161">
            <v>-9676.6204799999996</v>
          </cell>
          <cell r="I1161">
            <v>9064.2494299999998</v>
          </cell>
        </row>
        <row r="1162">
          <cell r="A1162" t="str">
            <v>C135</v>
          </cell>
          <cell r="B1162">
            <v>21000</v>
          </cell>
          <cell r="C1162">
            <v>0</v>
          </cell>
          <cell r="D1162">
            <v>0</v>
          </cell>
          <cell r="E1162">
            <v>21000</v>
          </cell>
          <cell r="F1162">
            <v>21000</v>
          </cell>
          <cell r="G1162">
            <v>0</v>
          </cell>
          <cell r="I1162">
            <v>21000</v>
          </cell>
        </row>
        <row r="1163">
          <cell r="A1163" t="str">
            <v>C150</v>
          </cell>
          <cell r="B1163">
            <v>75719.007960000003</v>
          </cell>
          <cell r="C1163">
            <v>0</v>
          </cell>
          <cell r="D1163">
            <v>37164.420679999996</v>
          </cell>
          <cell r="E1163">
            <v>112883.42864</v>
          </cell>
          <cell r="F1163">
            <v>79363.958240000007</v>
          </cell>
          <cell r="G1163">
            <v>0</v>
          </cell>
          <cell r="H1163">
            <v>-14703.50618</v>
          </cell>
          <cell r="I1163">
            <v>64660.452060000003</v>
          </cell>
        </row>
        <row r="1164">
          <cell r="A1164" t="str">
            <v>C15001</v>
          </cell>
          <cell r="B1164">
            <v>1743.0019400000001</v>
          </cell>
          <cell r="C1164">
            <v>0</v>
          </cell>
          <cell r="D1164">
            <v>0</v>
          </cell>
          <cell r="E1164">
            <v>1743.0019400000001</v>
          </cell>
          <cell r="F1164">
            <v>5229.0058200000003</v>
          </cell>
          <cell r="I1164">
            <v>5229.0058200000003</v>
          </cell>
        </row>
        <row r="1165">
          <cell r="A1165" t="str">
            <v>C15002</v>
          </cell>
          <cell r="B1165">
            <v>78051.222629999989</v>
          </cell>
          <cell r="C1165">
            <v>0</v>
          </cell>
          <cell r="D1165">
            <v>35984.692640000001</v>
          </cell>
          <cell r="E1165">
            <v>114035.91527</v>
          </cell>
          <cell r="F1165">
            <v>78354.111489999996</v>
          </cell>
          <cell r="G1165">
            <v>0</v>
          </cell>
          <cell r="H1165">
            <v>-14185.390939999999</v>
          </cell>
          <cell r="I1165">
            <v>64168.720549999998</v>
          </cell>
        </row>
        <row r="1166">
          <cell r="A1166" t="str">
            <v>C15003</v>
          </cell>
          <cell r="B1166">
            <v>-4075.2166099999999</v>
          </cell>
          <cell r="C1166">
            <v>0</v>
          </cell>
          <cell r="D1166">
            <v>1179.72804</v>
          </cell>
          <cell r="E1166">
            <v>-2895.4885699999995</v>
          </cell>
          <cell r="F1166">
            <v>-4219.1590699999997</v>
          </cell>
          <cell r="G1166">
            <v>0</v>
          </cell>
          <cell r="H1166">
            <v>-518.11523999999997</v>
          </cell>
          <cell r="I1166">
            <v>-4737.2743099999998</v>
          </cell>
        </row>
        <row r="1167">
          <cell r="A1167" t="str">
            <v>C15004</v>
          </cell>
          <cell r="B1167">
            <v>0</v>
          </cell>
          <cell r="C1167">
            <v>0</v>
          </cell>
          <cell r="D1167">
            <v>0</v>
          </cell>
          <cell r="E1167">
            <v>0</v>
          </cell>
        </row>
        <row r="1168">
          <cell r="A1168" t="str">
            <v>C160</v>
          </cell>
          <cell r="B1168">
            <v>3567.8014500000136</v>
          </cell>
          <cell r="C1168">
            <v>607.54289000000063</v>
          </cell>
          <cell r="D1168">
            <v>-17926.695319999999</v>
          </cell>
          <cell r="E1168">
            <v>-13751.350980000001</v>
          </cell>
          <cell r="F1168">
            <v>-1588.85022</v>
          </cell>
          <cell r="G1168">
            <v>-203.48220000000001</v>
          </cell>
          <cell r="H1168">
            <v>-20188.473269999999</v>
          </cell>
          <cell r="I1168">
            <v>-21980.805690000001</v>
          </cell>
        </row>
        <row r="1169">
          <cell r="A1169" t="str">
            <v>C16001</v>
          </cell>
          <cell r="B1169">
            <v>4297.7370599999995</v>
          </cell>
          <cell r="C1169">
            <v>607.54289000000063</v>
          </cell>
          <cell r="D1169">
            <v>-17926.695319999999</v>
          </cell>
          <cell r="E1169">
            <v>-13021.415369999999</v>
          </cell>
          <cell r="F1169">
            <v>1451.93021</v>
          </cell>
          <cell r="G1169">
            <v>-203.48220000000001</v>
          </cell>
          <cell r="H1169">
            <v>-20188.473269999999</v>
          </cell>
          <cell r="I1169">
            <v>-18940.025259999999</v>
          </cell>
        </row>
        <row r="1170">
          <cell r="A1170" t="str">
            <v>C16002</v>
          </cell>
          <cell r="B1170">
            <v>486.02095000000008</v>
          </cell>
          <cell r="C1170">
            <v>0</v>
          </cell>
          <cell r="D1170">
            <v>0</v>
          </cell>
          <cell r="E1170">
            <v>486.02095000000008</v>
          </cell>
          <cell r="F1170">
            <v>528.64044000000001</v>
          </cell>
          <cell r="I1170">
            <v>528.64044000000001</v>
          </cell>
        </row>
        <row r="1171">
          <cell r="A1171" t="str">
            <v>C16004</v>
          </cell>
          <cell r="B1171">
            <v>0</v>
          </cell>
          <cell r="C1171">
            <v>0</v>
          </cell>
          <cell r="D1171">
            <v>0</v>
          </cell>
          <cell r="E1171">
            <v>0</v>
          </cell>
          <cell r="G1171">
            <v>0</v>
          </cell>
          <cell r="I1171">
            <v>0</v>
          </cell>
        </row>
        <row r="1172">
          <cell r="A1172" t="str">
            <v>C16006</v>
          </cell>
          <cell r="B1172">
            <v>-1215.9565599999999</v>
          </cell>
          <cell r="C1172">
            <v>0</v>
          </cell>
          <cell r="D1172">
            <v>0</v>
          </cell>
          <cell r="E1172">
            <v>-1215.9565599999999</v>
          </cell>
          <cell r="F1172">
            <v>-3569.4208699999999</v>
          </cell>
          <cell r="G1172">
            <v>0</v>
          </cell>
          <cell r="I1172">
            <v>-3569.4208699999999</v>
          </cell>
        </row>
        <row r="1173">
          <cell r="A1173" t="str">
            <v>C16007</v>
          </cell>
          <cell r="B1173">
            <v>0</v>
          </cell>
          <cell r="C1173">
            <v>0</v>
          </cell>
          <cell r="D1173">
            <v>0</v>
          </cell>
          <cell r="E1173">
            <v>0</v>
          </cell>
          <cell r="G1173">
            <v>0</v>
          </cell>
          <cell r="I1173">
            <v>0</v>
          </cell>
        </row>
        <row r="1174">
          <cell r="A1174" t="str">
            <v>C16008</v>
          </cell>
          <cell r="B1174">
            <v>0</v>
          </cell>
          <cell r="C1174">
            <v>0</v>
          </cell>
          <cell r="D1174">
            <v>0</v>
          </cell>
          <cell r="E1174">
            <v>0</v>
          </cell>
          <cell r="G1174">
            <v>0</v>
          </cell>
          <cell r="I1174">
            <v>0</v>
          </cell>
        </row>
        <row r="1175">
          <cell r="A1175" t="str">
            <v>C16009</v>
          </cell>
          <cell r="B1175">
            <v>0</v>
          </cell>
          <cell r="C1175">
            <v>0</v>
          </cell>
          <cell r="D1175">
            <v>0</v>
          </cell>
          <cell r="E1175">
            <v>0</v>
          </cell>
          <cell r="G1175">
            <v>0</v>
          </cell>
          <cell r="I1175">
            <v>0</v>
          </cell>
        </row>
        <row r="1176">
          <cell r="A1176" t="str">
            <v>C170</v>
          </cell>
          <cell r="B1176">
            <v>862.42428999999538</v>
          </cell>
          <cell r="C1176">
            <v>0</v>
          </cell>
          <cell r="D1176">
            <v>3755.4021600000001</v>
          </cell>
          <cell r="E1176">
            <v>4617.8264499999932</v>
          </cell>
          <cell r="F1176">
            <v>64232.182939999999</v>
          </cell>
          <cell r="G1176">
            <v>7.2700000000000004E-3</v>
          </cell>
          <cell r="H1176">
            <v>6273.6725699999997</v>
          </cell>
          <cell r="I1176">
            <v>70505.862779999996</v>
          </cell>
        </row>
        <row r="1177">
          <cell r="A1177" t="str">
            <v>C17001</v>
          </cell>
          <cell r="B1177">
            <v>-10099.783070000005</v>
          </cell>
          <cell r="C1177">
            <v>0</v>
          </cell>
          <cell r="D1177">
            <v>-15.182899999999997</v>
          </cell>
          <cell r="E1177">
            <v>-10114.965969999997</v>
          </cell>
          <cell r="F1177">
            <v>32380.702829999998</v>
          </cell>
          <cell r="H1177">
            <v>-63.555909999999997</v>
          </cell>
          <cell r="I1177">
            <v>32317.146919999999</v>
          </cell>
        </row>
        <row r="1178">
          <cell r="A1178" t="str">
            <v>C17002</v>
          </cell>
          <cell r="B1178">
            <v>10962.20736</v>
          </cell>
          <cell r="C1178">
            <v>0</v>
          </cell>
          <cell r="D1178">
            <v>5507.42353</v>
          </cell>
          <cell r="E1178">
            <v>16469.63089</v>
          </cell>
          <cell r="F1178">
            <v>31851.48011</v>
          </cell>
          <cell r="G1178">
            <v>7.2700000000000004E-3</v>
          </cell>
          <cell r="H1178">
            <v>12589.80444</v>
          </cell>
          <cell r="I1178">
            <v>44441.291819999999</v>
          </cell>
        </row>
        <row r="1179">
          <cell r="A1179" t="str">
            <v>C17003</v>
          </cell>
          <cell r="B1179">
            <v>0</v>
          </cell>
          <cell r="C1179">
            <v>0</v>
          </cell>
          <cell r="D1179">
            <v>-1736.8384700000001</v>
          </cell>
          <cell r="E1179">
            <v>-1736.8384700000001</v>
          </cell>
          <cell r="H1179">
            <v>-6252.5759600000001</v>
          </cell>
          <cell r="I1179">
            <v>-6252.5759600000001</v>
          </cell>
        </row>
        <row r="1180">
          <cell r="A1180" t="str">
            <v>C180</v>
          </cell>
          <cell r="B1180">
            <v>0</v>
          </cell>
          <cell r="C1180">
            <v>0</v>
          </cell>
          <cell r="D1180">
            <v>-8834.8159799999994</v>
          </cell>
          <cell r="E1180">
            <v>-8834.8159799999994</v>
          </cell>
          <cell r="H1180">
            <v>-44643.846570000002</v>
          </cell>
          <cell r="I1180">
            <v>-44643.846570000002</v>
          </cell>
        </row>
        <row r="1181">
          <cell r="A1181" t="str">
            <v>C2</v>
          </cell>
          <cell r="B1181">
            <v>151509.82943000001</v>
          </cell>
          <cell r="C1181">
            <v>0</v>
          </cell>
          <cell r="D1181">
            <v>1738.71468</v>
          </cell>
          <cell r="E1181">
            <v>153248.54410999999</v>
          </cell>
          <cell r="F1181">
            <v>125771.26128000001</v>
          </cell>
          <cell r="G1181">
            <v>-3.2320000000000002E-2</v>
          </cell>
          <cell r="H1181">
            <v>5948.7013900000002</v>
          </cell>
          <cell r="I1181">
            <v>131719.93035000001</v>
          </cell>
        </row>
        <row r="1182">
          <cell r="A1182" t="str">
            <v>C210</v>
          </cell>
          <cell r="B1182">
            <v>-37520.021979999998</v>
          </cell>
          <cell r="C1182">
            <v>0</v>
          </cell>
          <cell r="D1182">
            <v>7249.2334099999998</v>
          </cell>
          <cell r="E1182">
            <v>-30270.788570000004</v>
          </cell>
          <cell r="F1182">
            <v>-63838.382389999999</v>
          </cell>
          <cell r="G1182">
            <v>-3.2320000000000002E-2</v>
          </cell>
          <cell r="H1182">
            <v>7176.0667899999999</v>
          </cell>
          <cell r="I1182">
            <v>-56662.34792</v>
          </cell>
        </row>
        <row r="1183">
          <cell r="A1183" t="str">
            <v>C211</v>
          </cell>
          <cell r="B1183">
            <v>-20116.824189999999</v>
          </cell>
          <cell r="C1183">
            <v>0</v>
          </cell>
          <cell r="D1183">
            <v>7249.2334099999998</v>
          </cell>
          <cell r="E1183">
            <v>-12867.590780000002</v>
          </cell>
          <cell r="F1183">
            <v>-27868.256229999999</v>
          </cell>
          <cell r="G1183">
            <v>-3.2320000000000002E-2</v>
          </cell>
          <cell r="H1183">
            <v>7176.2379099999998</v>
          </cell>
          <cell r="I1183">
            <v>-20692.050640000001</v>
          </cell>
        </row>
        <row r="1184">
          <cell r="A1184" t="str">
            <v>C21101</v>
          </cell>
          <cell r="B1184">
            <v>-2416.0717099999997</v>
          </cell>
          <cell r="C1184">
            <v>0</v>
          </cell>
          <cell r="D1184">
            <v>7249.2334099999998</v>
          </cell>
          <cell r="E1184">
            <v>4833.1616999999997</v>
          </cell>
          <cell r="F1184">
            <v>-4685.7299999999996</v>
          </cell>
          <cell r="G1184">
            <v>-3.2320000000000002E-2</v>
          </cell>
          <cell r="H1184">
            <v>7176.2379099999998</v>
          </cell>
          <cell r="I1184">
            <v>2490.47559</v>
          </cell>
        </row>
        <row r="1185">
          <cell r="A1185" t="str">
            <v>C21102</v>
          </cell>
          <cell r="B1185">
            <v>-17670.90107</v>
          </cell>
          <cell r="C1185">
            <v>0</v>
          </cell>
          <cell r="D1185">
            <v>0</v>
          </cell>
          <cell r="E1185">
            <v>-17670.90107</v>
          </cell>
          <cell r="F1185">
            <v>-22572.882559999998</v>
          </cell>
          <cell r="I1185">
            <v>-22572.882559999998</v>
          </cell>
        </row>
        <row r="1186">
          <cell r="A1186" t="str">
            <v>C21103</v>
          </cell>
          <cell r="B1186">
            <v>-29.85141000000003</v>
          </cell>
          <cell r="C1186">
            <v>0</v>
          </cell>
          <cell r="D1186">
            <v>0</v>
          </cell>
          <cell r="E1186">
            <v>-29.85141000000003</v>
          </cell>
          <cell r="F1186">
            <v>-609.64367000000004</v>
          </cell>
          <cell r="I1186">
            <v>-609.64367000000004</v>
          </cell>
        </row>
        <row r="1187">
          <cell r="A1187" t="str">
            <v>C212</v>
          </cell>
          <cell r="B1187">
            <v>-19767.900740000005</v>
          </cell>
          <cell r="C1187">
            <v>-1217.0852200000002</v>
          </cell>
          <cell r="D1187">
            <v>0</v>
          </cell>
          <cell r="E1187">
            <v>-20984.985960000002</v>
          </cell>
          <cell r="F1187">
            <v>-41147.554020000003</v>
          </cell>
          <cell r="G1187">
            <v>-2004.29412</v>
          </cell>
          <cell r="H1187">
            <v>-0.17111999999999999</v>
          </cell>
          <cell r="I1187">
            <v>-43152.019260000001</v>
          </cell>
        </row>
        <row r="1188">
          <cell r="A1188" t="str">
            <v>C21201</v>
          </cell>
          <cell r="B1188">
            <v>0</v>
          </cell>
          <cell r="C1188">
            <v>0</v>
          </cell>
          <cell r="D1188">
            <v>0</v>
          </cell>
          <cell r="E1188">
            <v>0</v>
          </cell>
        </row>
        <row r="1189">
          <cell r="A1189" t="str">
            <v>C21202</v>
          </cell>
          <cell r="B1189">
            <v>322.11844000000002</v>
          </cell>
          <cell r="C1189">
            <v>684.4229499999999</v>
          </cell>
          <cell r="D1189">
            <v>0</v>
          </cell>
          <cell r="E1189">
            <v>1006.5413899999999</v>
          </cell>
          <cell r="F1189">
            <v>273.68691000000001</v>
          </cell>
          <cell r="G1189">
            <v>848.3424</v>
          </cell>
          <cell r="I1189">
            <v>1122.0293099999999</v>
          </cell>
        </row>
        <row r="1190">
          <cell r="A1190" t="str">
            <v>C21203</v>
          </cell>
          <cell r="B1190">
            <v>-3.7654000000000565</v>
          </cell>
          <cell r="C1190">
            <v>0</v>
          </cell>
          <cell r="D1190">
            <v>0</v>
          </cell>
          <cell r="E1190">
            <v>-3.7653999999999996</v>
          </cell>
          <cell r="F1190">
            <v>-1004.29488</v>
          </cell>
          <cell r="H1190">
            <v>-0.17111999999999999</v>
          </cell>
          <cell r="I1190">
            <v>-1004.466</v>
          </cell>
        </row>
        <row r="1191">
          <cell r="A1191" t="str">
            <v>C21204</v>
          </cell>
          <cell r="B1191">
            <v>-17399.432389999998</v>
          </cell>
          <cell r="C1191">
            <v>0</v>
          </cell>
          <cell r="D1191">
            <v>0</v>
          </cell>
          <cell r="E1191">
            <v>-17399.432389999998</v>
          </cell>
          <cell r="F1191">
            <v>-34965.831279999999</v>
          </cell>
          <cell r="I1191">
            <v>-34965.831279999999</v>
          </cell>
        </row>
        <row r="1192">
          <cell r="A1192" t="str">
            <v>C21205</v>
          </cell>
          <cell r="B1192">
            <v>-1308.7743799999998</v>
          </cell>
          <cell r="C1192">
            <v>-1032.21587</v>
          </cell>
          <cell r="D1192">
            <v>0</v>
          </cell>
          <cell r="E1192">
            <v>-2340.9902499999998</v>
          </cell>
          <cell r="F1192">
            <v>-2119.0707499999999</v>
          </cell>
          <cell r="G1192">
            <v>-1429.9443699999999</v>
          </cell>
          <cell r="I1192">
            <v>-3549.01512</v>
          </cell>
        </row>
        <row r="1193">
          <cell r="A1193" t="str">
            <v>C21206</v>
          </cell>
          <cell r="B1193">
            <v>-42.270420000000001</v>
          </cell>
          <cell r="C1193">
            <v>0</v>
          </cell>
          <cell r="D1193">
            <v>0</v>
          </cell>
          <cell r="E1193">
            <v>-42.270420000000001</v>
          </cell>
          <cell r="F1193">
            <v>-153.60431</v>
          </cell>
          <cell r="I1193">
            <v>-153.60431</v>
          </cell>
        </row>
        <row r="1194">
          <cell r="A1194" t="str">
            <v>C21207</v>
          </cell>
          <cell r="B1194">
            <v>-1335.7765899999999</v>
          </cell>
          <cell r="C1194">
            <v>-869.29230000000007</v>
          </cell>
          <cell r="D1194">
            <v>0</v>
          </cell>
          <cell r="E1194">
            <v>-2205.0688900000005</v>
          </cell>
          <cell r="F1194">
            <v>-3178.4397100000001</v>
          </cell>
          <cell r="G1194">
            <v>-1422.6921500000001</v>
          </cell>
          <cell r="I1194">
            <v>-4601.1318600000004</v>
          </cell>
        </row>
        <row r="1195">
          <cell r="A1195" t="str">
            <v>C213</v>
          </cell>
          <cell r="B1195">
            <v>2364.7029500000003</v>
          </cell>
          <cell r="C1195">
            <v>1217.0852200000002</v>
          </cell>
          <cell r="D1195">
            <v>0</v>
          </cell>
          <cell r="E1195">
            <v>3581.7881700000003</v>
          </cell>
          <cell r="F1195">
            <v>5177.4278599999998</v>
          </cell>
          <cell r="G1195">
            <v>2004.29412</v>
          </cell>
          <cell r="I1195">
            <v>7181.7219800000003</v>
          </cell>
        </row>
        <row r="1196">
          <cell r="A1196" t="str">
            <v>C217</v>
          </cell>
          <cell r="B1196">
            <v>0</v>
          </cell>
          <cell r="C1196">
            <v>0</v>
          </cell>
          <cell r="D1196">
            <v>-7247.3571999999995</v>
          </cell>
          <cell r="E1196">
            <v>-7247.3571999999995</v>
          </cell>
          <cell r="H1196">
            <v>-7479.9413599999998</v>
          </cell>
          <cell r="I1196">
            <v>-7479.9413599999998</v>
          </cell>
        </row>
        <row r="1197">
          <cell r="A1197" t="str">
            <v>C220</v>
          </cell>
          <cell r="B1197">
            <v>189000</v>
          </cell>
          <cell r="C1197">
            <v>0</v>
          </cell>
          <cell r="D1197">
            <v>0</v>
          </cell>
          <cell r="E1197">
            <v>189000</v>
          </cell>
          <cell r="F1197">
            <v>189000</v>
          </cell>
          <cell r="I1197">
            <v>189000</v>
          </cell>
        </row>
        <row r="1198">
          <cell r="A1198" t="str">
            <v>C22001</v>
          </cell>
          <cell r="B1198">
            <v>210000</v>
          </cell>
          <cell r="C1198">
            <v>0</v>
          </cell>
          <cell r="D1198">
            <v>0</v>
          </cell>
          <cell r="E1198">
            <v>210000</v>
          </cell>
          <cell r="F1198">
            <v>210000</v>
          </cell>
          <cell r="I1198">
            <v>210000</v>
          </cell>
        </row>
        <row r="1199">
          <cell r="A1199" t="str">
            <v>C22002</v>
          </cell>
          <cell r="B1199">
            <v>-21000</v>
          </cell>
          <cell r="C1199">
            <v>0</v>
          </cell>
          <cell r="D1199">
            <v>0</v>
          </cell>
          <cell r="E1199">
            <v>-21000</v>
          </cell>
          <cell r="F1199">
            <v>-21000</v>
          </cell>
          <cell r="I1199">
            <v>-21000</v>
          </cell>
        </row>
        <row r="1200">
          <cell r="A1200" t="str">
            <v>C22021</v>
          </cell>
          <cell r="B1200">
            <v>-21000</v>
          </cell>
          <cell r="C1200">
            <v>0</v>
          </cell>
          <cell r="D1200">
            <v>0</v>
          </cell>
          <cell r="E1200">
            <v>-21000</v>
          </cell>
          <cell r="F1200">
            <v>-21000</v>
          </cell>
          <cell r="I1200">
            <v>-21000</v>
          </cell>
        </row>
        <row r="1201">
          <cell r="A1201" t="str">
            <v>C22022</v>
          </cell>
          <cell r="B1201">
            <v>0</v>
          </cell>
          <cell r="C1201">
            <v>0</v>
          </cell>
          <cell r="D1201">
            <v>0</v>
          </cell>
          <cell r="E1201">
            <v>0</v>
          </cell>
        </row>
        <row r="1202">
          <cell r="A1202" t="str">
            <v>C230</v>
          </cell>
          <cell r="B1202">
            <v>0</v>
          </cell>
          <cell r="C1202">
            <v>0</v>
          </cell>
          <cell r="D1202">
            <v>0</v>
          </cell>
          <cell r="E1202">
            <v>0</v>
          </cell>
        </row>
        <row r="1203">
          <cell r="A1203" t="str">
            <v>C231</v>
          </cell>
          <cell r="B1203">
            <v>0</v>
          </cell>
          <cell r="C1203">
            <v>0</v>
          </cell>
          <cell r="D1203">
            <v>0</v>
          </cell>
          <cell r="E1203">
            <v>0</v>
          </cell>
        </row>
        <row r="1204">
          <cell r="A1204" t="str">
            <v>C23102</v>
          </cell>
          <cell r="B1204">
            <v>0</v>
          </cell>
          <cell r="C1204">
            <v>0</v>
          </cell>
          <cell r="D1204">
            <v>0</v>
          </cell>
          <cell r="E1204">
            <v>0</v>
          </cell>
        </row>
        <row r="1205">
          <cell r="A1205" t="str">
            <v>C240P</v>
          </cell>
          <cell r="B1205">
            <v>0</v>
          </cell>
          <cell r="C1205">
            <v>0</v>
          </cell>
          <cell r="D1205">
            <v>1736.8384700000001</v>
          </cell>
          <cell r="E1205">
            <v>1736.8384700000001</v>
          </cell>
          <cell r="H1205">
            <v>6252.5759600000001</v>
          </cell>
          <cell r="I1205">
            <v>6252.5759600000001</v>
          </cell>
        </row>
        <row r="1206">
          <cell r="A1206" t="str">
            <v>C24001</v>
          </cell>
          <cell r="B1206">
            <v>0</v>
          </cell>
          <cell r="C1206">
            <v>0</v>
          </cell>
          <cell r="D1206">
            <v>1736.8384700000001</v>
          </cell>
          <cell r="E1206">
            <v>1736.8384700000001</v>
          </cell>
          <cell r="H1206">
            <v>6252.5759600000001</v>
          </cell>
          <cell r="I1206">
            <v>6252.5759600000001</v>
          </cell>
        </row>
        <row r="1207">
          <cell r="A1207" t="str">
            <v>C250</v>
          </cell>
          <cell r="B1207">
            <v>29.85141000000003</v>
          </cell>
          <cell r="C1207">
            <v>0</v>
          </cell>
          <cell r="D1207">
            <v>0</v>
          </cell>
          <cell r="E1207">
            <v>29.85141000000003</v>
          </cell>
          <cell r="F1207">
            <v>609.64367000000004</v>
          </cell>
          <cell r="I1207">
            <v>609.64367000000004</v>
          </cell>
        </row>
        <row r="1208">
          <cell r="A1208" t="str">
            <v>C4</v>
          </cell>
          <cell r="B1208">
            <v>-57055.783079999994</v>
          </cell>
          <cell r="C1208">
            <v>3178.8587699999998</v>
          </cell>
          <cell r="D1208">
            <v>-481438.92675999994</v>
          </cell>
          <cell r="E1208">
            <v>-535315.85106999998</v>
          </cell>
          <cell r="F1208">
            <v>-202558.69638000001</v>
          </cell>
          <cell r="G1208">
            <v>-264.08163999999999</v>
          </cell>
          <cell r="H1208">
            <v>-456908.08078999998</v>
          </cell>
          <cell r="I1208">
            <v>-659730.85881000001</v>
          </cell>
        </row>
        <row r="1209">
          <cell r="A1209" t="str">
            <v>C410</v>
          </cell>
          <cell r="B1209">
            <v>-48013.641450000054</v>
          </cell>
          <cell r="C1209">
            <v>3178.8587699999998</v>
          </cell>
          <cell r="D1209">
            <v>-482912.97892999998</v>
          </cell>
          <cell r="E1209">
            <v>-527747.76160999993</v>
          </cell>
          <cell r="F1209">
            <v>-175188.50176000001</v>
          </cell>
          <cell r="G1209">
            <v>-264.07436999999999</v>
          </cell>
          <cell r="H1209">
            <v>-451299.75205000001</v>
          </cell>
          <cell r="I1209">
            <v>-626752.32817999995</v>
          </cell>
        </row>
        <row r="1210">
          <cell r="A1210" t="str">
            <v>C411</v>
          </cell>
          <cell r="B1210">
            <v>-41254.326849999983</v>
          </cell>
          <cell r="C1210">
            <v>3178.8587699999998</v>
          </cell>
          <cell r="D1210">
            <v>-482912.97892999998</v>
          </cell>
          <cell r="E1210">
            <v>-520988.44701000006</v>
          </cell>
          <cell r="F1210">
            <v>-159124.23736999999</v>
          </cell>
          <cell r="G1210">
            <v>-264.07436999999999</v>
          </cell>
          <cell r="H1210">
            <v>-447799.75205000001</v>
          </cell>
          <cell r="I1210">
            <v>-607188.06379000004</v>
          </cell>
        </row>
        <row r="1211">
          <cell r="A1211" t="str">
            <v>C41102</v>
          </cell>
          <cell r="B1211">
            <v>-41254.326849999983</v>
          </cell>
          <cell r="C1211">
            <v>14113.339050000002</v>
          </cell>
          <cell r="D1211">
            <v>30960.920270000002</v>
          </cell>
          <cell r="E1211">
            <v>3819.9324699999997</v>
          </cell>
          <cell r="F1211">
            <v>-159124.23736999999</v>
          </cell>
          <cell r="G1211">
            <v>-264.07436999999999</v>
          </cell>
          <cell r="H1211">
            <v>77008.627429999993</v>
          </cell>
          <cell r="I1211">
            <v>-82379.684309999997</v>
          </cell>
        </row>
        <row r="1212">
          <cell r="A1212" t="str">
            <v>C41103</v>
          </cell>
          <cell r="B1212">
            <v>0</v>
          </cell>
          <cell r="C1212">
            <v>0</v>
          </cell>
          <cell r="D1212">
            <v>0</v>
          </cell>
          <cell r="E1212">
            <v>0</v>
          </cell>
        </row>
        <row r="1213">
          <cell r="A1213" t="str">
            <v>C41104</v>
          </cell>
          <cell r="B1213">
            <v>0</v>
          </cell>
          <cell r="C1213">
            <v>0</v>
          </cell>
          <cell r="D1213">
            <v>0</v>
          </cell>
          <cell r="E1213">
            <v>0</v>
          </cell>
          <cell r="G1213">
            <v>0</v>
          </cell>
          <cell r="I1213">
            <v>0</v>
          </cell>
        </row>
        <row r="1214">
          <cell r="A1214" t="str">
            <v>C41108</v>
          </cell>
          <cell r="B1214">
            <v>0</v>
          </cell>
          <cell r="C1214">
            <v>0</v>
          </cell>
          <cell r="D1214">
            <v>0</v>
          </cell>
          <cell r="E1214">
            <v>0</v>
          </cell>
          <cell r="G1214">
            <v>0</v>
          </cell>
          <cell r="I1214">
            <v>0</v>
          </cell>
        </row>
        <row r="1215">
          <cell r="A1215" t="str">
            <v>C41107</v>
          </cell>
          <cell r="B1215">
            <v>0</v>
          </cell>
          <cell r="C1215">
            <v>-10934.48028</v>
          </cell>
          <cell r="D1215">
            <v>-513873.89919999999</v>
          </cell>
          <cell r="E1215">
            <v>-524808.37948</v>
          </cell>
          <cell r="G1215">
            <v>0</v>
          </cell>
          <cell r="H1215">
            <v>-524808.37948</v>
          </cell>
          <cell r="I1215">
            <v>-524808.37948</v>
          </cell>
        </row>
        <row r="1216">
          <cell r="A1216" t="str">
            <v>C412</v>
          </cell>
          <cell r="B1216">
            <v>-6759.3146000000006</v>
          </cell>
          <cell r="C1216">
            <v>0</v>
          </cell>
          <cell r="D1216">
            <v>0</v>
          </cell>
          <cell r="E1216">
            <v>-6759.3146000000006</v>
          </cell>
          <cell r="F1216">
            <v>-16064.26439</v>
          </cell>
          <cell r="H1216">
            <v>-3500</v>
          </cell>
          <cell r="I1216">
            <v>-19564.26439</v>
          </cell>
        </row>
        <row r="1217">
          <cell r="A1217" t="str">
            <v>C430</v>
          </cell>
          <cell r="B1217">
            <v>0</v>
          </cell>
          <cell r="C1217">
            <v>0</v>
          </cell>
          <cell r="D1217">
            <v>0</v>
          </cell>
          <cell r="E1217">
            <v>0</v>
          </cell>
          <cell r="G1217">
            <v>0</v>
          </cell>
          <cell r="I1217">
            <v>0</v>
          </cell>
        </row>
        <row r="1218">
          <cell r="A1218" t="str">
            <v>C431</v>
          </cell>
          <cell r="B1218">
            <v>0</v>
          </cell>
          <cell r="C1218">
            <v>0</v>
          </cell>
          <cell r="D1218">
            <v>0</v>
          </cell>
          <cell r="E1218">
            <v>0</v>
          </cell>
          <cell r="G1218">
            <v>0</v>
          </cell>
          <cell r="I1218">
            <v>0</v>
          </cell>
        </row>
        <row r="1219">
          <cell r="A1219" t="str">
            <v>C43101</v>
          </cell>
          <cell r="B1219">
            <v>0</v>
          </cell>
          <cell r="C1219">
            <v>0</v>
          </cell>
          <cell r="D1219">
            <v>0</v>
          </cell>
          <cell r="E1219">
            <v>0</v>
          </cell>
          <cell r="G1219">
            <v>0</v>
          </cell>
          <cell r="I1219">
            <v>0</v>
          </cell>
        </row>
        <row r="1220">
          <cell r="A1220" t="str">
            <v>C440</v>
          </cell>
          <cell r="B1220">
            <v>-9042.1416299999983</v>
          </cell>
          <cell r="C1220">
            <v>0</v>
          </cell>
          <cell r="D1220">
            <v>1474.0521699999999</v>
          </cell>
          <cell r="E1220">
            <v>-7568.0894600000029</v>
          </cell>
          <cell r="F1220">
            <v>-27370.194619999998</v>
          </cell>
          <cell r="G1220">
            <v>-7.2700000000000004E-3</v>
          </cell>
          <cell r="H1220">
            <v>-5608.3287399999999</v>
          </cell>
          <cell r="I1220">
            <v>-32978.530630000001</v>
          </cell>
        </row>
        <row r="1221">
          <cell r="A1221" t="str">
            <v>C510</v>
          </cell>
          <cell r="B1221">
            <v>108.02387</v>
          </cell>
          <cell r="C1221">
            <v>0.26386999999999994</v>
          </cell>
          <cell r="D1221">
            <v>19961.571139999996</v>
          </cell>
          <cell r="E1221">
            <v>20069.858880000003</v>
          </cell>
          <cell r="F1221">
            <v>268.67910000000001</v>
          </cell>
          <cell r="G1221">
            <v>-2.6266799999999999</v>
          </cell>
          <cell r="H1221">
            <v>24160.996019999999</v>
          </cell>
          <cell r="I1221">
            <v>24427.048439999999</v>
          </cell>
        </row>
        <row r="1222">
          <cell r="A1222" t="str">
            <v>C51006</v>
          </cell>
          <cell r="B1222">
            <v>108.02387</v>
          </cell>
          <cell r="C1222">
            <v>0.26386999999999994</v>
          </cell>
          <cell r="D1222">
            <v>19961.571139999996</v>
          </cell>
          <cell r="E1222">
            <v>20069.858880000003</v>
          </cell>
          <cell r="F1222">
            <v>268.67910000000001</v>
          </cell>
          <cell r="G1222">
            <v>-2.6266799999999999</v>
          </cell>
          <cell r="H1222">
            <v>24160.996019999999</v>
          </cell>
          <cell r="I1222">
            <v>24427.048439999999</v>
          </cell>
        </row>
        <row r="1286">
          <cell r="A1286" t="str">
            <v>BS</v>
          </cell>
          <cell r="B1286">
            <v>0</v>
          </cell>
          <cell r="C1286">
            <v>0</v>
          </cell>
          <cell r="D1286">
            <v>0</v>
          </cell>
          <cell r="E1286">
            <v>0</v>
          </cell>
          <cell r="F1286">
            <v>5.8900000000000003E-3</v>
          </cell>
          <cell r="G1286">
            <v>0</v>
          </cell>
          <cell r="H1286">
            <v>4.0000000000000003E-5</v>
          </cell>
          <cell r="I1286">
            <v>5.9300000000000004E-3</v>
          </cell>
        </row>
        <row r="1287">
          <cell r="A1287" t="str">
            <v>B7</v>
          </cell>
          <cell r="B1287">
            <v>-103905.88488</v>
          </cell>
          <cell r="C1287">
            <v>833.51487999999995</v>
          </cell>
          <cell r="D1287">
            <v>40522.404600000002</v>
          </cell>
          <cell r="E1287">
            <v>-62549.965400000001</v>
          </cell>
          <cell r="F1287">
            <v>127732.87332</v>
          </cell>
          <cell r="G1287">
            <v>-116953.61964</v>
          </cell>
          <cell r="H1287">
            <v>1792067.93151</v>
          </cell>
          <cell r="I1287">
            <v>1802847.1851900001</v>
          </cell>
        </row>
        <row r="1288">
          <cell r="A1288" t="str">
            <v>B7</v>
          </cell>
          <cell r="B1288">
            <v>0</v>
          </cell>
          <cell r="C1288">
            <v>0</v>
          </cell>
          <cell r="D1288">
            <v>0</v>
          </cell>
          <cell r="E1288">
            <v>0</v>
          </cell>
          <cell r="F1288">
            <v>0</v>
          </cell>
          <cell r="G1288">
            <v>0</v>
          </cell>
          <cell r="H1288">
            <v>0</v>
          </cell>
          <cell r="I1288">
            <v>0</v>
          </cell>
        </row>
        <row r="1289">
          <cell r="A1289" t="str">
            <v>B3</v>
          </cell>
          <cell r="B1289">
            <v>144913.78878</v>
          </cell>
          <cell r="C1289">
            <v>-190.50626</v>
          </cell>
          <cell r="D1289">
            <v>-303.82990000000001</v>
          </cell>
          <cell r="E1289">
            <v>144419.45262</v>
          </cell>
          <cell r="F1289">
            <v>890375.63208999997</v>
          </cell>
          <cell r="G1289">
            <v>-61944.415260000002</v>
          </cell>
          <cell r="H1289">
            <v>1690253.9794099999</v>
          </cell>
          <cell r="I1289">
            <v>2518685.19624</v>
          </cell>
        </row>
        <row r="1290">
          <cell r="A1290" t="str">
            <v>B100</v>
          </cell>
          <cell r="B1290">
            <v>4464.8895400000001</v>
          </cell>
          <cell r="C1290">
            <v>-46.313859999999998</v>
          </cell>
          <cell r="D1290">
            <v>-58.427509999999998</v>
          </cell>
          <cell r="E1290">
            <v>4360.1481700000004</v>
          </cell>
          <cell r="F1290">
            <v>1616304.75208</v>
          </cell>
          <cell r="G1290">
            <v>4055.33014</v>
          </cell>
          <cell r="H1290">
            <v>4615.71101</v>
          </cell>
          <cell r="I1290">
            <v>1624975.79323</v>
          </cell>
        </row>
        <row r="1291">
          <cell r="A1291" t="str">
            <v>B110</v>
          </cell>
          <cell r="B1291">
            <v>4464.8895400000001</v>
          </cell>
          <cell r="C1291">
            <v>-46.313859999999998</v>
          </cell>
          <cell r="D1291">
            <v>-32.786810000000003</v>
          </cell>
          <cell r="E1291">
            <v>4385.7888700000003</v>
          </cell>
          <cell r="F1291">
            <v>1616304.75208</v>
          </cell>
          <cell r="G1291">
            <v>4055.33014</v>
          </cell>
          <cell r="H1291">
            <v>4257.9618099999998</v>
          </cell>
          <cell r="I1291">
            <v>1624618.04403</v>
          </cell>
        </row>
        <row r="1292">
          <cell r="A1292" t="str">
            <v>B11001</v>
          </cell>
          <cell r="B1292">
            <v>29692.913939999999</v>
          </cell>
          <cell r="D1292">
            <v>10.271039999999999</v>
          </cell>
          <cell r="E1292">
            <v>29703.184980000002</v>
          </cell>
          <cell r="F1292">
            <v>4456821.0129899997</v>
          </cell>
          <cell r="G1292">
            <v>10526.73093</v>
          </cell>
          <cell r="H1292">
            <v>5676.4915000000001</v>
          </cell>
          <cell r="I1292">
            <v>4473024.2354199998</v>
          </cell>
        </row>
        <row r="1293">
          <cell r="A1293" t="str">
            <v>B11003</v>
          </cell>
          <cell r="F1293">
            <v>4477169.1135</v>
          </cell>
          <cell r="G1293">
            <v>10526.698609999999</v>
          </cell>
          <cell r="H1293">
            <v>12842.287249999999</v>
          </cell>
          <cell r="I1293">
            <v>4500538.0993600003</v>
          </cell>
        </row>
        <row r="1294">
          <cell r="A1294" t="str">
            <v>B11004</v>
          </cell>
          <cell r="F1294">
            <v>-113350.75539999999</v>
          </cell>
          <cell r="I1294">
            <v>-113350.75539999999</v>
          </cell>
        </row>
        <row r="1295">
          <cell r="A1295" t="str">
            <v>B11005</v>
          </cell>
          <cell r="B1295">
            <v>29594.130300000001</v>
          </cell>
          <cell r="D1295">
            <v>10.271039999999999</v>
          </cell>
          <cell r="E1295">
            <v>29604.40134</v>
          </cell>
          <cell r="F1295">
            <v>92294.227580000006</v>
          </cell>
          <cell r="G1295">
            <v>3.2320000000000002E-2</v>
          </cell>
          <cell r="H1295">
            <v>-7165.7957500000002</v>
          </cell>
          <cell r="I1295">
            <v>85128.46415</v>
          </cell>
        </row>
        <row r="1296">
          <cell r="A1296" t="str">
            <v>B11006</v>
          </cell>
          <cell r="B1296">
            <v>98.783640000000005</v>
          </cell>
          <cell r="E1296">
            <v>98.783640000000005</v>
          </cell>
          <cell r="F1296">
            <v>708.42731000000003</v>
          </cell>
          <cell r="I1296">
            <v>708.42731000000003</v>
          </cell>
        </row>
        <row r="1297">
          <cell r="A1297" t="str">
            <v>B11021</v>
          </cell>
          <cell r="G1297">
            <v>0</v>
          </cell>
          <cell r="I1297">
            <v>0</v>
          </cell>
        </row>
        <row r="1298">
          <cell r="A1298" t="str">
            <v>B11012</v>
          </cell>
          <cell r="G1298">
            <v>0</v>
          </cell>
          <cell r="I1298">
            <v>0</v>
          </cell>
        </row>
        <row r="1299">
          <cell r="A1299" t="str">
            <v>B11002</v>
          </cell>
          <cell r="B1299">
            <v>-25228.024399999998</v>
          </cell>
          <cell r="C1299">
            <v>-46.313859999999998</v>
          </cell>
          <cell r="D1299">
            <v>-43.057850000000002</v>
          </cell>
          <cell r="E1299">
            <v>-25317.396110000001</v>
          </cell>
          <cell r="F1299">
            <v>-2840516.2609100002</v>
          </cell>
          <cell r="G1299">
            <v>-6471.4007899999997</v>
          </cell>
          <cell r="H1299">
            <v>-1418.5296900000001</v>
          </cell>
          <cell r="I1299">
            <v>-2848406.1913899998</v>
          </cell>
        </row>
        <row r="1300">
          <cell r="A1300" t="str">
            <v>B11014</v>
          </cell>
          <cell r="F1300">
            <v>-2726093.2281200001</v>
          </cell>
          <cell r="G1300">
            <v>-6284.9959900000003</v>
          </cell>
          <cell r="H1300">
            <v>-1267.0253499999999</v>
          </cell>
          <cell r="I1300">
            <v>-2733645.2494600001</v>
          </cell>
        </row>
        <row r="1301">
          <cell r="A1301" t="str">
            <v>B11017</v>
          </cell>
          <cell r="B1301">
            <v>-25228.024399999998</v>
          </cell>
          <cell r="C1301">
            <v>-46.313859999999998</v>
          </cell>
          <cell r="D1301">
            <v>-43.057850000000002</v>
          </cell>
          <cell r="E1301">
            <v>-25317.396110000001</v>
          </cell>
          <cell r="F1301">
            <v>-114423.03279</v>
          </cell>
          <cell r="G1301">
            <v>-186.40479999999999</v>
          </cell>
          <cell r="H1301">
            <v>-151.50434000000001</v>
          </cell>
          <cell r="I1301">
            <v>-114760.94193</v>
          </cell>
        </row>
        <row r="1302">
          <cell r="A1302" t="str">
            <v>B11018</v>
          </cell>
        </row>
        <row r="1303">
          <cell r="A1303" t="str">
            <v>B11025</v>
          </cell>
          <cell r="G1303">
            <v>0</v>
          </cell>
          <cell r="I1303">
            <v>0</v>
          </cell>
        </row>
        <row r="1304">
          <cell r="A1304" t="str">
            <v>B11022</v>
          </cell>
          <cell r="G1304">
            <v>0</v>
          </cell>
          <cell r="I1304">
            <v>0</v>
          </cell>
        </row>
        <row r="1305">
          <cell r="A1305" t="str">
            <v>B120</v>
          </cell>
          <cell r="D1305">
            <v>-25.640699999999999</v>
          </cell>
          <cell r="E1305">
            <v>-25.640699999999999</v>
          </cell>
          <cell r="H1305">
            <v>310.63756000000001</v>
          </cell>
          <cell r="I1305">
            <v>310.63756000000001</v>
          </cell>
        </row>
        <row r="1306">
          <cell r="A1306" t="str">
            <v>B12004</v>
          </cell>
          <cell r="H1306">
            <v>1559.7547400000001</v>
          </cell>
          <cell r="I1306">
            <v>1559.7547400000001</v>
          </cell>
        </row>
        <row r="1307">
          <cell r="A1307" t="str">
            <v>B12006</v>
          </cell>
          <cell r="H1307">
            <v>1559.7547400000001</v>
          </cell>
          <cell r="I1307">
            <v>1559.7547400000001</v>
          </cell>
        </row>
        <row r="1308">
          <cell r="A1308" t="str">
            <v>B12051</v>
          </cell>
          <cell r="H1308">
            <v>1559.7547300000001</v>
          </cell>
          <cell r="I1308">
            <v>1559.7547300000001</v>
          </cell>
        </row>
        <row r="1309">
          <cell r="A1309" t="str">
            <v>B12017</v>
          </cell>
          <cell r="H1309">
            <v>1.0000000000000001E-5</v>
          </cell>
          <cell r="I1309">
            <v>1.0000000000000001E-5</v>
          </cell>
        </row>
        <row r="1310">
          <cell r="A1310" t="str">
            <v>B12005</v>
          </cell>
          <cell r="D1310">
            <v>-25.640699999999999</v>
          </cell>
          <cell r="E1310">
            <v>-25.640699999999999</v>
          </cell>
          <cell r="H1310">
            <v>-1249.11718</v>
          </cell>
          <cell r="I1310">
            <v>-1249.11718</v>
          </cell>
        </row>
        <row r="1311">
          <cell r="A1311" t="str">
            <v>B12010</v>
          </cell>
          <cell r="H1311">
            <v>-1146.55438</v>
          </cell>
          <cell r="I1311">
            <v>-1146.55438</v>
          </cell>
        </row>
        <row r="1312">
          <cell r="A1312" t="str">
            <v>B12031</v>
          </cell>
          <cell r="H1312">
            <v>-1146.5543700000001</v>
          </cell>
          <cell r="I1312">
            <v>-1146.5543700000001</v>
          </cell>
        </row>
        <row r="1313">
          <cell r="A1313" t="str">
            <v>B12032</v>
          </cell>
          <cell r="H1313">
            <v>-1.0000000000000001E-5</v>
          </cell>
          <cell r="I1313">
            <v>-1.0000000000000001E-5</v>
          </cell>
        </row>
        <row r="1314">
          <cell r="A1314" t="str">
            <v>B12011</v>
          </cell>
          <cell r="D1314">
            <v>-25.640699999999999</v>
          </cell>
          <cell r="E1314">
            <v>-25.640699999999999</v>
          </cell>
          <cell r="H1314">
            <v>-102.5628</v>
          </cell>
          <cell r="I1314">
            <v>-102.5628</v>
          </cell>
        </row>
        <row r="1315">
          <cell r="A1315" t="str">
            <v>B12046</v>
          </cell>
          <cell r="D1315">
            <v>-25.640699999999999</v>
          </cell>
          <cell r="E1315">
            <v>-25.640699999999999</v>
          </cell>
          <cell r="H1315">
            <v>-102.5628</v>
          </cell>
          <cell r="I1315">
            <v>-102.5628</v>
          </cell>
        </row>
        <row r="1316">
          <cell r="A1316" t="str">
            <v>B130</v>
          </cell>
          <cell r="G1316">
            <v>0</v>
          </cell>
          <cell r="H1316">
            <v>47.111640000000001</v>
          </cell>
          <cell r="I1316">
            <v>47.111640000000001</v>
          </cell>
        </row>
        <row r="1317">
          <cell r="A1317" t="str">
            <v>B132</v>
          </cell>
          <cell r="G1317">
            <v>0</v>
          </cell>
          <cell r="H1317">
            <v>47.111640000000001</v>
          </cell>
          <cell r="I1317">
            <v>47.111640000000001</v>
          </cell>
        </row>
        <row r="1318">
          <cell r="A1318" t="str">
            <v>B13201</v>
          </cell>
          <cell r="H1318">
            <v>47.111640000000001</v>
          </cell>
          <cell r="I1318">
            <v>47.111640000000001</v>
          </cell>
        </row>
        <row r="1319">
          <cell r="A1319" t="str">
            <v>B13202</v>
          </cell>
          <cell r="G1319">
            <v>0</v>
          </cell>
          <cell r="I1319">
            <v>0</v>
          </cell>
        </row>
        <row r="1320">
          <cell r="A1320" t="str">
            <v>B13204</v>
          </cell>
        </row>
        <row r="1321">
          <cell r="A1321" t="str">
            <v>B13205</v>
          </cell>
          <cell r="G1321">
            <v>0</v>
          </cell>
          <cell r="I1321">
            <v>0</v>
          </cell>
        </row>
        <row r="1322">
          <cell r="A1322" t="str">
            <v>B200</v>
          </cell>
          <cell r="B1322">
            <v>-2378.0267600000002</v>
          </cell>
          <cell r="C1322">
            <v>-290.66487000000001</v>
          </cell>
          <cell r="D1322">
            <v>-1098.6384499999999</v>
          </cell>
          <cell r="E1322">
            <v>-3767.3300800000002</v>
          </cell>
          <cell r="F1322">
            <v>3630.08698</v>
          </cell>
          <cell r="G1322">
            <v>5209.2454799999996</v>
          </cell>
          <cell r="H1322">
            <v>93065.608619999999</v>
          </cell>
          <cell r="I1322">
            <v>101904.94108</v>
          </cell>
        </row>
        <row r="1323">
          <cell r="A1323" t="str">
            <v>B270</v>
          </cell>
          <cell r="B1323">
            <v>-2378.0267600000002</v>
          </cell>
          <cell r="C1323">
            <v>-290.66487000000001</v>
          </cell>
          <cell r="D1323">
            <v>-1098.6384499999999</v>
          </cell>
          <cell r="E1323">
            <v>-3767.3300800000002</v>
          </cell>
          <cell r="F1323">
            <v>3630.08698</v>
          </cell>
          <cell r="G1323">
            <v>5209.2454799999996</v>
          </cell>
          <cell r="H1323">
            <v>93065.608619999999</v>
          </cell>
          <cell r="I1323">
            <v>101904.94108</v>
          </cell>
        </row>
        <row r="1324">
          <cell r="A1324" t="str">
            <v>B250</v>
          </cell>
          <cell r="B1324">
            <v>72651.120569999999</v>
          </cell>
          <cell r="D1324">
            <v>-43139.217239999998</v>
          </cell>
          <cell r="E1324">
            <v>29511.903330000001</v>
          </cell>
          <cell r="F1324">
            <v>-73325.522679999995</v>
          </cell>
          <cell r="G1324">
            <v>-22.75723</v>
          </cell>
          <cell r="H1324">
            <v>449835.23361</v>
          </cell>
          <cell r="I1324">
            <v>376486.95370000001</v>
          </cell>
        </row>
        <row r="1325">
          <cell r="A1325" t="str">
            <v>B300</v>
          </cell>
          <cell r="B1325">
            <v>70175.805429999993</v>
          </cell>
          <cell r="C1325">
            <v>146.47246999999999</v>
          </cell>
          <cell r="D1325">
            <v>43992.453300000001</v>
          </cell>
          <cell r="E1325">
            <v>114314.73119999999</v>
          </cell>
          <cell r="F1325">
            <v>-656233.68429</v>
          </cell>
          <cell r="G1325">
            <v>-71186.233649999995</v>
          </cell>
          <cell r="H1325">
            <v>1142737.4261700001</v>
          </cell>
          <cell r="I1325">
            <v>415317.50822999998</v>
          </cell>
        </row>
        <row r="1326">
          <cell r="A1326" t="str">
            <v>B310</v>
          </cell>
          <cell r="B1326">
            <v>36031.67482</v>
          </cell>
          <cell r="D1326">
            <v>-2467.23801</v>
          </cell>
          <cell r="E1326">
            <v>33564.436809999999</v>
          </cell>
          <cell r="F1326">
            <v>55744.080260000002</v>
          </cell>
          <cell r="G1326">
            <v>0</v>
          </cell>
          <cell r="H1326">
            <v>7980.0139799999997</v>
          </cell>
          <cell r="I1326">
            <v>63724.094239999999</v>
          </cell>
        </row>
        <row r="1327">
          <cell r="A1327" t="str">
            <v>B320</v>
          </cell>
          <cell r="B1327">
            <v>-55092.265760000002</v>
          </cell>
          <cell r="C1327">
            <v>146.47246000000001</v>
          </cell>
          <cell r="D1327">
            <v>4567.5778399999999</v>
          </cell>
          <cell r="E1327">
            <v>-50378.215459999999</v>
          </cell>
          <cell r="F1327">
            <v>-1852598.13142</v>
          </cell>
          <cell r="G1327">
            <v>-71387.859559999997</v>
          </cell>
          <cell r="H1327">
            <v>1902915.3045300001</v>
          </cell>
          <cell r="I1327">
            <v>-21070.686450000001</v>
          </cell>
        </row>
        <row r="1328">
          <cell r="A1328" t="str">
            <v>B321</v>
          </cell>
          <cell r="F1328">
            <v>21078.066630000001</v>
          </cell>
          <cell r="I1328">
            <v>21078.066630000001</v>
          </cell>
        </row>
        <row r="1329">
          <cell r="A1329" t="str">
            <v>B322</v>
          </cell>
          <cell r="F1329">
            <v>-209.54013</v>
          </cell>
          <cell r="G1329">
            <v>209.54013</v>
          </cell>
          <cell r="I1329">
            <v>0</v>
          </cell>
        </row>
        <row r="1330">
          <cell r="A1330" t="str">
            <v>B330</v>
          </cell>
          <cell r="B1330">
            <v>89236.396370000002</v>
          </cell>
          <cell r="C1330">
            <v>1.0000000000000001E-5</v>
          </cell>
          <cell r="D1330">
            <v>41892.113469999997</v>
          </cell>
          <cell r="E1330">
            <v>131128.50985</v>
          </cell>
          <cell r="F1330">
            <v>1119751.8403700001</v>
          </cell>
          <cell r="G1330">
            <v>-7.9142200000000003</v>
          </cell>
          <cell r="H1330">
            <v>-768157.89234000002</v>
          </cell>
          <cell r="I1330">
            <v>351586.03380999999</v>
          </cell>
        </row>
        <row r="1331">
          <cell r="A1331" t="str">
            <v>B332</v>
          </cell>
          <cell r="B1331">
            <v>89236.396370000002</v>
          </cell>
          <cell r="C1331">
            <v>1.0000000000000001E-5</v>
          </cell>
          <cell r="D1331">
            <v>41892.113469999997</v>
          </cell>
          <cell r="E1331">
            <v>131128.50985</v>
          </cell>
          <cell r="F1331">
            <v>1119751.8403700001</v>
          </cell>
          <cell r="G1331">
            <v>-7.9142200000000003</v>
          </cell>
          <cell r="H1331">
            <v>-768157.89234000002</v>
          </cell>
          <cell r="I1331">
            <v>351586.03380999999</v>
          </cell>
        </row>
        <row r="1332">
          <cell r="A1332" t="str">
            <v>B400</v>
          </cell>
          <cell r="B1332">
            <v>-248097.51250000001</v>
          </cell>
          <cell r="C1332">
            <v>1024.0211400000001</v>
          </cell>
          <cell r="D1332">
            <v>41204.921289999998</v>
          </cell>
          <cell r="E1332">
            <v>-205868.57006999999</v>
          </cell>
          <cell r="F1332">
            <v>-367560.85571999999</v>
          </cell>
          <cell r="G1332">
            <v>-55009.204380000003</v>
          </cell>
          <cell r="H1332">
            <v>84358.461169999995</v>
          </cell>
          <cell r="I1332">
            <v>-338211.59892999998</v>
          </cell>
        </row>
        <row r="1333">
          <cell r="A1333" t="str">
            <v>B410</v>
          </cell>
          <cell r="B1333">
            <v>-220964.65865</v>
          </cell>
          <cell r="C1333">
            <v>1512.8932299999999</v>
          </cell>
          <cell r="D1333">
            <v>17853.086329999998</v>
          </cell>
          <cell r="E1333">
            <v>-201598.67908999999</v>
          </cell>
          <cell r="F1333">
            <v>-124370.50358</v>
          </cell>
          <cell r="G1333">
            <v>-69385.827839999998</v>
          </cell>
          <cell r="H1333">
            <v>-122580.99099000001</v>
          </cell>
          <cell r="I1333">
            <v>-316337.32241000002</v>
          </cell>
        </row>
        <row r="1334">
          <cell r="A1334" t="str">
            <v>B411</v>
          </cell>
          <cell r="B1334">
            <v>-221132.31031</v>
          </cell>
          <cell r="C1334">
            <v>1512.8932299999999</v>
          </cell>
          <cell r="D1334">
            <v>17919.613290000001</v>
          </cell>
          <cell r="E1334">
            <v>-201699.80379000001</v>
          </cell>
          <cell r="F1334">
            <v>-120735.64494</v>
          </cell>
          <cell r="G1334">
            <v>-69385.827839999998</v>
          </cell>
          <cell r="H1334">
            <v>-115532.98832999999</v>
          </cell>
          <cell r="I1334">
            <v>-305654.46110999997</v>
          </cell>
        </row>
        <row r="1335">
          <cell r="A1335" t="str">
            <v>B413</v>
          </cell>
          <cell r="B1335">
            <v>167.65165999999999</v>
          </cell>
          <cell r="D1335">
            <v>-66.526960000000003</v>
          </cell>
          <cell r="E1335">
            <v>101.1247</v>
          </cell>
          <cell r="F1335">
            <v>-3634.8586399999999</v>
          </cell>
          <cell r="H1335">
            <v>-7048.0026600000001</v>
          </cell>
          <cell r="I1335">
            <v>-10682.8613</v>
          </cell>
        </row>
        <row r="1336">
          <cell r="A1336" t="str">
            <v>B420</v>
          </cell>
          <cell r="B1336">
            <v>-27132.85385</v>
          </cell>
          <cell r="C1336">
            <v>-488.87209000000001</v>
          </cell>
          <cell r="D1336">
            <v>23351.83496</v>
          </cell>
          <cell r="E1336">
            <v>-4269.8909800000001</v>
          </cell>
          <cell r="F1336">
            <v>-243190.35214</v>
          </cell>
          <cell r="G1336">
            <v>14376.623460000001</v>
          </cell>
          <cell r="H1336">
            <v>206939.45215999999</v>
          </cell>
          <cell r="I1336">
            <v>-21874.276519999999</v>
          </cell>
        </row>
        <row r="1337">
          <cell r="A1337" t="str">
            <v>B421</v>
          </cell>
          <cell r="B1337">
            <v>-24060.09764</v>
          </cell>
          <cell r="D1337">
            <v>20490.334589999999</v>
          </cell>
          <cell r="E1337">
            <v>-3569.76305</v>
          </cell>
          <cell r="F1337">
            <v>-250834.92064999999</v>
          </cell>
          <cell r="G1337">
            <v>-989.44628999999998</v>
          </cell>
          <cell r="H1337">
            <v>230650.21835000001</v>
          </cell>
          <cell r="I1337">
            <v>-21174.148590000001</v>
          </cell>
        </row>
        <row r="1338">
          <cell r="A1338" t="str">
            <v>B42101</v>
          </cell>
          <cell r="D1338">
            <v>20490.334589999999</v>
          </cell>
          <cell r="E1338">
            <v>20490.334589999999</v>
          </cell>
          <cell r="H1338">
            <v>65134.18116</v>
          </cell>
          <cell r="I1338">
            <v>65134.18116</v>
          </cell>
        </row>
        <row r="1339">
          <cell r="A1339" t="str">
            <v>B42102</v>
          </cell>
          <cell r="B1339">
            <v>-24060.09764</v>
          </cell>
          <cell r="E1339">
            <v>-24060.09764</v>
          </cell>
          <cell r="F1339">
            <v>-52871.3796</v>
          </cell>
          <cell r="H1339">
            <v>63.555909999999997</v>
          </cell>
          <cell r="I1339">
            <v>-52807.823689999997</v>
          </cell>
        </row>
        <row r="1340">
          <cell r="A1340" t="str">
            <v>B42103</v>
          </cell>
          <cell r="F1340">
            <v>-198971.75786000001</v>
          </cell>
          <cell r="G1340">
            <v>-989.44628999999998</v>
          </cell>
          <cell r="H1340">
            <v>165452.48128000001</v>
          </cell>
          <cell r="I1340">
            <v>-34508.722869999998</v>
          </cell>
        </row>
        <row r="1341">
          <cell r="A1341" t="str">
            <v>B42104</v>
          </cell>
          <cell r="F1341">
            <v>1008.21681</v>
          </cell>
          <cell r="I1341">
            <v>1008.21681</v>
          </cell>
        </row>
        <row r="1342">
          <cell r="A1342" t="str">
            <v>B422</v>
          </cell>
          <cell r="B1342">
            <v>-3072.75621</v>
          </cell>
          <cell r="C1342">
            <v>-488.87209000000001</v>
          </cell>
          <cell r="D1342">
            <v>2861.5003700000002</v>
          </cell>
          <cell r="E1342">
            <v>-700.12792999999999</v>
          </cell>
          <cell r="F1342">
            <v>7644.5685100000001</v>
          </cell>
          <cell r="G1342">
            <v>15366.069750000001</v>
          </cell>
          <cell r="H1342">
            <v>-23710.766189999998</v>
          </cell>
          <cell r="I1342">
            <v>-700.12792999999999</v>
          </cell>
        </row>
        <row r="1343">
          <cell r="A1343" t="str">
            <v>B500</v>
          </cell>
          <cell r="H1343">
            <v>0</v>
          </cell>
          <cell r="I1343">
            <v>0</v>
          </cell>
        </row>
        <row r="1344">
          <cell r="A1344" t="str">
            <v>B600</v>
          </cell>
          <cell r="B1344">
            <v>-722.16116</v>
          </cell>
          <cell r="D1344">
            <v>-378.68678999999997</v>
          </cell>
          <cell r="E1344">
            <v>-1100.8479500000001</v>
          </cell>
          <cell r="F1344">
            <v>-395081.90305000002</v>
          </cell>
          <cell r="G1344">
            <v>0</v>
          </cell>
          <cell r="H1344">
            <v>17455.49093</v>
          </cell>
          <cell r="I1344">
            <v>-377626.41211999999</v>
          </cell>
        </row>
        <row r="1345">
          <cell r="A1345" t="str">
            <v>B630</v>
          </cell>
        </row>
        <row r="1346">
          <cell r="A1346" t="str">
            <v>B640</v>
          </cell>
          <cell r="B1346">
            <v>-1743.0019400000001</v>
          </cell>
          <cell r="E1346">
            <v>-1743.0019400000001</v>
          </cell>
          <cell r="F1346">
            <v>-360801.40048000001</v>
          </cell>
          <cell r="I1346">
            <v>-360801.40048000001</v>
          </cell>
        </row>
        <row r="1347">
          <cell r="A1347" t="str">
            <v>B64001</v>
          </cell>
          <cell r="F1347">
            <v>-353829.39272</v>
          </cell>
          <cell r="I1347">
            <v>-353829.39272</v>
          </cell>
        </row>
        <row r="1348">
          <cell r="A1348" t="str">
            <v>B64003</v>
          </cell>
          <cell r="B1348">
            <v>-1743.0019400000001</v>
          </cell>
          <cell r="E1348">
            <v>-1743.0019400000001</v>
          </cell>
          <cell r="F1348">
            <v>-6972.0077600000004</v>
          </cell>
          <cell r="I1348">
            <v>-6972.0077600000004</v>
          </cell>
        </row>
        <row r="1349">
          <cell r="A1349" t="str">
            <v>B64007</v>
          </cell>
        </row>
        <row r="1350">
          <cell r="A1350" t="str">
            <v>B650</v>
          </cell>
          <cell r="B1350">
            <v>1020.84078</v>
          </cell>
          <cell r="D1350">
            <v>-378.68678999999997</v>
          </cell>
          <cell r="E1350">
            <v>642.15399000000002</v>
          </cell>
          <cell r="F1350">
            <v>-34280.502569999997</v>
          </cell>
          <cell r="G1350">
            <v>0</v>
          </cell>
          <cell r="H1350">
            <v>17455.49093</v>
          </cell>
          <cell r="I1350">
            <v>-16825.011640000001</v>
          </cell>
        </row>
        <row r="1351">
          <cell r="A1351" t="str">
            <v>B65001</v>
          </cell>
          <cell r="B1351">
            <v>354.16471000000001</v>
          </cell>
          <cell r="D1351">
            <v>279.98061999999999</v>
          </cell>
          <cell r="E1351">
            <v>634.14532999999994</v>
          </cell>
          <cell r="F1351">
            <v>-16855.10195</v>
          </cell>
          <cell r="H1351">
            <v>279.98061999999999</v>
          </cell>
          <cell r="I1351">
            <v>-16575.121330000002</v>
          </cell>
        </row>
        <row r="1352">
          <cell r="A1352" t="str">
            <v>B65002</v>
          </cell>
          <cell r="F1352">
            <v>-16716.97033</v>
          </cell>
          <cell r="I1352">
            <v>-16716.97033</v>
          </cell>
        </row>
        <row r="1353">
          <cell r="A1353" t="str">
            <v>B65004</v>
          </cell>
          <cell r="B1353">
            <v>271.87243000000001</v>
          </cell>
          <cell r="E1353">
            <v>271.87243000000001</v>
          </cell>
          <cell r="F1353">
            <v>-220.4239</v>
          </cell>
          <cell r="I1353">
            <v>-220.4239</v>
          </cell>
        </row>
        <row r="1354">
          <cell r="A1354" t="str">
            <v>B65007</v>
          </cell>
          <cell r="B1354">
            <v>82.292280000000005</v>
          </cell>
          <cell r="D1354">
            <v>279.98061999999999</v>
          </cell>
          <cell r="E1354">
            <v>362.27289999999999</v>
          </cell>
          <cell r="F1354">
            <v>82.292280000000005</v>
          </cell>
          <cell r="H1354">
            <v>279.98061999999999</v>
          </cell>
          <cell r="I1354">
            <v>362.27289999999999</v>
          </cell>
        </row>
        <row r="1355">
          <cell r="A1355" t="str">
            <v>B65031P</v>
          </cell>
          <cell r="B1355">
            <v>666.67606999999998</v>
          </cell>
          <cell r="D1355">
            <v>-658.66741000000002</v>
          </cell>
          <cell r="E1355">
            <v>8.0086600000000008</v>
          </cell>
          <cell r="F1355">
            <v>-17425.40062</v>
          </cell>
          <cell r="G1355">
            <v>0</v>
          </cell>
          <cell r="H1355">
            <v>17175.510310000001</v>
          </cell>
          <cell r="I1355">
            <v>-249.89031</v>
          </cell>
        </row>
        <row r="1356">
          <cell r="A1356" t="str">
            <v>B65035</v>
          </cell>
          <cell r="F1356">
            <v>27416.678879999999</v>
          </cell>
          <cell r="H1356">
            <v>17316.062480000001</v>
          </cell>
          <cell r="I1356">
            <v>44732.74136</v>
          </cell>
        </row>
        <row r="1357">
          <cell r="A1357" t="str">
            <v>B65034</v>
          </cell>
          <cell r="B1357">
            <v>666.67606999999998</v>
          </cell>
          <cell r="D1357">
            <v>-658.66741000000002</v>
          </cell>
          <cell r="E1357">
            <v>8.0086600000000008</v>
          </cell>
          <cell r="F1357">
            <v>149.12565000000001</v>
          </cell>
          <cell r="G1357">
            <v>0</v>
          </cell>
          <cell r="H1357">
            <v>-140.55216999999999</v>
          </cell>
          <cell r="I1357">
            <v>8.57348</v>
          </cell>
        </row>
        <row r="1358">
          <cell r="A1358" t="str">
            <v>B65031</v>
          </cell>
          <cell r="F1358">
            <v>-44991.205150000002</v>
          </cell>
          <cell r="I1358">
            <v>-44991.205150000002</v>
          </cell>
        </row>
        <row r="1359">
          <cell r="A1359" t="str">
            <v>B800</v>
          </cell>
          <cell r="B1359">
            <v>-24450.741119999999</v>
          </cell>
          <cell r="C1359">
            <v>125.25973</v>
          </cell>
          <cell r="D1359">
            <v>71745.150720000005</v>
          </cell>
          <cell r="E1359">
            <v>47419.669329999997</v>
          </cell>
          <cell r="F1359">
            <v>2970794.8974700002</v>
          </cell>
          <cell r="G1359">
            <v>-676684.32201</v>
          </cell>
          <cell r="H1359">
            <v>-2587419.1797400001</v>
          </cell>
          <cell r="I1359">
            <v>-293308.60428000003</v>
          </cell>
        </row>
        <row r="1360">
          <cell r="A1360" t="str">
            <v>B810</v>
          </cell>
          <cell r="F1360">
            <v>-756.90105000000005</v>
          </cell>
          <cell r="G1360">
            <v>95000</v>
          </cell>
          <cell r="H1360">
            <v>-1475695.7324000001</v>
          </cell>
          <cell r="I1360">
            <v>-1381452.6334500001</v>
          </cell>
        </row>
        <row r="1361">
          <cell r="A1361" t="str">
            <v>B81001</v>
          </cell>
          <cell r="F1361">
            <v>-756.90105000000005</v>
          </cell>
          <cell r="G1361">
            <v>95000</v>
          </cell>
          <cell r="H1361">
            <v>-1475695.7324000001</v>
          </cell>
          <cell r="I1361">
            <v>-1381452.6334500001</v>
          </cell>
        </row>
        <row r="1362">
          <cell r="A1362" t="str">
            <v>B81004</v>
          </cell>
          <cell r="F1362">
            <v>-756.90105000000005</v>
          </cell>
          <cell r="G1362">
            <v>95000</v>
          </cell>
          <cell r="H1362">
            <v>-1475695.7324000001</v>
          </cell>
          <cell r="I1362">
            <v>-1381452.6334500001</v>
          </cell>
        </row>
        <row r="1363">
          <cell r="A1363" t="str">
            <v>B81009</v>
          </cell>
        </row>
        <row r="1364">
          <cell r="A1364" t="str">
            <v>B81025</v>
          </cell>
        </row>
        <row r="1365">
          <cell r="A1365" t="str">
            <v>B81026</v>
          </cell>
        </row>
        <row r="1366">
          <cell r="A1366" t="str">
            <v>B81010</v>
          </cell>
          <cell r="F1366">
            <v>-756.90105000000005</v>
          </cell>
          <cell r="G1366">
            <v>95000</v>
          </cell>
          <cell r="H1366">
            <v>-1475695.7324000001</v>
          </cell>
          <cell r="I1366">
            <v>-1381452.6334500001</v>
          </cell>
        </row>
        <row r="1367">
          <cell r="A1367" t="str">
            <v>B81027</v>
          </cell>
          <cell r="F1367">
            <v>-756.90105000000005</v>
          </cell>
          <cell r="G1367">
            <v>95000</v>
          </cell>
          <cell r="H1367">
            <v>-1475695.7324000001</v>
          </cell>
          <cell r="I1367">
            <v>-1381452.6334500001</v>
          </cell>
        </row>
        <row r="1368">
          <cell r="A1368" t="str">
            <v>B81028</v>
          </cell>
        </row>
        <row r="1369">
          <cell r="A1369" t="str">
            <v>B81029</v>
          </cell>
          <cell r="G1369">
            <v>0</v>
          </cell>
          <cell r="I1369">
            <v>0</v>
          </cell>
        </row>
        <row r="1370">
          <cell r="A1370" t="str">
            <v>B820</v>
          </cell>
          <cell r="B1370">
            <v>-24450.741119999999</v>
          </cell>
          <cell r="C1370">
            <v>125.25973</v>
          </cell>
          <cell r="D1370">
            <v>71745.150720000005</v>
          </cell>
          <cell r="E1370">
            <v>47419.669329999997</v>
          </cell>
          <cell r="F1370">
            <v>2971551.7985200002</v>
          </cell>
          <cell r="G1370">
            <v>-771684.32201</v>
          </cell>
          <cell r="H1370">
            <v>-1111723.44734</v>
          </cell>
          <cell r="I1370">
            <v>1088144.02917</v>
          </cell>
        </row>
        <row r="1371">
          <cell r="A1371" t="str">
            <v>B821</v>
          </cell>
          <cell r="B1371">
            <v>-24450.741119999999</v>
          </cell>
          <cell r="C1371">
            <v>125.25973</v>
          </cell>
          <cell r="D1371">
            <v>71745.150720000005</v>
          </cell>
          <cell r="E1371">
            <v>47419.669329999997</v>
          </cell>
          <cell r="F1371">
            <v>2971551.7985200002</v>
          </cell>
          <cell r="G1371">
            <v>-771684.32201</v>
          </cell>
          <cell r="H1371">
            <v>-1111723.44734</v>
          </cell>
          <cell r="I1371">
            <v>1088144.02917</v>
          </cell>
        </row>
        <row r="1372">
          <cell r="A1372" t="str">
            <v>B82101</v>
          </cell>
          <cell r="F1372">
            <v>3287832.5976499999</v>
          </cell>
          <cell r="G1372">
            <v>-770796.81995999999</v>
          </cell>
          <cell r="H1372">
            <v>-1786059.22753</v>
          </cell>
          <cell r="I1372">
            <v>730976.55015999998</v>
          </cell>
        </row>
        <row r="1373">
          <cell r="A1373" t="str">
            <v>B82102</v>
          </cell>
          <cell r="B1373">
            <v>-24439.21039</v>
          </cell>
          <cell r="C1373">
            <v>59.623420000000003</v>
          </cell>
          <cell r="D1373">
            <v>71799.256299999994</v>
          </cell>
          <cell r="E1373">
            <v>47419.669329999997</v>
          </cell>
          <cell r="F1373">
            <v>-316269.2684</v>
          </cell>
          <cell r="G1373">
            <v>-953.13836000000003</v>
          </cell>
          <cell r="H1373">
            <v>149581.50628999999</v>
          </cell>
          <cell r="I1373">
            <v>-167640.90046999999</v>
          </cell>
        </row>
        <row r="1374">
          <cell r="A1374" t="str">
            <v>B82115</v>
          </cell>
          <cell r="B1374">
            <v>-11.53073</v>
          </cell>
          <cell r="C1374">
            <v>65.636309999999995</v>
          </cell>
          <cell r="D1374">
            <v>-54.105580000000003</v>
          </cell>
          <cell r="E1374">
            <v>0</v>
          </cell>
          <cell r="F1374">
            <v>-11.53073</v>
          </cell>
          <cell r="G1374">
            <v>65.636309999999995</v>
          </cell>
          <cell r="H1374">
            <v>524754.27390000003</v>
          </cell>
          <cell r="I1374">
            <v>524808.37948</v>
          </cell>
        </row>
        <row r="1375">
          <cell r="A1375" t="str">
            <v>B900</v>
          </cell>
          <cell r="B1375">
            <v>128356.626</v>
          </cell>
          <cell r="C1375">
            <v>-958.77461000000005</v>
          </cell>
          <cell r="D1375">
            <v>-112267.55532</v>
          </cell>
          <cell r="E1375">
            <v>15130.29607</v>
          </cell>
          <cell r="F1375">
            <v>-3098527.7648999998</v>
          </cell>
          <cell r="G1375">
            <v>793637.94165000005</v>
          </cell>
          <cell r="H1375">
            <v>795351.24826999998</v>
          </cell>
          <cell r="I1375">
            <v>-1509538.57498</v>
          </cell>
        </row>
        <row r="1376">
          <cell r="A1376" t="str">
            <v>B910</v>
          </cell>
          <cell r="B1376">
            <v>121716.70479</v>
          </cell>
          <cell r="C1376">
            <v>-958.77461000000005</v>
          </cell>
          <cell r="D1376">
            <v>-112267.55532</v>
          </cell>
          <cell r="E1376">
            <v>8490.3748599999999</v>
          </cell>
          <cell r="F1376">
            <v>-3327690.1998899998</v>
          </cell>
          <cell r="G1376">
            <v>793557.79047000001</v>
          </cell>
          <cell r="H1376">
            <v>1101922.5687800001</v>
          </cell>
          <cell r="I1376">
            <v>-1432209.8406400001</v>
          </cell>
        </row>
        <row r="1377">
          <cell r="A1377" t="str">
            <v>B912</v>
          </cell>
          <cell r="B1377">
            <v>121716.70479</v>
          </cell>
          <cell r="C1377">
            <v>-958.77461000000005</v>
          </cell>
          <cell r="D1377">
            <v>-112267.55532</v>
          </cell>
          <cell r="E1377">
            <v>8490.3748599999999</v>
          </cell>
          <cell r="F1377">
            <v>-2957326.46746</v>
          </cell>
          <cell r="G1377">
            <v>793557.79047000001</v>
          </cell>
          <cell r="H1377">
            <v>1187460.7132699999</v>
          </cell>
          <cell r="I1377">
            <v>-976307.96372</v>
          </cell>
        </row>
        <row r="1378">
          <cell r="A1378" t="str">
            <v>B91201</v>
          </cell>
          <cell r="B1378">
            <v>121842.39683</v>
          </cell>
          <cell r="C1378">
            <v>-715.25847999999996</v>
          </cell>
          <cell r="D1378">
            <v>-103968.18376</v>
          </cell>
          <cell r="E1378">
            <v>17158.954590000001</v>
          </cell>
          <cell r="F1378">
            <v>-4696977.7434299998</v>
          </cell>
          <cell r="G1378">
            <v>677621.06625000003</v>
          </cell>
          <cell r="H1378">
            <v>3084982.5194999999</v>
          </cell>
          <cell r="I1378">
            <v>-934374.15767999995</v>
          </cell>
        </row>
        <row r="1379">
          <cell r="A1379" t="str">
            <v>B91202</v>
          </cell>
          <cell r="B1379">
            <v>-125.69204000000001</v>
          </cell>
          <cell r="C1379">
            <v>-243.51613</v>
          </cell>
          <cell r="D1379">
            <v>-8299.3715599999996</v>
          </cell>
          <cell r="E1379">
            <v>-8668.5797299999995</v>
          </cell>
          <cell r="F1379">
            <v>1739651.2759700001</v>
          </cell>
          <cell r="G1379">
            <v>115936.72422</v>
          </cell>
          <cell r="H1379">
            <v>-1897521.80623</v>
          </cell>
          <cell r="I1379">
            <v>-41933.806040000003</v>
          </cell>
        </row>
        <row r="1380">
          <cell r="A1380" t="str">
            <v>B913P</v>
          </cell>
          <cell r="F1380">
            <v>-370363.73242999997</v>
          </cell>
          <cell r="H1380">
            <v>-85538.144490000006</v>
          </cell>
          <cell r="I1380">
            <v>-455901.87692000001</v>
          </cell>
        </row>
        <row r="1381">
          <cell r="A1381" t="str">
            <v>B91301</v>
          </cell>
          <cell r="F1381">
            <v>-370363.73242999997</v>
          </cell>
          <cell r="H1381">
            <v>-104899.70086</v>
          </cell>
          <cell r="I1381">
            <v>-475263.43329000002</v>
          </cell>
        </row>
        <row r="1382">
          <cell r="A1382" t="str">
            <v>B91302</v>
          </cell>
        </row>
        <row r="1383">
          <cell r="A1383" t="str">
            <v>B91305</v>
          </cell>
          <cell r="H1383">
            <v>19361.556369999998</v>
          </cell>
          <cell r="I1383">
            <v>19361.556369999998</v>
          </cell>
        </row>
        <row r="1384">
          <cell r="A1384" t="str">
            <v>B920</v>
          </cell>
          <cell r="B1384">
            <v>6639.9212100000004</v>
          </cell>
          <cell r="E1384">
            <v>6639.9212100000004</v>
          </cell>
          <cell r="F1384">
            <v>229162.43499000001</v>
          </cell>
          <cell r="G1384">
            <v>80.151179999999997</v>
          </cell>
          <cell r="H1384">
            <v>-306571.32050999999</v>
          </cell>
          <cell r="I1384">
            <v>-77328.734339999995</v>
          </cell>
        </row>
        <row r="1385">
          <cell r="A1385" t="str">
            <v>B92001</v>
          </cell>
          <cell r="F1385">
            <v>0.27742</v>
          </cell>
          <cell r="G1385">
            <v>1.7780000000000001E-2</v>
          </cell>
          <cell r="H1385">
            <v>-0.29520000000000002</v>
          </cell>
          <cell r="I1385">
            <v>0</v>
          </cell>
        </row>
        <row r="1386">
          <cell r="A1386" t="str">
            <v>B92013P</v>
          </cell>
          <cell r="F1386">
            <v>0.27742</v>
          </cell>
          <cell r="G1386">
            <v>1.7780000000000001E-2</v>
          </cell>
          <cell r="H1386">
            <v>-0.29520000000000002</v>
          </cell>
          <cell r="I1386">
            <v>0</v>
          </cell>
        </row>
        <row r="1387">
          <cell r="A1387" t="str">
            <v>B92015</v>
          </cell>
          <cell r="F1387">
            <v>0.27742</v>
          </cell>
          <cell r="G1387">
            <v>1.7780000000000001E-2</v>
          </cell>
          <cell r="H1387">
            <v>-0.29520000000000002</v>
          </cell>
          <cell r="I1387">
            <v>0</v>
          </cell>
        </row>
        <row r="1388">
          <cell r="A1388" t="str">
            <v>B92016</v>
          </cell>
        </row>
        <row r="1389">
          <cell r="A1389" t="str">
            <v>B92002</v>
          </cell>
          <cell r="B1389">
            <v>6639.9212100000004</v>
          </cell>
          <cell r="E1389">
            <v>6639.9212100000004</v>
          </cell>
          <cell r="F1389">
            <v>229162.15757000001</v>
          </cell>
          <cell r="G1389">
            <v>80.133399999999995</v>
          </cell>
          <cell r="H1389">
            <v>-306571.02531</v>
          </cell>
          <cell r="I1389">
            <v>-77328.734339999995</v>
          </cell>
        </row>
        <row r="1390">
          <cell r="A1390" t="str">
            <v>B92004</v>
          </cell>
          <cell r="B1390">
            <v>-90.868679999999998</v>
          </cell>
          <cell r="E1390">
            <v>-90.868679999999998</v>
          </cell>
          <cell r="F1390">
            <v>15973.395710000001</v>
          </cell>
          <cell r="H1390">
            <v>3500</v>
          </cell>
          <cell r="I1390">
            <v>19473.395710000001</v>
          </cell>
        </row>
        <row r="1391">
          <cell r="A1391" t="str">
            <v>B92005</v>
          </cell>
          <cell r="B1391">
            <v>6730.78989</v>
          </cell>
          <cell r="E1391">
            <v>6730.78989</v>
          </cell>
          <cell r="F1391">
            <v>6730.78989</v>
          </cell>
          <cell r="H1391">
            <v>-19361.556369999998</v>
          </cell>
          <cell r="I1391">
            <v>-12630.76648</v>
          </cell>
        </row>
        <row r="1392">
          <cell r="A1392" t="str">
            <v>B92009</v>
          </cell>
          <cell r="F1392">
            <v>206457.97197000001</v>
          </cell>
          <cell r="G1392">
            <v>80.133399999999995</v>
          </cell>
          <cell r="H1392">
            <v>-298189.41029999999</v>
          </cell>
          <cell r="I1392">
            <v>-91651.304929999998</v>
          </cell>
        </row>
        <row r="1393">
          <cell r="A1393" t="str">
            <v>B92020</v>
          </cell>
          <cell r="H1393">
            <v>7479.9413599999998</v>
          </cell>
          <cell r="I1393">
            <v>7479.9413599999998</v>
          </cell>
        </row>
        <row r="1394">
          <cell r="A1394" t="str">
            <v>PL</v>
          </cell>
          <cell r="B1394">
            <v>-24439.21039</v>
          </cell>
          <cell r="C1394">
            <v>59.623420000000003</v>
          </cell>
          <cell r="D1394">
            <v>71799.256299999994</v>
          </cell>
          <cell r="E1394">
            <v>47419.669329999997</v>
          </cell>
          <cell r="F1394">
            <v>-316269.2684</v>
          </cell>
          <cell r="G1394">
            <v>-953.13836000000003</v>
          </cell>
          <cell r="H1394">
            <v>149581.50628999999</v>
          </cell>
          <cell r="I1394">
            <v>-167640.90046999999</v>
          </cell>
        </row>
        <row r="1395">
          <cell r="A1395" t="str">
            <v>P7</v>
          </cell>
          <cell r="B1395">
            <v>-24439.21039</v>
          </cell>
          <cell r="C1395">
            <v>59.623420000000003</v>
          </cell>
          <cell r="D1395">
            <v>71799.256299999994</v>
          </cell>
          <cell r="E1395">
            <v>47419.669329999997</v>
          </cell>
          <cell r="F1395">
            <v>-316269.2684</v>
          </cell>
          <cell r="G1395">
            <v>-953.13836000000003</v>
          </cell>
          <cell r="H1395">
            <v>149581.50628999999</v>
          </cell>
          <cell r="I1395">
            <v>-167640.90046999999</v>
          </cell>
        </row>
        <row r="1396">
          <cell r="A1396" t="str">
            <v>P5</v>
          </cell>
          <cell r="B1396">
            <v>-24439.21039</v>
          </cell>
          <cell r="C1396">
            <v>59.623420000000003</v>
          </cell>
          <cell r="D1396">
            <v>71799.256299999994</v>
          </cell>
          <cell r="E1396">
            <v>47419.669329999997</v>
          </cell>
          <cell r="F1396">
            <v>-316269.2684</v>
          </cell>
          <cell r="G1396">
            <v>-953.13836000000003</v>
          </cell>
          <cell r="H1396">
            <v>149581.50628999999</v>
          </cell>
          <cell r="I1396">
            <v>-167640.90046999999</v>
          </cell>
        </row>
        <row r="1397">
          <cell r="A1397" t="str">
            <v>P3</v>
          </cell>
          <cell r="B1397">
            <v>22975.080389999999</v>
          </cell>
          <cell r="C1397">
            <v>59.623420000000003</v>
          </cell>
          <cell r="D1397">
            <v>28660.039059999999</v>
          </cell>
          <cell r="E1397">
            <v>51694.742870000002</v>
          </cell>
          <cell r="F1397">
            <v>-379589.79194000002</v>
          </cell>
          <cell r="G1397">
            <v>-953.13836000000003</v>
          </cell>
          <cell r="H1397">
            <v>120691.2359</v>
          </cell>
          <cell r="I1397">
            <v>-259851.69440000001</v>
          </cell>
        </row>
        <row r="1398">
          <cell r="A1398" t="str">
            <v>P2</v>
          </cell>
          <cell r="B1398">
            <v>12388.34749</v>
          </cell>
          <cell r="C1398">
            <v>59.521389999999997</v>
          </cell>
          <cell r="D1398">
            <v>13929.14798</v>
          </cell>
          <cell r="E1398">
            <v>26377.01686</v>
          </cell>
          <cell r="F1398">
            <v>-325110.08104999998</v>
          </cell>
          <cell r="G1398">
            <v>-955.87433999999996</v>
          </cell>
          <cell r="H1398">
            <v>118438.10903000001</v>
          </cell>
          <cell r="I1398">
            <v>-207627.84636</v>
          </cell>
        </row>
        <row r="1399">
          <cell r="A1399" t="str">
            <v>P100</v>
          </cell>
          <cell r="B1399">
            <v>-36109.323689999997</v>
          </cell>
          <cell r="D1399">
            <v>248.30179999999999</v>
          </cell>
          <cell r="E1399">
            <v>-35861.021890000004</v>
          </cell>
          <cell r="F1399">
            <v>-505824.19721000001</v>
          </cell>
          <cell r="H1399">
            <v>0</v>
          </cell>
          <cell r="I1399">
            <v>-505824.19721000001</v>
          </cell>
        </row>
        <row r="1400">
          <cell r="A1400" t="str">
            <v>P110</v>
          </cell>
          <cell r="B1400">
            <v>-36109.323689999997</v>
          </cell>
          <cell r="D1400">
            <v>248.30179999999999</v>
          </cell>
          <cell r="E1400">
            <v>-35861.021890000004</v>
          </cell>
          <cell r="F1400">
            <v>-505824.19718999998</v>
          </cell>
          <cell r="H1400">
            <v>0</v>
          </cell>
          <cell r="I1400">
            <v>-505824.19718999998</v>
          </cell>
        </row>
        <row r="1401">
          <cell r="A1401" t="str">
            <v>P111</v>
          </cell>
          <cell r="B1401">
            <v>-95.349900000000005</v>
          </cell>
          <cell r="E1401">
            <v>-95.349900000000005</v>
          </cell>
          <cell r="F1401">
            <v>-1360.5066200000001</v>
          </cell>
          <cell r="I1401">
            <v>-1360.5066200000001</v>
          </cell>
        </row>
        <row r="1402">
          <cell r="A1402" t="str">
            <v>P11101</v>
          </cell>
        </row>
        <row r="1403">
          <cell r="A1403" t="str">
            <v>P11102</v>
          </cell>
          <cell r="B1403">
            <v>-95.349900000000005</v>
          </cell>
          <cell r="E1403">
            <v>-95.349900000000005</v>
          </cell>
          <cell r="F1403">
            <v>-1360.5066200000001</v>
          </cell>
          <cell r="I1403">
            <v>-1360.5066200000001</v>
          </cell>
        </row>
        <row r="1404">
          <cell r="A1404" t="str">
            <v>P112</v>
          </cell>
          <cell r="D1404">
            <v>248.30179999999999</v>
          </cell>
          <cell r="E1404">
            <v>248.30179999999999</v>
          </cell>
          <cell r="F1404">
            <v>-515865.37475999998</v>
          </cell>
          <cell r="H1404">
            <v>0</v>
          </cell>
          <cell r="I1404">
            <v>-515865.37475999998</v>
          </cell>
        </row>
        <row r="1405">
          <cell r="A1405" t="str">
            <v>P11201</v>
          </cell>
          <cell r="D1405">
            <v>248.30179999999999</v>
          </cell>
          <cell r="E1405">
            <v>248.30179999999999</v>
          </cell>
          <cell r="F1405">
            <v>-515865.37475999998</v>
          </cell>
          <cell r="H1405">
            <v>0</v>
          </cell>
          <cell r="I1405">
            <v>-515865.37475999998</v>
          </cell>
        </row>
        <row r="1406">
          <cell r="A1406" t="str">
            <v>P113</v>
          </cell>
          <cell r="B1406">
            <v>-36013.973789999996</v>
          </cell>
          <cell r="E1406">
            <v>-36013.973789999996</v>
          </cell>
          <cell r="F1406">
            <v>-17260.349030000001</v>
          </cell>
          <cell r="I1406">
            <v>-17260.349030000001</v>
          </cell>
        </row>
        <row r="1407">
          <cell r="A1407" t="str">
            <v>P115</v>
          </cell>
          <cell r="F1407">
            <v>28662.033220000001</v>
          </cell>
          <cell r="I1407">
            <v>28662.033220000001</v>
          </cell>
        </row>
        <row r="1408">
          <cell r="A1408" t="str">
            <v>P120</v>
          </cell>
          <cell r="F1408">
            <v>-2.0000000000000002E-5</v>
          </cell>
          <cell r="I1408">
            <v>-2.0000000000000002E-5</v>
          </cell>
        </row>
        <row r="1409">
          <cell r="A1409" t="str">
            <v>P12002</v>
          </cell>
          <cell r="F1409">
            <v>-2.0000000000000002E-5</v>
          </cell>
          <cell r="I1409">
            <v>-2.0000000000000002E-5</v>
          </cell>
        </row>
        <row r="1410">
          <cell r="A1410" t="str">
            <v>P200</v>
          </cell>
          <cell r="B1410">
            <v>48497.671179999998</v>
          </cell>
          <cell r="C1410">
            <v>59.521389999999997</v>
          </cell>
          <cell r="D1410">
            <v>13680.84618</v>
          </cell>
          <cell r="E1410">
            <v>62238.03875</v>
          </cell>
          <cell r="F1410">
            <v>180714.11616000001</v>
          </cell>
          <cell r="G1410">
            <v>-955.87433999999996</v>
          </cell>
          <cell r="H1410">
            <v>118438.10903000001</v>
          </cell>
          <cell r="I1410">
            <v>298196.35084999999</v>
          </cell>
        </row>
        <row r="1411">
          <cell r="A1411" t="str">
            <v>P220</v>
          </cell>
          <cell r="B1411">
            <v>9798.2113300000001</v>
          </cell>
          <cell r="E1411">
            <v>9798.2113300000001</v>
          </cell>
          <cell r="F1411">
            <v>55075.352579999999</v>
          </cell>
          <cell r="I1411">
            <v>55075.352579999999</v>
          </cell>
        </row>
        <row r="1412">
          <cell r="A1412" t="str">
            <v>P220</v>
          </cell>
        </row>
        <row r="1413">
          <cell r="A1413" t="str">
            <v>P22001</v>
          </cell>
          <cell r="B1413">
            <v>9749.0005199999996</v>
          </cell>
          <cell r="E1413">
            <v>9749.0005199999996</v>
          </cell>
          <cell r="F1413">
            <v>54767.025159999997</v>
          </cell>
          <cell r="I1413">
            <v>54767.025159999997</v>
          </cell>
        </row>
        <row r="1414">
          <cell r="A1414" t="str">
            <v>P22002</v>
          </cell>
          <cell r="B1414">
            <v>49.210810000000002</v>
          </cell>
          <cell r="E1414">
            <v>49.210810000000002</v>
          </cell>
          <cell r="F1414">
            <v>308.32742000000002</v>
          </cell>
          <cell r="I1414">
            <v>308.32742000000002</v>
          </cell>
        </row>
        <row r="1415">
          <cell r="A1415" t="str">
            <v>P230</v>
          </cell>
          <cell r="B1415">
            <v>10841.881359999999</v>
          </cell>
          <cell r="C1415">
            <v>-0.58733999999999997</v>
          </cell>
          <cell r="D1415">
            <v>6075.4866499999998</v>
          </cell>
          <cell r="E1415">
            <v>16916.78067</v>
          </cell>
          <cell r="F1415">
            <v>49998.740539999999</v>
          </cell>
          <cell r="G1415">
            <v>481.75812999999999</v>
          </cell>
          <cell r="H1415">
            <v>19406.615740000001</v>
          </cell>
          <cell r="I1415">
            <v>69887.114409999995</v>
          </cell>
        </row>
        <row r="1416">
          <cell r="A1416" t="str">
            <v>P231</v>
          </cell>
          <cell r="B1416">
            <v>4067.9460300000001</v>
          </cell>
          <cell r="E1416">
            <v>4067.9460300000001</v>
          </cell>
          <cell r="F1416">
            <v>14741.72257</v>
          </cell>
          <cell r="I1416">
            <v>14741.72257</v>
          </cell>
        </row>
        <row r="1417">
          <cell r="A1417" t="str">
            <v>P232</v>
          </cell>
          <cell r="B1417">
            <v>251.66298</v>
          </cell>
          <cell r="E1417">
            <v>251.66298</v>
          </cell>
          <cell r="F1417">
            <v>2082.5617299999999</v>
          </cell>
          <cell r="I1417">
            <v>2082.5617299999999</v>
          </cell>
        </row>
        <row r="1418">
          <cell r="A1418" t="str">
            <v>P233</v>
          </cell>
          <cell r="B1418">
            <v>4886.5753500000001</v>
          </cell>
          <cell r="E1418">
            <v>4886.5753500000001</v>
          </cell>
          <cell r="F1418">
            <v>25546.465189999999</v>
          </cell>
          <cell r="I1418">
            <v>25546.465189999999</v>
          </cell>
        </row>
        <row r="1419">
          <cell r="A1419" t="str">
            <v>P235</v>
          </cell>
          <cell r="B1419">
            <v>1637.69121</v>
          </cell>
          <cell r="C1419">
            <v>55.401679999999999</v>
          </cell>
          <cell r="D1419">
            <v>36.576239999999999</v>
          </cell>
          <cell r="E1419">
            <v>1729.66913</v>
          </cell>
          <cell r="F1419">
            <v>6151.0011800000002</v>
          </cell>
          <cell r="G1419">
            <v>532.04476</v>
          </cell>
          <cell r="H1419">
            <v>211.32400000000001</v>
          </cell>
          <cell r="I1419">
            <v>6894.3699399999996</v>
          </cell>
        </row>
        <row r="1420">
          <cell r="A1420" t="str">
            <v>P236</v>
          </cell>
          <cell r="B1420">
            <v>-1.99421</v>
          </cell>
          <cell r="C1420">
            <v>-55.989019999999996</v>
          </cell>
          <cell r="D1420">
            <v>5884.2060499999998</v>
          </cell>
          <cell r="E1420">
            <v>5826.22282</v>
          </cell>
          <cell r="F1420">
            <v>1522.5653600000001</v>
          </cell>
          <cell r="G1420">
            <v>-31.062729999999998</v>
          </cell>
          <cell r="H1420">
            <v>16731.905940000001</v>
          </cell>
          <cell r="I1420">
            <v>18223.40857</v>
          </cell>
        </row>
        <row r="1421">
          <cell r="A1421" t="str">
            <v>P237</v>
          </cell>
          <cell r="D1421">
            <v>154.70436000000001</v>
          </cell>
          <cell r="E1421">
            <v>154.70436000000001</v>
          </cell>
          <cell r="F1421">
            <v>-36.95579</v>
          </cell>
          <cell r="G1421">
            <v>-19.2239</v>
          </cell>
          <cell r="H1421">
            <v>2463.3858</v>
          </cell>
          <cell r="I1421">
            <v>2407.2061100000001</v>
          </cell>
        </row>
        <row r="1422">
          <cell r="A1422" t="str">
            <v>P238</v>
          </cell>
          <cell r="F1422">
            <v>-8.6196999999999999</v>
          </cell>
          <cell r="I1422">
            <v>-8.6196999999999999</v>
          </cell>
        </row>
        <row r="1423">
          <cell r="A1423" t="str">
            <v>P240</v>
          </cell>
          <cell r="B1423">
            <v>832.65057999999999</v>
          </cell>
          <cell r="C1423">
            <v>-140.89847</v>
          </cell>
          <cell r="D1423">
            <v>506.55200000000002</v>
          </cell>
          <cell r="E1423">
            <v>1198.30411</v>
          </cell>
          <cell r="F1423">
            <v>3916.7815999999998</v>
          </cell>
          <cell r="G1423">
            <v>346.63542000000001</v>
          </cell>
          <cell r="H1423">
            <v>2035.5675200000001</v>
          </cell>
          <cell r="I1423">
            <v>6298.9845400000004</v>
          </cell>
        </row>
        <row r="1424">
          <cell r="A1424" t="str">
            <v>P241</v>
          </cell>
          <cell r="B1424">
            <v>-0.85611999999999999</v>
          </cell>
          <cell r="E1424">
            <v>-0.85611999999999999</v>
          </cell>
          <cell r="F1424">
            <v>37.100450000000002</v>
          </cell>
          <cell r="I1424">
            <v>37.100450000000002</v>
          </cell>
        </row>
        <row r="1425">
          <cell r="A1425" t="str">
            <v>P24102</v>
          </cell>
          <cell r="B1425">
            <v>-0.85611999999999999</v>
          </cell>
          <cell r="E1425">
            <v>-0.85611999999999999</v>
          </cell>
          <cell r="F1425">
            <v>37.100450000000002</v>
          </cell>
          <cell r="I1425">
            <v>37.100450000000002</v>
          </cell>
        </row>
        <row r="1426">
          <cell r="A1426" t="str">
            <v>P242</v>
          </cell>
          <cell r="B1426">
            <v>826.37252000000001</v>
          </cell>
          <cell r="E1426">
            <v>826.37252000000001</v>
          </cell>
          <cell r="F1426">
            <v>3849.9034799999999</v>
          </cell>
          <cell r="I1426">
            <v>3849.9034799999999</v>
          </cell>
        </row>
        <row r="1427">
          <cell r="A1427" t="str">
            <v>P243</v>
          </cell>
          <cell r="C1427">
            <v>-148.74445</v>
          </cell>
          <cell r="D1427">
            <v>-4.80002</v>
          </cell>
          <cell r="E1427">
            <v>-153.54446999999999</v>
          </cell>
          <cell r="G1427">
            <v>467.58481</v>
          </cell>
          <cell r="H1427">
            <v>1511.9043300000001</v>
          </cell>
          <cell r="I1427">
            <v>1979.4891399999999</v>
          </cell>
        </row>
        <row r="1428">
          <cell r="A1428" t="str">
            <v>P24310</v>
          </cell>
          <cell r="C1428">
            <v>-148.74445</v>
          </cell>
          <cell r="D1428">
            <v>-0.84255999999999998</v>
          </cell>
          <cell r="E1428">
            <v>-149.58700999999999</v>
          </cell>
          <cell r="G1428">
            <v>467.58481</v>
          </cell>
          <cell r="H1428">
            <v>128.14859000000001</v>
          </cell>
          <cell r="I1428">
            <v>595.73339999999996</v>
          </cell>
        </row>
        <row r="1429">
          <cell r="A1429" t="str">
            <v>P24311</v>
          </cell>
          <cell r="C1429">
            <v>-148.74445</v>
          </cell>
          <cell r="D1429">
            <v>-0.84255999999999998</v>
          </cell>
          <cell r="E1429">
            <v>-149.58700999999999</v>
          </cell>
          <cell r="G1429">
            <v>467.58481</v>
          </cell>
          <cell r="H1429">
            <v>128.14859000000001</v>
          </cell>
          <cell r="I1429">
            <v>595.73339999999996</v>
          </cell>
        </row>
        <row r="1430">
          <cell r="A1430" t="str">
            <v>P24320</v>
          </cell>
          <cell r="D1430">
            <v>-3.9574600000000002</v>
          </cell>
          <cell r="E1430">
            <v>-3.9574600000000002</v>
          </cell>
          <cell r="H1430">
            <v>1383.7557400000001</v>
          </cell>
          <cell r="I1430">
            <v>1383.7557400000001</v>
          </cell>
        </row>
        <row r="1431">
          <cell r="A1431" t="str">
            <v>P24313</v>
          </cell>
          <cell r="D1431">
            <v>-3.9574600000000002</v>
          </cell>
          <cell r="E1431">
            <v>-3.9574600000000002</v>
          </cell>
          <cell r="H1431">
            <v>1383.7557400000001</v>
          </cell>
          <cell r="I1431">
            <v>1383.7557400000001</v>
          </cell>
        </row>
        <row r="1432">
          <cell r="A1432" t="str">
            <v>P244P</v>
          </cell>
          <cell r="B1432">
            <v>7.1341799999999997</v>
          </cell>
          <cell r="C1432">
            <v>7.84598</v>
          </cell>
          <cell r="D1432">
            <v>511.35201999999998</v>
          </cell>
          <cell r="E1432">
            <v>526.33217999999999</v>
          </cell>
          <cell r="F1432">
            <v>29.777670000000001</v>
          </cell>
          <cell r="G1432">
            <v>-120.94938999999999</v>
          </cell>
          <cell r="H1432">
            <v>523.66318999999999</v>
          </cell>
          <cell r="I1432">
            <v>432.49146999999999</v>
          </cell>
        </row>
        <row r="1433">
          <cell r="A1433" t="str">
            <v>P24401</v>
          </cell>
          <cell r="B1433">
            <v>7.1341799999999997</v>
          </cell>
          <cell r="C1433">
            <v>7.84598</v>
          </cell>
          <cell r="D1433">
            <v>511.35201999999998</v>
          </cell>
          <cell r="E1433">
            <v>526.33217999999999</v>
          </cell>
          <cell r="F1433">
            <v>29.777670000000001</v>
          </cell>
          <cell r="G1433">
            <v>-120.94938999999999</v>
          </cell>
          <cell r="H1433">
            <v>523.66318999999999</v>
          </cell>
          <cell r="I1433">
            <v>432.49146999999999</v>
          </cell>
        </row>
        <row r="1434">
          <cell r="A1434" t="str">
            <v>P250</v>
          </cell>
          <cell r="B1434">
            <v>2023.5201400000001</v>
          </cell>
          <cell r="C1434">
            <v>178.64716000000001</v>
          </cell>
          <cell r="E1434">
            <v>2202.1673000000001</v>
          </cell>
          <cell r="F1434">
            <v>7729.5884400000004</v>
          </cell>
          <cell r="G1434">
            <v>2182.94128</v>
          </cell>
          <cell r="I1434">
            <v>9912.5297200000005</v>
          </cell>
        </row>
        <row r="1435">
          <cell r="A1435" t="str">
            <v>P251</v>
          </cell>
          <cell r="B1435">
            <v>2227.87808</v>
          </cell>
          <cell r="C1435">
            <v>178.64716000000001</v>
          </cell>
          <cell r="E1435">
            <v>2406.5252399999999</v>
          </cell>
          <cell r="F1435">
            <v>7405.3059400000002</v>
          </cell>
          <cell r="G1435">
            <v>2182.94128</v>
          </cell>
          <cell r="I1435">
            <v>9588.2472199999993</v>
          </cell>
        </row>
        <row r="1436">
          <cell r="A1436" t="str">
            <v>P253</v>
          </cell>
          <cell r="B1436">
            <v>-204.35794000000001</v>
          </cell>
          <cell r="E1436">
            <v>-204.35794000000001</v>
          </cell>
          <cell r="F1436">
            <v>324.28250000000003</v>
          </cell>
          <cell r="I1436">
            <v>324.28250000000003</v>
          </cell>
        </row>
        <row r="1437">
          <cell r="A1437" t="str">
            <v>P260</v>
          </cell>
          <cell r="B1437">
            <v>25228.024399999998</v>
          </cell>
          <cell r="C1437">
            <v>46.313859999999998</v>
          </cell>
          <cell r="D1437">
            <v>68.698549999999997</v>
          </cell>
          <cell r="E1437">
            <v>25343.036810000001</v>
          </cell>
          <cell r="F1437">
            <v>114423.03279</v>
          </cell>
          <cell r="G1437">
            <v>186.40479999999999</v>
          </cell>
          <cell r="H1437">
            <v>254.06713999999999</v>
          </cell>
          <cell r="I1437">
            <v>114863.50473</v>
          </cell>
        </row>
        <row r="1438">
          <cell r="A1438" t="str">
            <v>P261</v>
          </cell>
          <cell r="B1438">
            <v>25228.024399999998</v>
          </cell>
          <cell r="C1438">
            <v>46.313859999999998</v>
          </cell>
          <cell r="D1438">
            <v>68.698549999999997</v>
          </cell>
          <cell r="E1438">
            <v>25343.036810000001</v>
          </cell>
          <cell r="F1438">
            <v>114423.03279</v>
          </cell>
          <cell r="G1438">
            <v>186.40479999999999</v>
          </cell>
          <cell r="H1438">
            <v>254.06713999999999</v>
          </cell>
          <cell r="I1438">
            <v>114863.50473</v>
          </cell>
        </row>
        <row r="1439">
          <cell r="A1439" t="str">
            <v>P26101</v>
          </cell>
          <cell r="B1439">
            <v>19418.092130000001</v>
          </cell>
          <cell r="C1439">
            <v>46.313859999999998</v>
          </cell>
          <cell r="D1439">
            <v>68.698549999999997</v>
          </cell>
          <cell r="E1439">
            <v>19533.10454</v>
          </cell>
          <cell r="F1439">
            <v>85566.597989999995</v>
          </cell>
          <cell r="G1439">
            <v>186.40479999999999</v>
          </cell>
          <cell r="H1439">
            <v>254.06713999999999</v>
          </cell>
          <cell r="I1439">
            <v>86007.069929999998</v>
          </cell>
        </row>
        <row r="1440">
          <cell r="A1440" t="str">
            <v>P26105</v>
          </cell>
          <cell r="B1440">
            <v>5809.9322700000002</v>
          </cell>
          <cell r="E1440">
            <v>5809.9322700000002</v>
          </cell>
          <cell r="F1440">
            <v>28856.434799999999</v>
          </cell>
          <cell r="I1440">
            <v>28856.434799999999</v>
          </cell>
        </row>
        <row r="1441">
          <cell r="A1441" t="str">
            <v>P263</v>
          </cell>
        </row>
        <row r="1442">
          <cell r="A1442" t="str">
            <v>P26301</v>
          </cell>
        </row>
        <row r="1443">
          <cell r="A1443" t="str">
            <v>P275</v>
          </cell>
          <cell r="B1443">
            <v>-226.61662999999999</v>
          </cell>
          <cell r="C1443">
            <v>-23.95382</v>
          </cell>
          <cell r="D1443">
            <v>4848.1621400000004</v>
          </cell>
          <cell r="E1443">
            <v>4597.5916900000002</v>
          </cell>
          <cell r="F1443">
            <v>-50429.379789999999</v>
          </cell>
          <cell r="G1443">
            <v>-4153.6139700000003</v>
          </cell>
          <cell r="H1443">
            <v>91401.715909999999</v>
          </cell>
          <cell r="I1443">
            <v>36818.722150000001</v>
          </cell>
        </row>
        <row r="1444">
          <cell r="A1444" t="str">
            <v>P280</v>
          </cell>
          <cell r="D1444">
            <v>2181.9468400000001</v>
          </cell>
          <cell r="E1444">
            <v>2181.9468400000001</v>
          </cell>
          <cell r="H1444">
            <v>5340.1427199999998</v>
          </cell>
          <cell r="I1444">
            <v>5340.1427199999998</v>
          </cell>
        </row>
        <row r="1445">
          <cell r="A1445" t="str">
            <v>P300</v>
          </cell>
          <cell r="B1445">
            <v>10586.732900000001</v>
          </cell>
          <cell r="C1445">
            <v>0.10203</v>
          </cell>
          <cell r="D1445">
            <v>14730.891079999999</v>
          </cell>
          <cell r="E1445">
            <v>25317.726009999998</v>
          </cell>
          <cell r="F1445">
            <v>-54479.710890000002</v>
          </cell>
          <cell r="G1445">
            <v>2.7359800000000001</v>
          </cell>
          <cell r="H1445">
            <v>2253.1268700000001</v>
          </cell>
          <cell r="I1445">
            <v>-52223.848039999997</v>
          </cell>
        </row>
        <row r="1446">
          <cell r="A1446" t="str">
            <v>P340</v>
          </cell>
          <cell r="F1446">
            <v>-96649.244600000005</v>
          </cell>
          <cell r="I1446">
            <v>-96649.244600000005</v>
          </cell>
        </row>
        <row r="1447">
          <cell r="A1447" t="str">
            <v>P342</v>
          </cell>
          <cell r="F1447">
            <v>-96649.244600000005</v>
          </cell>
          <cell r="I1447">
            <v>-96649.244600000005</v>
          </cell>
        </row>
        <row r="1448">
          <cell r="A1448" t="str">
            <v>P26103</v>
          </cell>
          <cell r="F1448">
            <v>-96649.244600000005</v>
          </cell>
          <cell r="I1448">
            <v>-96649.244600000005</v>
          </cell>
        </row>
        <row r="1449">
          <cell r="A1449" t="str">
            <v>P26302</v>
          </cell>
        </row>
        <row r="1450">
          <cell r="A1450" t="str">
            <v>P310</v>
          </cell>
          <cell r="H1450">
            <v>-6252.5759600000001</v>
          </cell>
          <cell r="I1450">
            <v>-6252.5759600000001</v>
          </cell>
        </row>
        <row r="1451">
          <cell r="A1451" t="str">
            <v>P311</v>
          </cell>
          <cell r="H1451">
            <v>-6252.5759600000001</v>
          </cell>
          <cell r="I1451">
            <v>-6252.5759600000001</v>
          </cell>
        </row>
        <row r="1452">
          <cell r="A1452" t="str">
            <v>P320</v>
          </cell>
          <cell r="B1452">
            <v>10565.404119999999</v>
          </cell>
          <cell r="D1452">
            <v>3842.6232500000001</v>
          </cell>
          <cell r="E1452">
            <v>14408.02737</v>
          </cell>
          <cell r="F1452">
            <v>42416.884230000003</v>
          </cell>
          <cell r="G1452">
            <v>7.2700000000000004E-3</v>
          </cell>
          <cell r="H1452">
            <v>16432.42769</v>
          </cell>
          <cell r="I1452">
            <v>58849.319190000002</v>
          </cell>
        </row>
        <row r="1453">
          <cell r="A1453" t="str">
            <v>P321</v>
          </cell>
          <cell r="B1453">
            <v>1136.65915</v>
          </cell>
          <cell r="D1453">
            <v>3732.5777600000001</v>
          </cell>
          <cell r="E1453">
            <v>4869.2369099999996</v>
          </cell>
          <cell r="F1453">
            <v>4291.2279900000003</v>
          </cell>
          <cell r="H1453">
            <v>15198.784299999999</v>
          </cell>
          <cell r="I1453">
            <v>19490.012289999999</v>
          </cell>
        </row>
        <row r="1454">
          <cell r="A1454" t="str">
            <v>P32103</v>
          </cell>
          <cell r="B1454">
            <v>1098.34917</v>
          </cell>
          <cell r="D1454">
            <v>3732.5777600000001</v>
          </cell>
          <cell r="E1454">
            <v>4830.9269299999996</v>
          </cell>
          <cell r="F1454">
            <v>4439.3267999999998</v>
          </cell>
          <cell r="H1454">
            <v>15198.784299999999</v>
          </cell>
          <cell r="I1454">
            <v>19638.111099999998</v>
          </cell>
        </row>
        <row r="1455">
          <cell r="A1455" t="str">
            <v>P32104</v>
          </cell>
          <cell r="B1455">
            <v>38.309980000000003</v>
          </cell>
          <cell r="E1455">
            <v>38.309980000000003</v>
          </cell>
          <cell r="F1455">
            <v>-148.09880999999999</v>
          </cell>
          <cell r="I1455">
            <v>-148.09880999999999</v>
          </cell>
        </row>
        <row r="1456">
          <cell r="A1456" t="str">
            <v>P322</v>
          </cell>
          <cell r="B1456">
            <v>7784.5266700000002</v>
          </cell>
          <cell r="D1456">
            <v>110.04549</v>
          </cell>
          <cell r="E1456">
            <v>7894.5721599999997</v>
          </cell>
          <cell r="F1456">
            <v>31862.075789999999</v>
          </cell>
          <cell r="G1456">
            <v>7.2700000000000004E-3</v>
          </cell>
          <cell r="H1456">
            <v>1233.64339</v>
          </cell>
          <cell r="I1456">
            <v>33095.726450000002</v>
          </cell>
        </row>
        <row r="1457">
          <cell r="A1457" t="str">
            <v>P323</v>
          </cell>
          <cell r="B1457">
            <v>-98.783640000000005</v>
          </cell>
          <cell r="E1457">
            <v>-98.783640000000005</v>
          </cell>
          <cell r="F1457">
            <v>-708.42731000000003</v>
          </cell>
          <cell r="I1457">
            <v>-708.42731000000003</v>
          </cell>
        </row>
        <row r="1458">
          <cell r="A1458" t="str">
            <v>P324</v>
          </cell>
          <cell r="B1458">
            <v>1743.0019400000001</v>
          </cell>
          <cell r="E1458">
            <v>1743.0019400000001</v>
          </cell>
          <cell r="F1458">
            <v>6972.0077600000004</v>
          </cell>
          <cell r="I1458">
            <v>6972.0077600000004</v>
          </cell>
        </row>
        <row r="1459">
          <cell r="A1459" t="str">
            <v>P330</v>
          </cell>
          <cell r="B1459">
            <v>21.328779999999998</v>
          </cell>
          <cell r="C1459">
            <v>0.10203</v>
          </cell>
          <cell r="D1459">
            <v>10888.267830000001</v>
          </cell>
          <cell r="E1459">
            <v>10909.698640000001</v>
          </cell>
          <cell r="F1459">
            <v>-247.35051999999999</v>
          </cell>
          <cell r="G1459">
            <v>2.72871</v>
          </cell>
          <cell r="H1459">
            <v>-7926.7248600000003</v>
          </cell>
          <cell r="I1459">
            <v>-8171.3466699999999</v>
          </cell>
        </row>
        <row r="1460">
          <cell r="A1460" t="str">
            <v>P331</v>
          </cell>
          <cell r="D1460">
            <v>-27.667100000000001</v>
          </cell>
          <cell r="E1460">
            <v>-27.667100000000001</v>
          </cell>
          <cell r="F1460">
            <v>-2.0000000000000001E-4</v>
          </cell>
          <cell r="H1460">
            <v>5610.6253800000004</v>
          </cell>
          <cell r="I1460">
            <v>5610.62518</v>
          </cell>
        </row>
        <row r="1461">
          <cell r="A1461" t="str">
            <v>P333</v>
          </cell>
          <cell r="D1461">
            <v>6954.8955699999997</v>
          </cell>
          <cell r="E1461">
            <v>6954.8955699999997</v>
          </cell>
          <cell r="H1461">
            <v>6662.6064200000001</v>
          </cell>
          <cell r="I1461">
            <v>6662.6064200000001</v>
          </cell>
        </row>
        <row r="1462">
          <cell r="A1462" t="str">
            <v>P338</v>
          </cell>
          <cell r="B1462">
            <v>21.328779999999998</v>
          </cell>
          <cell r="C1462">
            <v>0.10203</v>
          </cell>
          <cell r="D1462">
            <v>3961.0393600000002</v>
          </cell>
          <cell r="E1462">
            <v>3982.4701700000001</v>
          </cell>
          <cell r="F1462">
            <v>-247.35032000000001</v>
          </cell>
          <cell r="G1462">
            <v>2.72871</v>
          </cell>
          <cell r="H1462">
            <v>-20199.95666</v>
          </cell>
          <cell r="I1462">
            <v>-20444.578270000002</v>
          </cell>
        </row>
        <row r="1463">
          <cell r="A1463" t="str">
            <v>P400</v>
          </cell>
          <cell r="B1463">
            <v>-47414.290780000003</v>
          </cell>
          <cell r="D1463">
            <v>43139.217239999998</v>
          </cell>
          <cell r="E1463">
            <v>-4275.0735400000003</v>
          </cell>
          <cell r="F1463">
            <v>63320.523540000002</v>
          </cell>
          <cell r="H1463">
            <v>28890.270390000001</v>
          </cell>
          <cell r="I1463">
            <v>92210.79393</v>
          </cell>
        </row>
        <row r="1464">
          <cell r="A1464" t="str">
            <v>P410</v>
          </cell>
          <cell r="B1464">
            <v>25236.82979</v>
          </cell>
          <cell r="E1464">
            <v>25236.82979</v>
          </cell>
          <cell r="F1464">
            <v>57617.532619999998</v>
          </cell>
          <cell r="H1464">
            <v>-63.555909999999997</v>
          </cell>
          <cell r="I1464">
            <v>57553.976710000003</v>
          </cell>
        </row>
        <row r="1465">
          <cell r="A1465" t="str">
            <v>P411</v>
          </cell>
          <cell r="B1465">
            <v>1176.73215</v>
          </cell>
          <cell r="E1465">
            <v>1176.73215</v>
          </cell>
          <cell r="F1465">
            <v>4746.1530199999997</v>
          </cell>
          <cell r="I1465">
            <v>4746.1530199999997</v>
          </cell>
        </row>
        <row r="1466">
          <cell r="A1466" t="str">
            <v>P412</v>
          </cell>
          <cell r="F1466">
            <v>10616.921979999999</v>
          </cell>
          <cell r="I1466">
            <v>10616.921979999999</v>
          </cell>
        </row>
        <row r="1467">
          <cell r="A1467" t="str">
            <v>P413</v>
          </cell>
          <cell r="B1467">
            <v>24060.09764</v>
          </cell>
          <cell r="E1467">
            <v>24060.09764</v>
          </cell>
          <cell r="F1467">
            <v>42254.457620000001</v>
          </cell>
          <cell r="H1467">
            <v>-63.555909999999997</v>
          </cell>
          <cell r="I1467">
            <v>42190.901709999998</v>
          </cell>
        </row>
        <row r="1468">
          <cell r="A1468" t="str">
            <v>P420</v>
          </cell>
          <cell r="B1468">
            <v>-72651.120569999999</v>
          </cell>
          <cell r="D1468">
            <v>43139.217239999998</v>
          </cell>
          <cell r="E1468">
            <v>-29511.903330000001</v>
          </cell>
          <cell r="F1468">
            <v>5702.9909200000002</v>
          </cell>
          <cell r="H1468">
            <v>28953.826300000001</v>
          </cell>
          <cell r="I1468">
            <v>34656.817219999997</v>
          </cell>
        </row>
        <row r="1469">
          <cell r="A1469" t="str">
            <v>P421</v>
          </cell>
          <cell r="B1469">
            <v>-8757.2681100000009</v>
          </cell>
          <cell r="E1469">
            <v>-8757.2681100000009</v>
          </cell>
          <cell r="F1469">
            <v>-24740.745510000001</v>
          </cell>
          <cell r="H1469">
            <v>-425.97719000000001</v>
          </cell>
          <cell r="I1469">
            <v>-25166.722699999998</v>
          </cell>
        </row>
        <row r="1470">
          <cell r="A1470" t="str">
            <v>P422</v>
          </cell>
          <cell r="B1470">
            <v>-63893.852460000002</v>
          </cell>
          <cell r="D1470">
            <v>43139.217239999998</v>
          </cell>
          <cell r="E1470">
            <v>-20754.63522</v>
          </cell>
          <cell r="F1470">
            <v>30443.736430000001</v>
          </cell>
          <cell r="H1470">
            <v>29379.803489999998</v>
          </cell>
          <cell r="I1470">
            <v>59823.539920000003</v>
          </cell>
        </row>
        <row r="1471">
          <cell r="A1471" t="str">
            <v>P8H</v>
          </cell>
          <cell r="B1471">
            <v>-24525.67324</v>
          </cell>
          <cell r="C1471">
            <v>59.521389999999997</v>
          </cell>
          <cell r="D1471">
            <v>54886.418380000003</v>
          </cell>
          <cell r="E1471">
            <v>30420.266530000001</v>
          </cell>
          <cell r="F1471">
            <v>-337342.97081999999</v>
          </cell>
          <cell r="G1471">
            <v>-955.87433999999996</v>
          </cell>
          <cell r="H1471">
            <v>142414.21389000001</v>
          </cell>
          <cell r="I1471">
            <v>-195884.63127000001</v>
          </cell>
        </row>
        <row r="1472">
          <cell r="A1472" t="str">
            <v>P8</v>
          </cell>
          <cell r="B1472">
            <v>-24525.67324</v>
          </cell>
          <cell r="C1472">
            <v>59.521389999999997</v>
          </cell>
          <cell r="D1472">
            <v>54886.418380000003</v>
          </cell>
          <cell r="E1472">
            <v>30420.266530000001</v>
          </cell>
          <cell r="F1472">
            <v>-337342.97081999999</v>
          </cell>
          <cell r="G1472">
            <v>-955.87433999999996</v>
          </cell>
          <cell r="H1472">
            <v>142414.21389000001</v>
          </cell>
          <cell r="I1472">
            <v>-195884.63127000001</v>
          </cell>
        </row>
        <row r="1473">
          <cell r="A1473" t="str">
            <v>P8</v>
          </cell>
          <cell r="B1473">
            <v>0</v>
          </cell>
          <cell r="C1473">
            <v>0</v>
          </cell>
          <cell r="D1473">
            <v>0</v>
          </cell>
          <cell r="E1473">
            <v>0</v>
          </cell>
          <cell r="F1473">
            <v>0</v>
          </cell>
          <cell r="G1473">
            <v>0</v>
          </cell>
          <cell r="H1473">
            <v>0</v>
          </cell>
          <cell r="I1473">
            <v>0</v>
          </cell>
        </row>
        <row r="1474">
          <cell r="A1474" t="str">
            <v>P5</v>
          </cell>
          <cell r="B1474">
            <v>-24439.21039</v>
          </cell>
          <cell r="C1474">
            <v>59.623420000000003</v>
          </cell>
          <cell r="D1474">
            <v>71799.256299999994</v>
          </cell>
          <cell r="E1474">
            <v>47419.669329999997</v>
          </cell>
          <cell r="F1474">
            <v>-316269.2684</v>
          </cell>
          <cell r="G1474">
            <v>-953.13836000000003</v>
          </cell>
          <cell r="H1474">
            <v>149581.50628999999</v>
          </cell>
          <cell r="I1474">
            <v>-167640.90046999999</v>
          </cell>
        </row>
        <row r="1475">
          <cell r="A1475" t="str">
            <v>P3</v>
          </cell>
          <cell r="B1475">
            <v>22975.080389999999</v>
          </cell>
          <cell r="C1475">
            <v>59.623420000000003</v>
          </cell>
          <cell r="D1475">
            <v>28660.039059999999</v>
          </cell>
          <cell r="E1475">
            <v>51694.742870000002</v>
          </cell>
          <cell r="F1475">
            <v>-379589.79194000002</v>
          </cell>
          <cell r="G1475">
            <v>-953.13836000000003</v>
          </cell>
          <cell r="H1475">
            <v>120691.2359</v>
          </cell>
          <cell r="I1475">
            <v>-259851.69440000001</v>
          </cell>
        </row>
        <row r="1476">
          <cell r="A1476" t="str">
            <v>P2</v>
          </cell>
          <cell r="B1476">
            <v>12388.34749</v>
          </cell>
          <cell r="C1476">
            <v>59.521389999999997</v>
          </cell>
          <cell r="D1476">
            <v>13929.14798</v>
          </cell>
          <cell r="E1476">
            <v>26377.01686</v>
          </cell>
          <cell r="F1476">
            <v>-325110.08104999998</v>
          </cell>
          <cell r="G1476">
            <v>-955.87433999999996</v>
          </cell>
          <cell r="H1476">
            <v>118438.10903000001</v>
          </cell>
          <cell r="I1476">
            <v>-207627.84636</v>
          </cell>
        </row>
        <row r="1477">
          <cell r="A1477" t="str">
            <v>P100</v>
          </cell>
          <cell r="B1477">
            <v>-36109.323689999997</v>
          </cell>
          <cell r="D1477">
            <v>248.30179999999999</v>
          </cell>
          <cell r="E1477">
            <v>-35861.021890000004</v>
          </cell>
          <cell r="F1477">
            <v>-505824.19721000001</v>
          </cell>
          <cell r="H1477">
            <v>0</v>
          </cell>
          <cell r="I1477">
            <v>-505824.19721000001</v>
          </cell>
        </row>
        <row r="1478">
          <cell r="A1478" t="str">
            <v>P110</v>
          </cell>
          <cell r="B1478">
            <v>-36109.323689999997</v>
          </cell>
          <cell r="D1478">
            <v>248.30179999999999</v>
          </cell>
          <cell r="E1478">
            <v>-35861.021890000004</v>
          </cell>
          <cell r="F1478">
            <v>-505824.19718999998</v>
          </cell>
          <cell r="H1478">
            <v>0</v>
          </cell>
          <cell r="I1478">
            <v>-505824.19718999998</v>
          </cell>
        </row>
        <row r="1479">
          <cell r="A1479" t="str">
            <v>P111</v>
          </cell>
          <cell r="B1479">
            <v>-95.349900000000005</v>
          </cell>
          <cell r="E1479">
            <v>-95.349900000000005</v>
          </cell>
          <cell r="F1479">
            <v>-1360.5066200000001</v>
          </cell>
          <cell r="I1479">
            <v>-1360.5066200000001</v>
          </cell>
        </row>
        <row r="1480">
          <cell r="A1480" t="str">
            <v>P11101</v>
          </cell>
        </row>
        <row r="1481">
          <cell r="A1481" t="str">
            <v>P11102</v>
          </cell>
          <cell r="B1481">
            <v>-95.349900000000005</v>
          </cell>
          <cell r="E1481">
            <v>-95.349900000000005</v>
          </cell>
          <cell r="F1481">
            <v>-1360.5066200000001</v>
          </cell>
          <cell r="I1481">
            <v>-1360.5066200000001</v>
          </cell>
        </row>
        <row r="1482">
          <cell r="A1482" t="str">
            <v>P112</v>
          </cell>
          <cell r="D1482">
            <v>248.30179999999999</v>
          </cell>
          <cell r="E1482">
            <v>248.30179999999999</v>
          </cell>
          <cell r="F1482">
            <v>-515865.37475999998</v>
          </cell>
          <cell r="H1482">
            <v>0</v>
          </cell>
          <cell r="I1482">
            <v>-515865.37475999998</v>
          </cell>
        </row>
        <row r="1483">
          <cell r="A1483" t="str">
            <v>P11201</v>
          </cell>
          <cell r="D1483">
            <v>248.30179999999999</v>
          </cell>
          <cell r="E1483">
            <v>248.30179999999999</v>
          </cell>
          <cell r="F1483">
            <v>-515865.37475999998</v>
          </cell>
          <cell r="H1483">
            <v>0</v>
          </cell>
          <cell r="I1483">
            <v>-515865.37475999998</v>
          </cell>
        </row>
        <row r="1484">
          <cell r="A1484" t="str">
            <v>P113</v>
          </cell>
          <cell r="B1484">
            <v>-36013.973789999996</v>
          </cell>
          <cell r="E1484">
            <v>-36013.973789999996</v>
          </cell>
          <cell r="F1484">
            <v>-17260.349030000001</v>
          </cell>
          <cell r="I1484">
            <v>-17260.349030000001</v>
          </cell>
        </row>
        <row r="1485">
          <cell r="A1485" t="str">
            <v>P115</v>
          </cell>
          <cell r="F1485">
            <v>28662.033220000001</v>
          </cell>
          <cell r="I1485">
            <v>28662.033220000001</v>
          </cell>
        </row>
        <row r="1486">
          <cell r="A1486" t="str">
            <v>P120</v>
          </cell>
          <cell r="F1486">
            <v>-2.0000000000000002E-5</v>
          </cell>
          <cell r="I1486">
            <v>-2.0000000000000002E-5</v>
          </cell>
        </row>
        <row r="1487">
          <cell r="A1487" t="str">
            <v>P12002</v>
          </cell>
          <cell r="F1487">
            <v>-2.0000000000000002E-5</v>
          </cell>
          <cell r="I1487">
            <v>-2.0000000000000002E-5</v>
          </cell>
        </row>
        <row r="1488">
          <cell r="A1488" t="str">
            <v>P200</v>
          </cell>
          <cell r="B1488">
            <v>48497.671179999998</v>
          </cell>
          <cell r="C1488">
            <v>59.521389999999997</v>
          </cell>
          <cell r="D1488">
            <v>13680.84618</v>
          </cell>
          <cell r="E1488">
            <v>62238.03875</v>
          </cell>
          <cell r="F1488">
            <v>180714.11616000001</v>
          </cell>
          <cell r="G1488">
            <v>-955.87433999999996</v>
          </cell>
          <cell r="H1488">
            <v>118438.10903000001</v>
          </cell>
          <cell r="I1488">
            <v>298196.35084999999</v>
          </cell>
        </row>
        <row r="1489">
          <cell r="A1489" t="str">
            <v>P220</v>
          </cell>
          <cell r="B1489">
            <v>9798.2113300000001</v>
          </cell>
          <cell r="E1489">
            <v>9798.2113300000001</v>
          </cell>
          <cell r="F1489">
            <v>55075.352579999999</v>
          </cell>
          <cell r="I1489">
            <v>55075.352579999999</v>
          </cell>
        </row>
        <row r="1490">
          <cell r="A1490" t="str">
            <v>P220</v>
          </cell>
        </row>
        <row r="1491">
          <cell r="A1491" t="str">
            <v>P22001</v>
          </cell>
          <cell r="B1491">
            <v>9749.0005199999996</v>
          </cell>
          <cell r="E1491">
            <v>9749.0005199999996</v>
          </cell>
          <cell r="F1491">
            <v>54767.025159999997</v>
          </cell>
          <cell r="I1491">
            <v>54767.025159999997</v>
          </cell>
        </row>
        <row r="1492">
          <cell r="A1492" t="str">
            <v>P22002</v>
          </cell>
          <cell r="B1492">
            <v>49.210810000000002</v>
          </cell>
          <cell r="E1492">
            <v>49.210810000000002</v>
          </cell>
          <cell r="F1492">
            <v>308.32742000000002</v>
          </cell>
          <cell r="I1492">
            <v>308.32742000000002</v>
          </cell>
        </row>
        <row r="1493">
          <cell r="A1493" t="str">
            <v>P230</v>
          </cell>
          <cell r="B1493">
            <v>10841.881359999999</v>
          </cell>
          <cell r="C1493">
            <v>-0.58733999999999997</v>
          </cell>
          <cell r="D1493">
            <v>6075.4866499999998</v>
          </cell>
          <cell r="E1493">
            <v>16916.78067</v>
          </cell>
          <cell r="F1493">
            <v>49998.740539999999</v>
          </cell>
          <cell r="G1493">
            <v>481.75812999999999</v>
          </cell>
          <cell r="H1493">
            <v>19406.615740000001</v>
          </cell>
          <cell r="I1493">
            <v>69887.114409999995</v>
          </cell>
        </row>
        <row r="1494">
          <cell r="A1494" t="str">
            <v>P231</v>
          </cell>
          <cell r="B1494">
            <v>4067.9460300000001</v>
          </cell>
          <cell r="E1494">
            <v>4067.9460300000001</v>
          </cell>
          <cell r="F1494">
            <v>14741.72257</v>
          </cell>
          <cell r="I1494">
            <v>14741.72257</v>
          </cell>
        </row>
        <row r="1495">
          <cell r="A1495" t="str">
            <v>P232</v>
          </cell>
          <cell r="B1495">
            <v>251.66298</v>
          </cell>
          <cell r="E1495">
            <v>251.66298</v>
          </cell>
          <cell r="F1495">
            <v>2082.5617299999999</v>
          </cell>
          <cell r="I1495">
            <v>2082.5617299999999</v>
          </cell>
        </row>
        <row r="1496">
          <cell r="A1496" t="str">
            <v>P233</v>
          </cell>
          <cell r="B1496">
            <v>4886.5753500000001</v>
          </cell>
          <cell r="E1496">
            <v>4886.5753500000001</v>
          </cell>
          <cell r="F1496">
            <v>25546.465189999999</v>
          </cell>
          <cell r="I1496">
            <v>25546.465189999999</v>
          </cell>
        </row>
        <row r="1497">
          <cell r="A1497" t="str">
            <v>P235</v>
          </cell>
          <cell r="B1497">
            <v>1637.69121</v>
          </cell>
          <cell r="C1497">
            <v>55.401679999999999</v>
          </cell>
          <cell r="D1497">
            <v>36.576239999999999</v>
          </cell>
          <cell r="E1497">
            <v>1729.66913</v>
          </cell>
          <cell r="F1497">
            <v>6151.0011800000002</v>
          </cell>
          <cell r="G1497">
            <v>532.04476</v>
          </cell>
          <cell r="H1497">
            <v>211.32400000000001</v>
          </cell>
          <cell r="I1497">
            <v>6894.3699399999996</v>
          </cell>
        </row>
        <row r="1498">
          <cell r="A1498" t="str">
            <v>P236</v>
          </cell>
          <cell r="B1498">
            <v>-1.99421</v>
          </cell>
          <cell r="C1498">
            <v>-55.989019999999996</v>
          </cell>
          <cell r="D1498">
            <v>5884.2060499999998</v>
          </cell>
          <cell r="E1498">
            <v>5826.22282</v>
          </cell>
          <cell r="F1498">
            <v>1522.5653600000001</v>
          </cell>
          <cell r="G1498">
            <v>-31.062729999999998</v>
          </cell>
          <cell r="H1498">
            <v>16731.905940000001</v>
          </cell>
          <cell r="I1498">
            <v>18223.40857</v>
          </cell>
        </row>
        <row r="1499">
          <cell r="A1499" t="str">
            <v>P237</v>
          </cell>
          <cell r="D1499">
            <v>154.70436000000001</v>
          </cell>
          <cell r="E1499">
            <v>154.70436000000001</v>
          </cell>
          <cell r="F1499">
            <v>-36.95579</v>
          </cell>
          <cell r="G1499">
            <v>-19.2239</v>
          </cell>
          <cell r="H1499">
            <v>2463.3858</v>
          </cell>
          <cell r="I1499">
            <v>2407.2061100000001</v>
          </cell>
        </row>
        <row r="1500">
          <cell r="A1500" t="str">
            <v>P238</v>
          </cell>
          <cell r="F1500">
            <v>-8.6196999999999999</v>
          </cell>
          <cell r="I1500">
            <v>-8.6196999999999999</v>
          </cell>
        </row>
        <row r="1501">
          <cell r="A1501" t="str">
            <v>P240</v>
          </cell>
          <cell r="B1501">
            <v>832.65057999999999</v>
          </cell>
          <cell r="C1501">
            <v>-140.89847</v>
          </cell>
          <cell r="D1501">
            <v>506.55200000000002</v>
          </cell>
          <cell r="E1501">
            <v>1198.30411</v>
          </cell>
          <cell r="F1501">
            <v>3916.7815999999998</v>
          </cell>
          <cell r="G1501">
            <v>346.63542000000001</v>
          </cell>
          <cell r="H1501">
            <v>2035.5675200000001</v>
          </cell>
          <cell r="I1501">
            <v>6298.9845400000004</v>
          </cell>
        </row>
        <row r="1502">
          <cell r="A1502" t="str">
            <v>P241</v>
          </cell>
          <cell r="B1502">
            <v>-0.85611999999999999</v>
          </cell>
          <cell r="E1502">
            <v>-0.85611999999999999</v>
          </cell>
          <cell r="F1502">
            <v>37.100450000000002</v>
          </cell>
          <cell r="I1502">
            <v>37.100450000000002</v>
          </cell>
        </row>
        <row r="1503">
          <cell r="A1503" t="str">
            <v>P24102</v>
          </cell>
          <cell r="B1503">
            <v>-0.85611999999999999</v>
          </cell>
          <cell r="E1503">
            <v>-0.85611999999999999</v>
          </cell>
          <cell r="F1503">
            <v>37.100450000000002</v>
          </cell>
          <cell r="I1503">
            <v>37.100450000000002</v>
          </cell>
        </row>
        <row r="1504">
          <cell r="A1504" t="str">
            <v>P242</v>
          </cell>
          <cell r="B1504">
            <v>826.37252000000001</v>
          </cell>
          <cell r="E1504">
            <v>826.37252000000001</v>
          </cell>
          <cell r="F1504">
            <v>3849.9034799999999</v>
          </cell>
          <cell r="I1504">
            <v>3849.9034799999999</v>
          </cell>
        </row>
        <row r="1505">
          <cell r="A1505" t="str">
            <v>P243</v>
          </cell>
          <cell r="C1505">
            <v>-148.74445</v>
          </cell>
          <cell r="D1505">
            <v>-4.80002</v>
          </cell>
          <cell r="E1505">
            <v>-153.54446999999999</v>
          </cell>
          <cell r="G1505">
            <v>467.58481</v>
          </cell>
          <cell r="H1505">
            <v>1511.9043300000001</v>
          </cell>
          <cell r="I1505">
            <v>1979.4891399999999</v>
          </cell>
        </row>
        <row r="1506">
          <cell r="A1506" t="str">
            <v>P24310</v>
          </cell>
          <cell r="C1506">
            <v>-148.74445</v>
          </cell>
          <cell r="D1506">
            <v>-0.84255999999999998</v>
          </cell>
          <cell r="E1506">
            <v>-149.58700999999999</v>
          </cell>
          <cell r="G1506">
            <v>467.58481</v>
          </cell>
          <cell r="H1506">
            <v>128.14859000000001</v>
          </cell>
          <cell r="I1506">
            <v>595.73339999999996</v>
          </cell>
        </row>
        <row r="1507">
          <cell r="A1507" t="str">
            <v>P24311</v>
          </cell>
          <cell r="C1507">
            <v>-148.74445</v>
          </cell>
          <cell r="D1507">
            <v>-0.84255999999999998</v>
          </cell>
          <cell r="E1507">
            <v>-149.58700999999999</v>
          </cell>
          <cell r="G1507">
            <v>467.58481</v>
          </cell>
          <cell r="H1507">
            <v>128.14859000000001</v>
          </cell>
          <cell r="I1507">
            <v>595.73339999999996</v>
          </cell>
        </row>
        <row r="1508">
          <cell r="A1508" t="str">
            <v>P24320</v>
          </cell>
          <cell r="D1508">
            <v>-3.9574600000000002</v>
          </cell>
          <cell r="E1508">
            <v>-3.9574600000000002</v>
          </cell>
          <cell r="H1508">
            <v>1383.7557400000001</v>
          </cell>
          <cell r="I1508">
            <v>1383.7557400000001</v>
          </cell>
        </row>
        <row r="1509">
          <cell r="A1509" t="str">
            <v>P24313</v>
          </cell>
          <cell r="D1509">
            <v>-3.9574600000000002</v>
          </cell>
          <cell r="E1509">
            <v>-3.9574600000000002</v>
          </cell>
          <cell r="H1509">
            <v>1383.7557400000001</v>
          </cell>
          <cell r="I1509">
            <v>1383.7557400000001</v>
          </cell>
        </row>
        <row r="1510">
          <cell r="A1510" t="str">
            <v>P244P</v>
          </cell>
          <cell r="B1510">
            <v>7.1341799999999997</v>
          </cell>
          <cell r="C1510">
            <v>7.84598</v>
          </cell>
          <cell r="D1510">
            <v>511.35201999999998</v>
          </cell>
          <cell r="E1510">
            <v>526.33217999999999</v>
          </cell>
          <cell r="F1510">
            <v>29.777670000000001</v>
          </cell>
          <cell r="G1510">
            <v>-120.94938999999999</v>
          </cell>
          <cell r="H1510">
            <v>523.66318999999999</v>
          </cell>
          <cell r="I1510">
            <v>432.49146999999999</v>
          </cell>
        </row>
        <row r="1511">
          <cell r="A1511" t="str">
            <v>P24401</v>
          </cell>
          <cell r="B1511">
            <v>7.1341799999999997</v>
          </cell>
          <cell r="C1511">
            <v>7.84598</v>
          </cell>
          <cell r="D1511">
            <v>511.35201999999998</v>
          </cell>
          <cell r="E1511">
            <v>526.33217999999999</v>
          </cell>
          <cell r="F1511">
            <v>29.777670000000001</v>
          </cell>
          <cell r="G1511">
            <v>-120.94938999999999</v>
          </cell>
          <cell r="H1511">
            <v>523.66318999999999</v>
          </cell>
          <cell r="I1511">
            <v>432.49146999999999</v>
          </cell>
        </row>
        <row r="1512">
          <cell r="A1512" t="str">
            <v>P250</v>
          </cell>
          <cell r="B1512">
            <v>2023.5201400000001</v>
          </cell>
          <cell r="C1512">
            <v>178.64716000000001</v>
          </cell>
          <cell r="E1512">
            <v>2202.1673000000001</v>
          </cell>
          <cell r="F1512">
            <v>7729.5884400000004</v>
          </cell>
          <cell r="G1512">
            <v>2182.94128</v>
          </cell>
          <cell r="I1512">
            <v>9912.5297200000005</v>
          </cell>
        </row>
        <row r="1513">
          <cell r="A1513" t="str">
            <v>P251</v>
          </cell>
          <cell r="B1513">
            <v>2227.87808</v>
          </cell>
          <cell r="C1513">
            <v>178.64716000000001</v>
          </cell>
          <cell r="E1513">
            <v>2406.5252399999999</v>
          </cell>
          <cell r="F1513">
            <v>7405.3059400000002</v>
          </cell>
          <cell r="G1513">
            <v>2182.94128</v>
          </cell>
          <cell r="I1513">
            <v>9588.2472199999993</v>
          </cell>
        </row>
        <row r="1514">
          <cell r="A1514" t="str">
            <v>P253</v>
          </cell>
          <cell r="B1514">
            <v>-204.35794000000001</v>
          </cell>
          <cell r="E1514">
            <v>-204.35794000000001</v>
          </cell>
          <cell r="F1514">
            <v>324.28250000000003</v>
          </cell>
          <cell r="I1514">
            <v>324.28250000000003</v>
          </cell>
        </row>
        <row r="1515">
          <cell r="A1515" t="str">
            <v>P260</v>
          </cell>
          <cell r="B1515">
            <v>25228.024399999998</v>
          </cell>
          <cell r="C1515">
            <v>46.313859999999998</v>
          </cell>
          <cell r="D1515">
            <v>68.698549999999997</v>
          </cell>
          <cell r="E1515">
            <v>25343.036810000001</v>
          </cell>
          <cell r="F1515">
            <v>114423.03279</v>
          </cell>
          <cell r="G1515">
            <v>186.40479999999999</v>
          </cell>
          <cell r="H1515">
            <v>254.06713999999999</v>
          </cell>
          <cell r="I1515">
            <v>114863.50473</v>
          </cell>
        </row>
        <row r="1516">
          <cell r="A1516" t="str">
            <v>P261</v>
          </cell>
          <cell r="B1516">
            <v>25228.024399999998</v>
          </cell>
          <cell r="C1516">
            <v>46.313859999999998</v>
          </cell>
          <cell r="D1516">
            <v>68.698549999999997</v>
          </cell>
          <cell r="E1516">
            <v>25343.036810000001</v>
          </cell>
          <cell r="F1516">
            <v>114423.03279</v>
          </cell>
          <cell r="G1516">
            <v>186.40479999999999</v>
          </cell>
          <cell r="H1516">
            <v>254.06713999999999</v>
          </cell>
          <cell r="I1516">
            <v>114863.50473</v>
          </cell>
        </row>
        <row r="1517">
          <cell r="A1517" t="str">
            <v>P26101</v>
          </cell>
          <cell r="B1517">
            <v>19418.092130000001</v>
          </cell>
          <cell r="C1517">
            <v>46.313859999999998</v>
          </cell>
          <cell r="D1517">
            <v>68.698549999999997</v>
          </cell>
          <cell r="E1517">
            <v>19533.10454</v>
          </cell>
          <cell r="F1517">
            <v>85566.597989999995</v>
          </cell>
          <cell r="G1517">
            <v>186.40479999999999</v>
          </cell>
          <cell r="H1517">
            <v>254.06713999999999</v>
          </cell>
          <cell r="I1517">
            <v>86007.069929999998</v>
          </cell>
        </row>
        <row r="1518">
          <cell r="A1518" t="str">
            <v>P26105</v>
          </cell>
          <cell r="B1518">
            <v>5809.9322700000002</v>
          </cell>
          <cell r="E1518">
            <v>5809.9322700000002</v>
          </cell>
          <cell r="F1518">
            <v>28856.434799999999</v>
          </cell>
          <cell r="I1518">
            <v>28856.434799999999</v>
          </cell>
        </row>
        <row r="1519">
          <cell r="A1519" t="str">
            <v>P263</v>
          </cell>
        </row>
        <row r="1520">
          <cell r="A1520" t="str">
            <v>P26301</v>
          </cell>
        </row>
        <row r="1521">
          <cell r="A1521" t="str">
            <v>P275</v>
          </cell>
          <cell r="B1521">
            <v>-226.61662999999999</v>
          </cell>
          <cell r="C1521">
            <v>-23.95382</v>
          </cell>
          <cell r="D1521">
            <v>4848.1621400000004</v>
          </cell>
          <cell r="E1521">
            <v>4597.5916900000002</v>
          </cell>
          <cell r="F1521">
            <v>-50429.379789999999</v>
          </cell>
          <cell r="G1521">
            <v>-4153.6139700000003</v>
          </cell>
          <cell r="H1521">
            <v>91401.715909999999</v>
          </cell>
          <cell r="I1521">
            <v>36818.722150000001</v>
          </cell>
        </row>
        <row r="1522">
          <cell r="A1522" t="str">
            <v>P280</v>
          </cell>
          <cell r="D1522">
            <v>2181.9468400000001</v>
          </cell>
          <cell r="E1522">
            <v>2181.9468400000001</v>
          </cell>
          <cell r="H1522">
            <v>5340.1427199999998</v>
          </cell>
          <cell r="I1522">
            <v>5340.1427199999998</v>
          </cell>
        </row>
        <row r="1523">
          <cell r="A1523" t="str">
            <v>P300</v>
          </cell>
          <cell r="B1523">
            <v>10586.732900000001</v>
          </cell>
          <cell r="C1523">
            <v>0.10203</v>
          </cell>
          <cell r="D1523">
            <v>14730.891079999999</v>
          </cell>
          <cell r="E1523">
            <v>25317.726009999998</v>
          </cell>
          <cell r="F1523">
            <v>-54479.710890000002</v>
          </cell>
          <cell r="G1523">
            <v>2.7359800000000001</v>
          </cell>
          <cell r="H1523">
            <v>2253.1268700000001</v>
          </cell>
          <cell r="I1523">
            <v>-52223.848039999997</v>
          </cell>
        </row>
        <row r="1524">
          <cell r="A1524" t="str">
            <v>P340</v>
          </cell>
          <cell r="F1524">
            <v>-96649.244600000005</v>
          </cell>
          <cell r="I1524">
            <v>-96649.244600000005</v>
          </cell>
        </row>
        <row r="1525">
          <cell r="A1525" t="str">
            <v>P342</v>
          </cell>
          <cell r="F1525">
            <v>-96649.244600000005</v>
          </cell>
          <cell r="I1525">
            <v>-96649.244600000005</v>
          </cell>
        </row>
        <row r="1526">
          <cell r="A1526" t="str">
            <v>P26103</v>
          </cell>
          <cell r="F1526">
            <v>-96649.244600000005</v>
          </cell>
          <cell r="I1526">
            <v>-96649.244600000005</v>
          </cell>
        </row>
        <row r="1527">
          <cell r="A1527" t="str">
            <v>P26302</v>
          </cell>
        </row>
        <row r="1528">
          <cell r="A1528" t="str">
            <v>P310</v>
          </cell>
          <cell r="H1528">
            <v>-6252.5759600000001</v>
          </cell>
          <cell r="I1528">
            <v>-6252.5759600000001</v>
          </cell>
        </row>
        <row r="1529">
          <cell r="A1529" t="str">
            <v>P311</v>
          </cell>
          <cell r="H1529">
            <v>-6252.5759600000001</v>
          </cell>
          <cell r="I1529">
            <v>-6252.5759600000001</v>
          </cell>
        </row>
        <row r="1530">
          <cell r="A1530" t="str">
            <v>P320</v>
          </cell>
          <cell r="B1530">
            <v>10565.404119999999</v>
          </cell>
          <cell r="D1530">
            <v>3842.6232500000001</v>
          </cell>
          <cell r="E1530">
            <v>14408.02737</v>
          </cell>
          <cell r="F1530">
            <v>42416.884230000003</v>
          </cell>
          <cell r="G1530">
            <v>7.2700000000000004E-3</v>
          </cell>
          <cell r="H1530">
            <v>16432.42769</v>
          </cell>
          <cell r="I1530">
            <v>58849.319190000002</v>
          </cell>
        </row>
        <row r="1531">
          <cell r="A1531" t="str">
            <v>P321</v>
          </cell>
          <cell r="B1531">
            <v>1136.65915</v>
          </cell>
          <cell r="D1531">
            <v>3732.5777600000001</v>
          </cell>
          <cell r="E1531">
            <v>4869.2369099999996</v>
          </cell>
          <cell r="F1531">
            <v>4291.2279900000003</v>
          </cell>
          <cell r="H1531">
            <v>15198.784299999999</v>
          </cell>
          <cell r="I1531">
            <v>19490.012289999999</v>
          </cell>
        </row>
        <row r="1532">
          <cell r="A1532" t="str">
            <v>P32103</v>
          </cell>
          <cell r="B1532">
            <v>1098.34917</v>
          </cell>
          <cell r="D1532">
            <v>3732.5777600000001</v>
          </cell>
          <cell r="E1532">
            <v>4830.9269299999996</v>
          </cell>
          <cell r="F1532">
            <v>4439.3267999999998</v>
          </cell>
          <cell r="H1532">
            <v>15198.784299999999</v>
          </cell>
          <cell r="I1532">
            <v>19638.111099999998</v>
          </cell>
        </row>
        <row r="1533">
          <cell r="A1533" t="str">
            <v>P32104</v>
          </cell>
          <cell r="B1533">
            <v>38.309980000000003</v>
          </cell>
          <cell r="E1533">
            <v>38.309980000000003</v>
          </cell>
          <cell r="F1533">
            <v>-148.09880999999999</v>
          </cell>
          <cell r="I1533">
            <v>-148.09880999999999</v>
          </cell>
        </row>
        <row r="1534">
          <cell r="A1534" t="str">
            <v>P322</v>
          </cell>
          <cell r="B1534">
            <v>7784.5266700000002</v>
          </cell>
          <cell r="D1534">
            <v>110.04549</v>
          </cell>
          <cell r="E1534">
            <v>7894.5721599999997</v>
          </cell>
          <cell r="F1534">
            <v>31862.075789999999</v>
          </cell>
          <cell r="G1534">
            <v>7.2700000000000004E-3</v>
          </cell>
          <cell r="H1534">
            <v>1233.64339</v>
          </cell>
          <cell r="I1534">
            <v>33095.726450000002</v>
          </cell>
        </row>
        <row r="1535">
          <cell r="A1535" t="str">
            <v>P323</v>
          </cell>
          <cell r="B1535">
            <v>-98.783640000000005</v>
          </cell>
          <cell r="E1535">
            <v>-98.783640000000005</v>
          </cell>
          <cell r="F1535">
            <v>-708.42731000000003</v>
          </cell>
          <cell r="I1535">
            <v>-708.42731000000003</v>
          </cell>
        </row>
        <row r="1536">
          <cell r="A1536" t="str">
            <v>P324</v>
          </cell>
          <cell r="B1536">
            <v>1743.0019400000001</v>
          </cell>
          <cell r="E1536">
            <v>1743.0019400000001</v>
          </cell>
          <cell r="F1536">
            <v>6972.0077600000004</v>
          </cell>
          <cell r="I1536">
            <v>6972.0077600000004</v>
          </cell>
        </row>
        <row r="1537">
          <cell r="A1537" t="str">
            <v>P330</v>
          </cell>
          <cell r="B1537">
            <v>21.328779999999998</v>
          </cell>
          <cell r="C1537">
            <v>0.10203</v>
          </cell>
          <cell r="D1537">
            <v>10888.267830000001</v>
          </cell>
          <cell r="E1537">
            <v>10909.698640000001</v>
          </cell>
          <cell r="F1537">
            <v>-247.35051999999999</v>
          </cell>
          <cell r="G1537">
            <v>2.72871</v>
          </cell>
          <cell r="H1537">
            <v>-7926.7248600000003</v>
          </cell>
          <cell r="I1537">
            <v>-8171.3466699999999</v>
          </cell>
        </row>
        <row r="1538">
          <cell r="A1538" t="str">
            <v>P331</v>
          </cell>
          <cell r="D1538">
            <v>-27.667100000000001</v>
          </cell>
          <cell r="E1538">
            <v>-27.667100000000001</v>
          </cell>
          <cell r="F1538">
            <v>-2.0000000000000001E-4</v>
          </cell>
          <cell r="H1538">
            <v>5610.6253800000004</v>
          </cell>
          <cell r="I1538">
            <v>5610.62518</v>
          </cell>
        </row>
        <row r="1539">
          <cell r="A1539" t="str">
            <v>P333</v>
          </cell>
          <cell r="D1539">
            <v>6954.8955699999997</v>
          </cell>
          <cell r="E1539">
            <v>6954.8955699999997</v>
          </cell>
          <cell r="H1539">
            <v>6662.6064200000001</v>
          </cell>
          <cell r="I1539">
            <v>6662.6064200000001</v>
          </cell>
        </row>
        <row r="1540">
          <cell r="A1540" t="str">
            <v>P338</v>
          </cell>
          <cell r="B1540">
            <v>21.328779999999998</v>
          </cell>
          <cell r="C1540">
            <v>0.10203</v>
          </cell>
          <cell r="D1540">
            <v>3961.0393600000002</v>
          </cell>
          <cell r="E1540">
            <v>3982.4701700000001</v>
          </cell>
          <cell r="F1540">
            <v>-247.35032000000001</v>
          </cell>
          <cell r="G1540">
            <v>2.72871</v>
          </cell>
          <cell r="H1540">
            <v>-20199.95666</v>
          </cell>
          <cell r="I1540">
            <v>-20444.578270000002</v>
          </cell>
        </row>
        <row r="1541">
          <cell r="A1541" t="str">
            <v>P400</v>
          </cell>
          <cell r="B1541">
            <v>-47414.290780000003</v>
          </cell>
          <cell r="D1541">
            <v>43139.217239999998</v>
          </cell>
          <cell r="E1541">
            <v>-4275.0735400000003</v>
          </cell>
          <cell r="F1541">
            <v>63320.523540000002</v>
          </cell>
          <cell r="H1541">
            <v>28890.270390000001</v>
          </cell>
          <cell r="I1541">
            <v>92210.79393</v>
          </cell>
        </row>
        <row r="1542">
          <cell r="A1542" t="str">
            <v>P410</v>
          </cell>
          <cell r="B1542">
            <v>25236.82979</v>
          </cell>
          <cell r="E1542">
            <v>25236.82979</v>
          </cell>
          <cell r="F1542">
            <v>57617.532619999998</v>
          </cell>
          <cell r="H1542">
            <v>-63.555909999999997</v>
          </cell>
          <cell r="I1542">
            <v>57553.976710000003</v>
          </cell>
        </row>
        <row r="1543">
          <cell r="A1543" t="str">
            <v>P411</v>
          </cell>
          <cell r="B1543">
            <v>1176.73215</v>
          </cell>
          <cell r="E1543">
            <v>1176.73215</v>
          </cell>
          <cell r="F1543">
            <v>4746.1530199999997</v>
          </cell>
          <cell r="I1543">
            <v>4746.1530199999997</v>
          </cell>
        </row>
        <row r="1544">
          <cell r="A1544" t="str">
            <v>P412</v>
          </cell>
          <cell r="F1544">
            <v>10616.921979999999</v>
          </cell>
          <cell r="I1544">
            <v>10616.921979999999</v>
          </cell>
        </row>
        <row r="1545">
          <cell r="A1545" t="str">
            <v>P413</v>
          </cell>
          <cell r="B1545">
            <v>24060.09764</v>
          </cell>
          <cell r="E1545">
            <v>24060.09764</v>
          </cell>
          <cell r="F1545">
            <v>42254.457620000001</v>
          </cell>
          <cell r="H1545">
            <v>-63.555909999999997</v>
          </cell>
          <cell r="I1545">
            <v>42190.901709999998</v>
          </cell>
        </row>
        <row r="1546">
          <cell r="A1546" t="str">
            <v>P420</v>
          </cell>
          <cell r="B1546">
            <v>-72651.120569999999</v>
          </cell>
          <cell r="D1546">
            <v>43139.217239999998</v>
          </cell>
          <cell r="E1546">
            <v>-29511.903330000001</v>
          </cell>
          <cell r="F1546">
            <v>5702.9909200000002</v>
          </cell>
          <cell r="H1546">
            <v>28953.826300000001</v>
          </cell>
          <cell r="I1546">
            <v>34656.817219999997</v>
          </cell>
        </row>
        <row r="1547">
          <cell r="A1547" t="str">
            <v>P421</v>
          </cell>
          <cell r="B1547">
            <v>-8757.2681100000009</v>
          </cell>
          <cell r="E1547">
            <v>-8757.2681100000009</v>
          </cell>
          <cell r="F1547">
            <v>-24740.745510000001</v>
          </cell>
          <cell r="H1547">
            <v>-425.97719000000001</v>
          </cell>
          <cell r="I1547">
            <v>-25166.722699999998</v>
          </cell>
        </row>
        <row r="1548">
          <cell r="A1548" t="str">
            <v>P422</v>
          </cell>
          <cell r="B1548">
            <v>-63893.852460000002</v>
          </cell>
          <cell r="D1548">
            <v>43139.217239999998</v>
          </cell>
          <cell r="E1548">
            <v>-20754.63522</v>
          </cell>
          <cell r="F1548">
            <v>30443.736430000001</v>
          </cell>
          <cell r="H1548">
            <v>29379.803489999998</v>
          </cell>
          <cell r="I1548">
            <v>59823.539920000003</v>
          </cell>
        </row>
        <row r="1549">
          <cell r="A1549" t="str">
            <v>P802</v>
          </cell>
          <cell r="B1549">
            <v>-21.328779999999998</v>
          </cell>
          <cell r="C1549">
            <v>-0.10203</v>
          </cell>
          <cell r="D1549">
            <v>-10888.267830000001</v>
          </cell>
          <cell r="E1549">
            <v>-10909.698640000001</v>
          </cell>
          <cell r="F1549">
            <v>247.35051999999999</v>
          </cell>
          <cell r="G1549">
            <v>-2.72871</v>
          </cell>
          <cell r="H1549">
            <v>7926.7248600000003</v>
          </cell>
          <cell r="I1549">
            <v>8171.3466699999999</v>
          </cell>
        </row>
        <row r="1550">
          <cell r="A1550" t="str">
            <v>P331S</v>
          </cell>
          <cell r="D1550">
            <v>27.667100000000001</v>
          </cell>
          <cell r="E1550">
            <v>27.667100000000001</v>
          </cell>
          <cell r="F1550">
            <v>2.0000000000000001E-4</v>
          </cell>
          <cell r="H1550">
            <v>-5610.6253800000004</v>
          </cell>
          <cell r="I1550">
            <v>-5610.62518</v>
          </cell>
        </row>
        <row r="1551">
          <cell r="A1551" t="str">
            <v>P333S</v>
          </cell>
          <cell r="D1551">
            <v>-6954.8955699999997</v>
          </cell>
          <cell r="E1551">
            <v>-6954.8955699999997</v>
          </cell>
          <cell r="H1551">
            <v>-6662.6064200000001</v>
          </cell>
          <cell r="I1551">
            <v>-6662.6064200000001</v>
          </cell>
        </row>
        <row r="1552">
          <cell r="A1552" t="str">
            <v>P338S</v>
          </cell>
          <cell r="B1552">
            <v>-21.328779999999998</v>
          </cell>
          <cell r="C1552">
            <v>-0.10203</v>
          </cell>
          <cell r="D1552">
            <v>-3961.0393600000002</v>
          </cell>
          <cell r="E1552">
            <v>-3982.4701700000001</v>
          </cell>
          <cell r="F1552">
            <v>247.35032000000001</v>
          </cell>
          <cell r="G1552">
            <v>-2.72871</v>
          </cell>
          <cell r="H1552">
            <v>20199.95666</v>
          </cell>
          <cell r="I1552">
            <v>20444.578270000002</v>
          </cell>
        </row>
        <row r="1553">
          <cell r="A1553" t="str">
            <v>P803</v>
          </cell>
          <cell r="B1553">
            <v>-8822.4021799999991</v>
          </cell>
          <cell r="D1553">
            <v>-3842.6232500000001</v>
          </cell>
          <cell r="E1553">
            <v>-12665.02543</v>
          </cell>
          <cell r="F1553">
            <v>-35444.876470000003</v>
          </cell>
          <cell r="G1553">
            <v>-7.2700000000000004E-3</v>
          </cell>
          <cell r="H1553">
            <v>-10179.85173</v>
          </cell>
          <cell r="I1553">
            <v>-45624.73547</v>
          </cell>
        </row>
        <row r="1554">
          <cell r="A1554" t="str">
            <v>P311S</v>
          </cell>
          <cell r="H1554">
            <v>6252.5759600000001</v>
          </cell>
          <cell r="I1554">
            <v>6252.5759600000001</v>
          </cell>
        </row>
        <row r="1555">
          <cell r="A1555" t="str">
            <v>P320S</v>
          </cell>
          <cell r="B1555">
            <v>-8822.4021799999991</v>
          </cell>
          <cell r="D1555">
            <v>-3842.6232500000001</v>
          </cell>
          <cell r="E1555">
            <v>-12665.02543</v>
          </cell>
          <cell r="F1555">
            <v>-35444.876470000003</v>
          </cell>
          <cell r="G1555">
            <v>-7.2700000000000004E-3</v>
          </cell>
          <cell r="H1555">
            <v>-16432.42769</v>
          </cell>
          <cell r="I1555">
            <v>-51877.311430000002</v>
          </cell>
        </row>
        <row r="1556">
          <cell r="A1556" t="str">
            <v>P321S</v>
          </cell>
          <cell r="B1556">
            <v>-1136.65915</v>
          </cell>
          <cell r="D1556">
            <v>-3732.5777600000001</v>
          </cell>
          <cell r="E1556">
            <v>-4869.2369099999996</v>
          </cell>
          <cell r="F1556">
            <v>-4291.2279900000003</v>
          </cell>
          <cell r="H1556">
            <v>-15198.784299999999</v>
          </cell>
          <cell r="I1556">
            <v>-19490.012289999999</v>
          </cell>
        </row>
        <row r="1557">
          <cell r="A1557" t="str">
            <v>P32103S</v>
          </cell>
          <cell r="B1557">
            <v>-1098.34917</v>
          </cell>
          <cell r="D1557">
            <v>-3732.5777600000001</v>
          </cell>
          <cell r="E1557">
            <v>-4830.9269299999996</v>
          </cell>
          <cell r="F1557">
            <v>-4439.3267999999998</v>
          </cell>
          <cell r="H1557">
            <v>-15198.784299999999</v>
          </cell>
          <cell r="I1557">
            <v>-19638.111099999998</v>
          </cell>
        </row>
        <row r="1558">
          <cell r="A1558" t="str">
            <v>P32104S</v>
          </cell>
          <cell r="B1558">
            <v>-38.309980000000003</v>
          </cell>
          <cell r="E1558">
            <v>-38.309980000000003</v>
          </cell>
          <cell r="F1558">
            <v>148.09880999999999</v>
          </cell>
          <cell r="I1558">
            <v>148.09880999999999</v>
          </cell>
        </row>
        <row r="1559">
          <cell r="A1559" t="str">
            <v>P322S</v>
          </cell>
          <cell r="B1559">
            <v>-7784.5266700000002</v>
          </cell>
          <cell r="D1559">
            <v>-110.04549</v>
          </cell>
          <cell r="E1559">
            <v>-7894.5721599999997</v>
          </cell>
          <cell r="F1559">
            <v>-31862.075789999999</v>
          </cell>
          <cell r="G1559">
            <v>-7.2700000000000004E-3</v>
          </cell>
          <cell r="H1559">
            <v>-1233.64339</v>
          </cell>
          <cell r="I1559">
            <v>-33095.726450000002</v>
          </cell>
        </row>
        <row r="1560">
          <cell r="A1560" t="str">
            <v>P323S</v>
          </cell>
          <cell r="B1560">
            <v>98.783640000000005</v>
          </cell>
          <cell r="E1560">
            <v>98.783640000000005</v>
          </cell>
          <cell r="F1560">
            <v>708.42731000000003</v>
          </cell>
          <cell r="I1560">
            <v>708.42731000000003</v>
          </cell>
        </row>
        <row r="1561">
          <cell r="A1561" t="str">
            <v>P804</v>
          </cell>
          <cell r="B1561">
            <v>8757.2681100000009</v>
          </cell>
          <cell r="E1561">
            <v>8757.2681100000009</v>
          </cell>
          <cell r="F1561">
            <v>14123.82353</v>
          </cell>
          <cell r="H1561">
            <v>425.97719000000001</v>
          </cell>
          <cell r="I1561">
            <v>14549.800719999999</v>
          </cell>
        </row>
        <row r="1562">
          <cell r="A1562" t="str">
            <v>P412S</v>
          </cell>
          <cell r="F1562">
            <v>-10616.921979999999</v>
          </cell>
          <cell r="I1562">
            <v>-10616.921979999999</v>
          </cell>
        </row>
        <row r="1563">
          <cell r="A1563" t="str">
            <v>P421S</v>
          </cell>
          <cell r="B1563">
            <v>8757.2681100000009</v>
          </cell>
          <cell r="E1563">
            <v>8757.2681100000009</v>
          </cell>
          <cell r="F1563">
            <v>24740.745510000001</v>
          </cell>
          <cell r="H1563">
            <v>425.97719000000001</v>
          </cell>
          <cell r="I1563">
            <v>25166.722699999998</v>
          </cell>
        </row>
        <row r="1564">
          <cell r="A1564" t="str">
            <v>P805</v>
          </cell>
          <cell r="D1564">
            <v>-2181.9468400000001</v>
          </cell>
          <cell r="E1564">
            <v>-2181.9468400000001</v>
          </cell>
          <cell r="H1564">
            <v>-5340.1427199999998</v>
          </cell>
          <cell r="I1564">
            <v>-5340.1427199999998</v>
          </cell>
        </row>
        <row r="1565">
          <cell r="A1565" t="str">
            <v>P280S</v>
          </cell>
          <cell r="D1565">
            <v>-2181.9468400000001</v>
          </cell>
          <cell r="E1565">
            <v>-2181.9468400000001</v>
          </cell>
          <cell r="H1565">
            <v>-5340.1427199999998</v>
          </cell>
          <cell r="I1565">
            <v>-5340.1427199999998</v>
          </cell>
        </row>
        <row r="1566">
          <cell r="A1566" t="str">
            <v>AF</v>
          </cell>
          <cell r="B1566">
            <v>-21691.939149999998</v>
          </cell>
          <cell r="C1566">
            <v>-178.64716000000001</v>
          </cell>
          <cell r="D1566">
            <v>13301.138999999999</v>
          </cell>
          <cell r="E1566">
            <v>-8569.4473099999996</v>
          </cell>
          <cell r="F1566">
            <v>-62839.493170000002</v>
          </cell>
          <cell r="G1566">
            <v>-2182.94128</v>
          </cell>
          <cell r="H1566">
            <v>3817.4181899999999</v>
          </cell>
          <cell r="I1566">
            <v>-61205.016259999997</v>
          </cell>
        </row>
        <row r="1567">
          <cell r="A1567" t="str">
            <v>C212_C2E</v>
          </cell>
          <cell r="F1567">
            <v>1159.7194400000001</v>
          </cell>
          <cell r="H1567">
            <v>-0.17111999999999999</v>
          </cell>
          <cell r="I1567">
            <v>1159.5483200000001</v>
          </cell>
        </row>
        <row r="1568">
          <cell r="A1568" t="str">
            <v>C212_TRUE</v>
          </cell>
          <cell r="B1568">
            <v>-21691.939149999998</v>
          </cell>
          <cell r="C1568">
            <v>-178.64716000000001</v>
          </cell>
          <cell r="E1568">
            <v>-21870.586309999999</v>
          </cell>
          <cell r="F1568">
            <v>-63999.212610000002</v>
          </cell>
          <cell r="G1568">
            <v>-2182.94128</v>
          </cell>
          <cell r="H1568">
            <v>0</v>
          </cell>
          <cell r="I1568">
            <v>-66182.153890000001</v>
          </cell>
        </row>
        <row r="1569">
          <cell r="A1569" t="str">
            <v>P400N</v>
          </cell>
          <cell r="D1569">
            <v>13301.138999999999</v>
          </cell>
          <cell r="E1569">
            <v>13301.138999999999</v>
          </cell>
          <cell r="G1569">
            <v>0</v>
          </cell>
          <cell r="H1569">
            <v>3817.5893099999998</v>
          </cell>
          <cell r="I1569">
            <v>3817.5893099999998</v>
          </cell>
        </row>
        <row r="1570">
          <cell r="A1570" t="str">
            <v>CF</v>
          </cell>
          <cell r="B1570">
            <v>0</v>
          </cell>
          <cell r="C1570">
            <v>0</v>
          </cell>
          <cell r="D1570">
            <v>0</v>
          </cell>
          <cell r="E1570">
            <v>0</v>
          </cell>
          <cell r="F1570">
            <v>-1E-3</v>
          </cell>
          <cell r="G1570">
            <v>0</v>
          </cell>
          <cell r="H1570">
            <v>0</v>
          </cell>
          <cell r="I1570">
            <v>-1E-3</v>
          </cell>
        </row>
        <row r="1571">
          <cell r="A1571" t="str">
            <v>BBCFCHK</v>
          </cell>
          <cell r="B1571">
            <v>-178472.79274</v>
          </cell>
          <cell r="C1571">
            <v>-2.0000000000000002E-5</v>
          </cell>
          <cell r="D1571">
            <v>-83784.226939999993</v>
          </cell>
          <cell r="E1571">
            <v>-262257.0197</v>
          </cell>
          <cell r="F1571">
            <v>-801003.95648000005</v>
          </cell>
          <cell r="G1571">
            <v>0</v>
          </cell>
          <cell r="H1571">
            <v>1047152.45554</v>
          </cell>
          <cell r="I1571">
            <v>246148.49906</v>
          </cell>
        </row>
        <row r="1572">
          <cell r="A1572" t="str">
            <v>C7</v>
          </cell>
          <cell r="B1572">
            <v>89236.396370000002</v>
          </cell>
          <cell r="C1572">
            <v>1.0000000000000001E-5</v>
          </cell>
          <cell r="D1572">
            <v>41892.113469999997</v>
          </cell>
          <cell r="E1572">
            <v>131128.50985</v>
          </cell>
          <cell r="F1572">
            <v>400501.97824000003</v>
          </cell>
          <cell r="G1572">
            <v>0</v>
          </cell>
          <cell r="H1572">
            <v>-523576.22777</v>
          </cell>
          <cell r="I1572">
            <v>-123074.24953</v>
          </cell>
        </row>
        <row r="1573">
          <cell r="A1573" t="str">
            <v>C710</v>
          </cell>
          <cell r="B1573">
            <v>89236.396370000002</v>
          </cell>
          <cell r="C1573">
            <v>1.0000000000000001E-5</v>
          </cell>
          <cell r="D1573">
            <v>41892.113469999997</v>
          </cell>
          <cell r="E1573">
            <v>131128.50985</v>
          </cell>
          <cell r="F1573">
            <v>400501.97824000003</v>
          </cell>
          <cell r="G1573">
            <v>0</v>
          </cell>
          <cell r="H1573">
            <v>-523576.22777</v>
          </cell>
          <cell r="I1573">
            <v>-123074.24953</v>
          </cell>
        </row>
        <row r="1574">
          <cell r="A1574" t="str">
            <v>C6</v>
          </cell>
          <cell r="B1574">
            <v>89236.396370000002</v>
          </cell>
          <cell r="C1574">
            <v>1.0000000000000001E-5</v>
          </cell>
          <cell r="D1574">
            <v>41892.113469999997</v>
          </cell>
          <cell r="E1574">
            <v>131128.50985</v>
          </cell>
          <cell r="F1574">
            <v>400501.97723999998</v>
          </cell>
          <cell r="G1574">
            <v>0</v>
          </cell>
          <cell r="H1574">
            <v>-523576.22777</v>
          </cell>
          <cell r="I1574">
            <v>-123074.25053</v>
          </cell>
        </row>
        <row r="1575">
          <cell r="A1575" t="str">
            <v>C3</v>
          </cell>
          <cell r="B1575">
            <v>219960.86801000001</v>
          </cell>
          <cell r="C1575">
            <v>-893.03625999999997</v>
          </cell>
          <cell r="D1575">
            <v>-62692.411780000002</v>
          </cell>
          <cell r="E1575">
            <v>156375.41996999999</v>
          </cell>
          <cell r="F1575">
            <v>733516.46615999995</v>
          </cell>
          <cell r="G1575">
            <v>-626.32794999999999</v>
          </cell>
          <cell r="H1575">
            <v>-195413.66824999999</v>
          </cell>
          <cell r="I1575">
            <v>537476.46996000002</v>
          </cell>
        </row>
        <row r="1576">
          <cell r="A1576" t="str">
            <v>C3</v>
          </cell>
          <cell r="B1576">
            <v>0</v>
          </cell>
          <cell r="C1576">
            <v>0</v>
          </cell>
          <cell r="D1576">
            <v>0</v>
          </cell>
          <cell r="E1576">
            <v>0</v>
          </cell>
          <cell r="F1576">
            <v>0</v>
          </cell>
          <cell r="G1576">
            <v>0</v>
          </cell>
          <cell r="H1576">
            <v>0</v>
          </cell>
          <cell r="I1576">
            <v>0</v>
          </cell>
        </row>
        <row r="1577">
          <cell r="A1577" t="str">
            <v>C1</v>
          </cell>
          <cell r="B1577">
            <v>249350.64037000001</v>
          </cell>
          <cell r="C1577">
            <v>-893.03625999999997</v>
          </cell>
          <cell r="D1577">
            <v>-62682.140740000003</v>
          </cell>
          <cell r="E1577">
            <v>185775.46337000001</v>
          </cell>
          <cell r="F1577">
            <v>637134.97724000004</v>
          </cell>
          <cell r="G1577">
            <v>-626.29562999999996</v>
          </cell>
          <cell r="H1577">
            <v>-201352.0986</v>
          </cell>
          <cell r="I1577">
            <v>435156.58301</v>
          </cell>
        </row>
        <row r="1578">
          <cell r="A1578" t="str">
            <v>C110</v>
          </cell>
          <cell r="B1578">
            <v>24439.21039</v>
          </cell>
          <cell r="C1578">
            <v>-59.623420000000003</v>
          </cell>
          <cell r="D1578">
            <v>-71799.256299999994</v>
          </cell>
          <cell r="E1578">
            <v>-47419.669329999997</v>
          </cell>
          <cell r="F1578">
            <v>316269.2684</v>
          </cell>
          <cell r="G1578">
            <v>953.13836000000003</v>
          </cell>
          <cell r="H1578">
            <v>-149581.50628999999</v>
          </cell>
          <cell r="I1578">
            <v>167640.90046999999</v>
          </cell>
        </row>
        <row r="1579">
          <cell r="A1579" t="str">
            <v>C120</v>
          </cell>
          <cell r="B1579">
            <v>25228.024399999998</v>
          </cell>
          <cell r="C1579">
            <v>46.313859999999998</v>
          </cell>
          <cell r="D1579">
            <v>68.698549999999997</v>
          </cell>
          <cell r="E1579">
            <v>25343.036810000001</v>
          </cell>
          <cell r="F1579">
            <v>17773.788189999999</v>
          </cell>
          <cell r="G1579">
            <v>186.40479999999999</v>
          </cell>
          <cell r="H1579">
            <v>254.06713999999999</v>
          </cell>
          <cell r="I1579">
            <v>18214.260129999999</v>
          </cell>
        </row>
        <row r="1580">
          <cell r="A1580" t="str">
            <v>C130</v>
          </cell>
          <cell r="B1580">
            <v>243286.98624</v>
          </cell>
          <cell r="C1580">
            <v>-1170.39157</v>
          </cell>
          <cell r="D1580">
            <v>-18920.414130000001</v>
          </cell>
          <cell r="E1580">
            <v>223196.18054</v>
          </cell>
          <cell r="F1580">
            <v>204688.21035000001</v>
          </cell>
          <cell r="G1580">
            <v>-1853.02873</v>
          </cell>
          <cell r="H1580">
            <v>-6731.3371399999996</v>
          </cell>
          <cell r="I1580">
            <v>196103.84448</v>
          </cell>
        </row>
        <row r="1581">
          <cell r="A1581" t="str">
            <v>C131</v>
          </cell>
          <cell r="B1581">
            <v>55092.265760000002</v>
          </cell>
          <cell r="C1581">
            <v>-146.47246000000001</v>
          </cell>
          <cell r="D1581">
            <v>-4567.5778399999999</v>
          </cell>
          <cell r="E1581">
            <v>50378.215459999999</v>
          </cell>
          <cell r="F1581">
            <v>109149.62149</v>
          </cell>
          <cell r="G1581">
            <v>-194.02762000000001</v>
          </cell>
          <cell r="H1581">
            <v>230635.33898</v>
          </cell>
          <cell r="I1581">
            <v>339590.93284999998</v>
          </cell>
        </row>
        <row r="1582">
          <cell r="A1582" t="str">
            <v>C132P</v>
          </cell>
          <cell r="B1582">
            <v>221153.63909000001</v>
          </cell>
          <cell r="C1582">
            <v>-1512.7911999999999</v>
          </cell>
          <cell r="D1582">
            <v>-13958.57393</v>
          </cell>
          <cell r="E1582">
            <v>205682.27395999999</v>
          </cell>
          <cell r="F1582">
            <v>191783.93640000001</v>
          </cell>
          <cell r="G1582">
            <v>-552.16107999999997</v>
          </cell>
          <cell r="H1582">
            <v>-321350.14695999998</v>
          </cell>
          <cell r="I1582">
            <v>-130118.37164</v>
          </cell>
        </row>
        <row r="1583">
          <cell r="A1583" t="str">
            <v>C13201</v>
          </cell>
          <cell r="B1583">
            <v>221132.31031</v>
          </cell>
          <cell r="C1583">
            <v>-1512.8932299999999</v>
          </cell>
          <cell r="D1583">
            <v>-17919.613290000001</v>
          </cell>
          <cell r="E1583">
            <v>201699.80379000001</v>
          </cell>
          <cell r="F1583">
            <v>192031.28672</v>
          </cell>
          <cell r="G1583">
            <v>-554.88978999999995</v>
          </cell>
          <cell r="H1583">
            <v>-301150.19030000002</v>
          </cell>
          <cell r="I1583">
            <v>-109673.79337</v>
          </cell>
        </row>
        <row r="1584">
          <cell r="A1584" t="str">
            <v>C13204</v>
          </cell>
          <cell r="B1584">
            <v>21.328779999999998</v>
          </cell>
          <cell r="C1584">
            <v>0.10203</v>
          </cell>
          <cell r="D1584">
            <v>3961.0393600000002</v>
          </cell>
          <cell r="E1584">
            <v>3982.4701700000001</v>
          </cell>
          <cell r="F1584">
            <v>-247.35032000000001</v>
          </cell>
          <cell r="G1584">
            <v>2.72871</v>
          </cell>
          <cell r="H1584">
            <v>-20199.95666</v>
          </cell>
          <cell r="I1584">
            <v>-20444.578270000002</v>
          </cell>
        </row>
        <row r="1585">
          <cell r="A1585" t="str">
            <v>C133</v>
          </cell>
          <cell r="B1585">
            <v>3072.75621</v>
          </cell>
          <cell r="C1585">
            <v>488.87209000000001</v>
          </cell>
          <cell r="D1585">
            <v>-2861.5003700000002</v>
          </cell>
          <cell r="E1585">
            <v>700.12792999999999</v>
          </cell>
          <cell r="F1585">
            <v>-100056.63872</v>
          </cell>
          <cell r="G1585">
            <v>-1107.04295</v>
          </cell>
          <cell r="H1585">
            <v>91192.853310000006</v>
          </cell>
          <cell r="I1585">
            <v>-9970.8283599999995</v>
          </cell>
        </row>
        <row r="1586">
          <cell r="A1586" t="str">
            <v>C134</v>
          </cell>
          <cell r="B1586">
            <v>-36031.67482</v>
          </cell>
          <cell r="D1586">
            <v>2467.23801</v>
          </cell>
          <cell r="E1586">
            <v>-33564.436809999999</v>
          </cell>
          <cell r="F1586">
            <v>-17291.007829999999</v>
          </cell>
          <cell r="G1586">
            <v>0.20291999999999999</v>
          </cell>
          <cell r="H1586">
            <v>-7209.3824699999996</v>
          </cell>
          <cell r="I1586">
            <v>-24500.187379999999</v>
          </cell>
        </row>
        <row r="1587">
          <cell r="A1587" t="str">
            <v>C135</v>
          </cell>
          <cell r="F1587">
            <v>21102.299009999999</v>
          </cell>
          <cell r="G1587">
            <v>0</v>
          </cell>
          <cell r="I1587">
            <v>21102.299009999999</v>
          </cell>
        </row>
        <row r="1588">
          <cell r="A1588" t="str">
            <v>C150</v>
          </cell>
          <cell r="B1588">
            <v>-73671.961349999998</v>
          </cell>
          <cell r="D1588">
            <v>43517.904029999998</v>
          </cell>
          <cell r="E1588">
            <v>-30154.05732</v>
          </cell>
          <cell r="F1588">
            <v>5691.9968900000003</v>
          </cell>
          <cell r="G1588">
            <v>0</v>
          </cell>
          <cell r="H1588">
            <v>28814.397850000001</v>
          </cell>
          <cell r="I1588">
            <v>34506.394740000003</v>
          </cell>
        </row>
        <row r="1589">
          <cell r="A1589" t="str">
            <v>C15001</v>
          </cell>
          <cell r="B1589">
            <v>1743.0019400000001</v>
          </cell>
          <cell r="E1589">
            <v>1743.0019400000001</v>
          </cell>
          <cell r="F1589">
            <v>6972.0077600000004</v>
          </cell>
          <cell r="I1589">
            <v>6972.0077600000004</v>
          </cell>
        </row>
        <row r="1590">
          <cell r="A1590" t="str">
            <v>C15002</v>
          </cell>
          <cell r="B1590">
            <v>-72651.120569999999</v>
          </cell>
          <cell r="D1590">
            <v>43139.217239999998</v>
          </cell>
          <cell r="E1590">
            <v>-29511.903330000001</v>
          </cell>
          <cell r="F1590">
            <v>5702.9909200000002</v>
          </cell>
          <cell r="G1590">
            <v>0</v>
          </cell>
          <cell r="H1590">
            <v>28953.826300000001</v>
          </cell>
          <cell r="I1590">
            <v>34656.817219999997</v>
          </cell>
        </row>
        <row r="1591">
          <cell r="A1591" t="str">
            <v>C15003</v>
          </cell>
          <cell r="B1591">
            <v>-2763.8427200000001</v>
          </cell>
          <cell r="D1591">
            <v>378.68678999999997</v>
          </cell>
          <cell r="E1591">
            <v>-2385.1559299999999</v>
          </cell>
          <cell r="F1591">
            <v>-6983.0017900000003</v>
          </cell>
          <cell r="G1591">
            <v>0</v>
          </cell>
          <cell r="H1591">
            <v>-139.42845</v>
          </cell>
          <cell r="I1591">
            <v>-7122.4302399999997</v>
          </cell>
        </row>
        <row r="1592">
          <cell r="A1592" t="str">
            <v>C15004</v>
          </cell>
        </row>
        <row r="1593">
          <cell r="A1593" t="str">
            <v>C160</v>
          </cell>
          <cell r="B1593">
            <v>-5733.85322</v>
          </cell>
          <cell r="C1593">
            <v>290.66487000000001</v>
          </cell>
          <cell r="D1593">
            <v>1098.6384499999999</v>
          </cell>
          <cell r="E1593">
            <v>-4344.5499</v>
          </cell>
          <cell r="F1593">
            <v>-7322.7034400000002</v>
          </cell>
          <cell r="G1593">
            <v>87.182670000000002</v>
          </cell>
          <cell r="H1593">
            <v>-19089.83482</v>
          </cell>
          <cell r="I1593">
            <v>-26325.355589999999</v>
          </cell>
        </row>
        <row r="1594">
          <cell r="A1594" t="str">
            <v>C16001</v>
          </cell>
          <cell r="B1594">
            <v>2378.0267600000002</v>
          </cell>
          <cell r="C1594">
            <v>290.66487000000001</v>
          </cell>
          <cell r="D1594">
            <v>1098.6384499999999</v>
          </cell>
          <cell r="E1594">
            <v>3767.3300800000002</v>
          </cell>
          <cell r="F1594">
            <v>3829.9569700000002</v>
          </cell>
          <cell r="G1594">
            <v>87.182670000000002</v>
          </cell>
          <cell r="H1594">
            <v>-19089.83482</v>
          </cell>
          <cell r="I1594">
            <v>-15172.695180000001</v>
          </cell>
        </row>
        <row r="1595">
          <cell r="A1595" t="str">
            <v>C16002</v>
          </cell>
          <cell r="B1595">
            <v>-204.35794000000001</v>
          </cell>
          <cell r="E1595">
            <v>-204.35794000000001</v>
          </cell>
          <cell r="F1595">
            <v>324.28250000000003</v>
          </cell>
          <cell r="I1595">
            <v>324.28250000000003</v>
          </cell>
        </row>
        <row r="1596">
          <cell r="A1596" t="str">
            <v>C16003</v>
          </cell>
          <cell r="B1596">
            <v>-6730.78989</v>
          </cell>
          <cell r="E1596">
            <v>-6730.78989</v>
          </cell>
          <cell r="F1596">
            <v>-6730.78989</v>
          </cell>
          <cell r="I1596">
            <v>-6730.78989</v>
          </cell>
        </row>
        <row r="1597">
          <cell r="A1597" t="str">
            <v>C16004</v>
          </cell>
          <cell r="G1597">
            <v>0</v>
          </cell>
          <cell r="I1597">
            <v>0</v>
          </cell>
        </row>
        <row r="1598">
          <cell r="A1598" t="str">
            <v>C16006</v>
          </cell>
          <cell r="B1598">
            <v>-1176.73215</v>
          </cell>
          <cell r="E1598">
            <v>-1176.73215</v>
          </cell>
          <cell r="F1598">
            <v>-4643.85401</v>
          </cell>
          <cell r="G1598">
            <v>0</v>
          </cell>
          <cell r="I1598">
            <v>-4643.85401</v>
          </cell>
        </row>
        <row r="1599">
          <cell r="A1599" t="str">
            <v>C16007</v>
          </cell>
          <cell r="G1599">
            <v>0</v>
          </cell>
          <cell r="I1599">
            <v>0</v>
          </cell>
        </row>
        <row r="1600">
          <cell r="A1600" t="str">
            <v>C16008</v>
          </cell>
          <cell r="F1600">
            <v>-102.29901</v>
          </cell>
          <cell r="G1600">
            <v>0</v>
          </cell>
          <cell r="I1600">
            <v>-102.29901</v>
          </cell>
        </row>
        <row r="1601">
          <cell r="A1601" t="str">
            <v>C16009</v>
          </cell>
          <cell r="F1601">
            <v>-102.29901</v>
          </cell>
          <cell r="G1601">
            <v>0</v>
          </cell>
          <cell r="I1601">
            <v>-102.29901</v>
          </cell>
        </row>
        <row r="1602">
          <cell r="A1602" t="str">
            <v>C170</v>
          </cell>
          <cell r="B1602">
            <v>35802.233910000003</v>
          </cell>
          <cell r="D1602">
            <v>3842.6232500000001</v>
          </cell>
          <cell r="E1602">
            <v>39644.85716</v>
          </cell>
          <cell r="F1602">
            <v>100034.41684999999</v>
          </cell>
          <cell r="G1602">
            <v>7.2700000000000004E-3</v>
          </cell>
          <cell r="H1602">
            <v>10116.295819999999</v>
          </cell>
          <cell r="I1602">
            <v>110150.71994</v>
          </cell>
        </row>
        <row r="1603">
          <cell r="A1603" t="str">
            <v>C17001</v>
          </cell>
          <cell r="B1603">
            <v>25236.82979</v>
          </cell>
          <cell r="E1603">
            <v>25236.82979</v>
          </cell>
          <cell r="F1603">
            <v>57617.532619999998</v>
          </cell>
          <cell r="H1603">
            <v>-63.555909999999997</v>
          </cell>
          <cell r="I1603">
            <v>57553.976710000003</v>
          </cell>
        </row>
        <row r="1604">
          <cell r="A1604" t="str">
            <v>C17002</v>
          </cell>
          <cell r="B1604">
            <v>10565.404119999999</v>
          </cell>
          <cell r="D1604">
            <v>3842.6232500000001</v>
          </cell>
          <cell r="E1604">
            <v>14408.02737</v>
          </cell>
          <cell r="F1604">
            <v>42416.884230000003</v>
          </cell>
          <cell r="G1604">
            <v>7.2700000000000004E-3</v>
          </cell>
          <cell r="H1604">
            <v>16432.42769</v>
          </cell>
          <cell r="I1604">
            <v>58849.319190000002</v>
          </cell>
        </row>
        <row r="1605">
          <cell r="A1605" t="str">
            <v>C17003</v>
          </cell>
          <cell r="H1605">
            <v>-6252.5759600000001</v>
          </cell>
          <cell r="I1605">
            <v>-6252.5759600000001</v>
          </cell>
        </row>
        <row r="1606">
          <cell r="A1606" t="str">
            <v>C180</v>
          </cell>
          <cell r="D1606">
            <v>-20490.334589999999</v>
          </cell>
          <cell r="E1606">
            <v>-20490.334589999999</v>
          </cell>
          <cell r="H1606">
            <v>-65134.18116</v>
          </cell>
          <cell r="I1606">
            <v>-65134.18116</v>
          </cell>
        </row>
        <row r="1607">
          <cell r="A1607" t="str">
            <v>C2</v>
          </cell>
          <cell r="B1607">
            <v>-29389.772359999999</v>
          </cell>
          <cell r="C1607">
            <v>0</v>
          </cell>
          <cell r="D1607">
            <v>-10.271039999999999</v>
          </cell>
          <cell r="E1607">
            <v>-29400.043399999999</v>
          </cell>
          <cell r="F1607">
            <v>96381.488920000003</v>
          </cell>
          <cell r="G1607">
            <v>-3.2320000000000002E-2</v>
          </cell>
          <cell r="H1607">
            <v>5938.4303499999996</v>
          </cell>
          <cell r="I1607">
            <v>102319.88695</v>
          </cell>
        </row>
        <row r="1608">
          <cell r="A1608" t="str">
            <v>C210</v>
          </cell>
          <cell r="B1608">
            <v>-29488.556</v>
          </cell>
          <cell r="C1608">
            <v>0</v>
          </cell>
          <cell r="D1608">
            <v>-10.271039999999999</v>
          </cell>
          <cell r="E1608">
            <v>-29498.82704</v>
          </cell>
          <cell r="F1608">
            <v>-93326.938389999996</v>
          </cell>
          <cell r="G1608">
            <v>-3.2320000000000002E-2</v>
          </cell>
          <cell r="H1608">
            <v>7165.7957500000002</v>
          </cell>
          <cell r="I1608">
            <v>-86161.174960000004</v>
          </cell>
        </row>
        <row r="1609">
          <cell r="A1609" t="str">
            <v>C211</v>
          </cell>
          <cell r="B1609">
            <v>-10024.494930000001</v>
          </cell>
          <cell r="D1609">
            <v>-10.271039999999999</v>
          </cell>
          <cell r="E1609">
            <v>-10034.76597</v>
          </cell>
          <cell r="F1609">
            <v>-37892.75116</v>
          </cell>
          <cell r="G1609">
            <v>-3.2320000000000002E-2</v>
          </cell>
          <cell r="H1609">
            <v>7165.9668700000002</v>
          </cell>
          <cell r="I1609">
            <v>-30726.816610000002</v>
          </cell>
        </row>
        <row r="1610">
          <cell r="A1610" t="str">
            <v>C21101</v>
          </cell>
          <cell r="B1610">
            <v>-2417.96702</v>
          </cell>
          <cell r="D1610">
            <v>-10.271039999999999</v>
          </cell>
          <cell r="E1610">
            <v>-2428.2380600000001</v>
          </cell>
          <cell r="F1610">
            <v>-7103.6970199999996</v>
          </cell>
          <cell r="G1610">
            <v>-3.2320000000000002E-2</v>
          </cell>
          <cell r="H1610">
            <v>7165.9668700000002</v>
          </cell>
          <cell r="I1610">
            <v>62.23753</v>
          </cell>
        </row>
        <row r="1611">
          <cell r="A1611" t="str">
            <v>C21102</v>
          </cell>
          <cell r="B1611">
            <v>-7507.7442700000001</v>
          </cell>
          <cell r="E1611">
            <v>-7507.7442700000001</v>
          </cell>
          <cell r="F1611">
            <v>-30080.626830000001</v>
          </cell>
          <cell r="I1611">
            <v>-30080.626830000001</v>
          </cell>
        </row>
        <row r="1612">
          <cell r="A1612" t="str">
            <v>C21103</v>
          </cell>
          <cell r="B1612">
            <v>-98.783640000000005</v>
          </cell>
          <cell r="E1612">
            <v>-98.783640000000005</v>
          </cell>
          <cell r="F1612">
            <v>-708.42731000000003</v>
          </cell>
          <cell r="I1612">
            <v>-708.42731000000003</v>
          </cell>
        </row>
        <row r="1613">
          <cell r="A1613" t="str">
            <v>C212</v>
          </cell>
          <cell r="B1613">
            <v>-21691.939149999998</v>
          </cell>
          <cell r="C1613">
            <v>-178.64716000000001</v>
          </cell>
          <cell r="E1613">
            <v>-21870.586309999999</v>
          </cell>
          <cell r="F1613">
            <v>-62839.493170000002</v>
          </cell>
          <cell r="G1613">
            <v>-2182.94128</v>
          </cell>
          <cell r="H1613">
            <v>-0.17111999999999999</v>
          </cell>
          <cell r="I1613">
            <v>-65022.60557</v>
          </cell>
        </row>
        <row r="1614">
          <cell r="A1614" t="str">
            <v>C21201</v>
          </cell>
        </row>
        <row r="1615">
          <cell r="A1615" t="str">
            <v>C21202</v>
          </cell>
          <cell r="B1615">
            <v>-827.19552999999996</v>
          </cell>
          <cell r="C1615">
            <v>-46.596609999999998</v>
          </cell>
          <cell r="E1615">
            <v>-873.79214000000002</v>
          </cell>
          <cell r="F1615">
            <v>-553.50861999999995</v>
          </cell>
          <cell r="G1615">
            <v>801.74579000000006</v>
          </cell>
          <cell r="I1615">
            <v>248.23716999999999</v>
          </cell>
        </row>
        <row r="1616">
          <cell r="A1616" t="str">
            <v>C21203</v>
          </cell>
          <cell r="B1616">
            <v>485.80961000000002</v>
          </cell>
          <cell r="E1616">
            <v>485.80961000000002</v>
          </cell>
          <cell r="F1616">
            <v>-518.48527000000001</v>
          </cell>
          <cell r="H1616">
            <v>-0.17111999999999999</v>
          </cell>
          <cell r="I1616">
            <v>-518.65638999999999</v>
          </cell>
        </row>
        <row r="1617">
          <cell r="A1617" t="str">
            <v>C21204</v>
          </cell>
          <cell r="B1617">
            <v>-19949.87068</v>
          </cell>
          <cell r="E1617">
            <v>-19949.87068</v>
          </cell>
          <cell r="F1617">
            <v>-54915.701959999999</v>
          </cell>
          <cell r="I1617">
            <v>-54915.701959999999</v>
          </cell>
        </row>
        <row r="1618">
          <cell r="A1618" t="str">
            <v>C21205</v>
          </cell>
          <cell r="B1618">
            <v>-1163.3059699999999</v>
          </cell>
          <cell r="C1618">
            <v>-216.83786000000001</v>
          </cell>
          <cell r="E1618">
            <v>-1380.14383</v>
          </cell>
          <cell r="F1618">
            <v>-3282.3767200000002</v>
          </cell>
          <cell r="G1618">
            <v>-1646.78223</v>
          </cell>
          <cell r="I1618">
            <v>-4929.15895</v>
          </cell>
        </row>
        <row r="1619">
          <cell r="A1619" t="str">
            <v>C21206</v>
          </cell>
          <cell r="B1619">
            <v>-35.35792</v>
          </cell>
          <cell r="E1619">
            <v>-35.35792</v>
          </cell>
          <cell r="F1619">
            <v>-188.96223000000001</v>
          </cell>
          <cell r="I1619">
            <v>-188.96223000000001</v>
          </cell>
        </row>
        <row r="1620">
          <cell r="A1620" t="str">
            <v>C21207</v>
          </cell>
          <cell r="B1620">
            <v>-202.01866000000001</v>
          </cell>
          <cell r="C1620">
            <v>84.787310000000005</v>
          </cell>
          <cell r="E1620">
            <v>-117.23135000000001</v>
          </cell>
          <cell r="F1620">
            <v>-3380.4583699999998</v>
          </cell>
          <cell r="G1620">
            <v>-1337.9048399999999</v>
          </cell>
          <cell r="I1620">
            <v>-4718.3632100000004</v>
          </cell>
        </row>
        <row r="1621">
          <cell r="A1621" t="str">
            <v>C21208</v>
          </cell>
        </row>
        <row r="1622">
          <cell r="A1622" t="str">
            <v>C213</v>
          </cell>
          <cell r="B1622">
            <v>2227.87808</v>
          </cell>
          <cell r="C1622">
            <v>178.64716000000001</v>
          </cell>
          <cell r="E1622">
            <v>2406.5252399999999</v>
          </cell>
          <cell r="F1622">
            <v>7405.3059400000002</v>
          </cell>
          <cell r="G1622">
            <v>2182.94128</v>
          </cell>
          <cell r="I1622">
            <v>9588.2472199999993</v>
          </cell>
        </row>
        <row r="1623">
          <cell r="A1623" t="str">
            <v>C217</v>
          </cell>
          <cell r="H1623">
            <v>-7479.9413599999998</v>
          </cell>
          <cell r="I1623">
            <v>-7479.9413599999998</v>
          </cell>
        </row>
        <row r="1624">
          <cell r="A1624" t="str">
            <v>C220</v>
          </cell>
          <cell r="F1624">
            <v>189000</v>
          </cell>
          <cell r="I1624">
            <v>189000</v>
          </cell>
        </row>
        <row r="1625">
          <cell r="A1625" t="str">
            <v>C22001</v>
          </cell>
          <cell r="F1625">
            <v>210000</v>
          </cell>
          <cell r="I1625">
            <v>210000</v>
          </cell>
        </row>
        <row r="1626">
          <cell r="A1626" t="str">
            <v>C22002</v>
          </cell>
          <cell r="F1626">
            <v>-21000</v>
          </cell>
          <cell r="I1626">
            <v>-21000</v>
          </cell>
        </row>
        <row r="1627">
          <cell r="A1627" t="str">
            <v>C22021</v>
          </cell>
          <cell r="F1627">
            <v>-21000</v>
          </cell>
          <cell r="I1627">
            <v>-21000</v>
          </cell>
        </row>
        <row r="1628">
          <cell r="A1628" t="str">
            <v>C22022</v>
          </cell>
        </row>
        <row r="1629">
          <cell r="A1629" t="str">
            <v>C230</v>
          </cell>
        </row>
        <row r="1630">
          <cell r="A1630" t="str">
            <v>C231</v>
          </cell>
        </row>
        <row r="1631">
          <cell r="A1631" t="str">
            <v>C23102</v>
          </cell>
        </row>
        <row r="1632">
          <cell r="A1632" t="str">
            <v>C240P</v>
          </cell>
          <cell r="H1632">
            <v>6252.5759600000001</v>
          </cell>
          <cell r="I1632">
            <v>6252.5759600000001</v>
          </cell>
        </row>
        <row r="1633">
          <cell r="A1633" t="str">
            <v>C24001</v>
          </cell>
          <cell r="H1633">
            <v>6252.5759600000001</v>
          </cell>
          <cell r="I1633">
            <v>6252.5759600000001</v>
          </cell>
        </row>
        <row r="1634">
          <cell r="A1634" t="str">
            <v>C250</v>
          </cell>
          <cell r="B1634">
            <v>98.783640000000005</v>
          </cell>
          <cell r="E1634">
            <v>98.783640000000005</v>
          </cell>
          <cell r="F1634">
            <v>708.42731000000003</v>
          </cell>
          <cell r="I1634">
            <v>708.42731000000003</v>
          </cell>
        </row>
        <row r="1635">
          <cell r="A1635" t="str">
            <v>C4</v>
          </cell>
          <cell r="B1635">
            <v>-130703.14286000001</v>
          </cell>
          <cell r="C1635">
            <v>893.13829999999996</v>
          </cell>
          <cell r="D1635">
            <v>108545.56461</v>
          </cell>
          <cell r="E1635">
            <v>-21264.43995</v>
          </cell>
          <cell r="F1635">
            <v>-333261.83924</v>
          </cell>
          <cell r="G1635">
            <v>629.05665999999997</v>
          </cell>
          <cell r="H1635">
            <v>-348362.51617999998</v>
          </cell>
          <cell r="I1635">
            <v>-680995.29876000003</v>
          </cell>
        </row>
        <row r="1636">
          <cell r="A1636" t="str">
            <v>C410</v>
          </cell>
          <cell r="B1636">
            <v>-121614.30538000001</v>
          </cell>
          <cell r="C1636">
            <v>893.13829999999996</v>
          </cell>
          <cell r="D1636">
            <v>112321.6609</v>
          </cell>
          <cell r="E1636">
            <v>-8399.5061800000003</v>
          </cell>
          <cell r="F1636">
            <v>-296802.80713999999</v>
          </cell>
          <cell r="G1636">
            <v>629.06393000000003</v>
          </cell>
          <cell r="H1636">
            <v>-338978.09114999999</v>
          </cell>
          <cell r="I1636">
            <v>-635151.83435999998</v>
          </cell>
        </row>
        <row r="1637">
          <cell r="A1637" t="str">
            <v>C411</v>
          </cell>
          <cell r="B1637">
            <v>-121705.17406</v>
          </cell>
          <cell r="C1637">
            <v>893.13829999999996</v>
          </cell>
          <cell r="D1637">
            <v>112321.6609</v>
          </cell>
          <cell r="E1637">
            <v>-8490.3748599999999</v>
          </cell>
          <cell r="F1637">
            <v>-280829.41142999998</v>
          </cell>
          <cell r="G1637">
            <v>629.06393000000003</v>
          </cell>
          <cell r="H1637">
            <v>-335478.09114999999</v>
          </cell>
          <cell r="I1637">
            <v>-615678.43865000003</v>
          </cell>
        </row>
        <row r="1638">
          <cell r="A1638" t="str">
            <v>C41101</v>
          </cell>
        </row>
        <row r="1639">
          <cell r="A1639" t="str">
            <v>C41102</v>
          </cell>
          <cell r="B1639">
            <v>-121716.70479</v>
          </cell>
          <cell r="C1639">
            <v>958.77461000000005</v>
          </cell>
          <cell r="D1639">
            <v>112267.55532</v>
          </cell>
          <cell r="E1639">
            <v>-8490.3748599999999</v>
          </cell>
          <cell r="F1639">
            <v>-280840.94215999998</v>
          </cell>
          <cell r="G1639">
            <v>694.70024000000001</v>
          </cell>
          <cell r="H1639">
            <v>189276.18275000001</v>
          </cell>
          <cell r="I1639">
            <v>-90870.059169999993</v>
          </cell>
        </row>
        <row r="1640">
          <cell r="A1640" t="str">
            <v>C41103</v>
          </cell>
        </row>
        <row r="1641">
          <cell r="A1641" t="str">
            <v>C41104</v>
          </cell>
          <cell r="G1641">
            <v>0</v>
          </cell>
          <cell r="I1641">
            <v>0</v>
          </cell>
        </row>
        <row r="1642">
          <cell r="A1642" t="str">
            <v>C41108</v>
          </cell>
          <cell r="G1642">
            <v>0</v>
          </cell>
          <cell r="I1642">
            <v>0</v>
          </cell>
        </row>
        <row r="1643">
          <cell r="A1643" t="str">
            <v>C41107</v>
          </cell>
          <cell r="B1643">
            <v>11.53073</v>
          </cell>
          <cell r="C1643">
            <v>-65.636309999999995</v>
          </cell>
          <cell r="D1643">
            <v>54.105580000000003</v>
          </cell>
          <cell r="E1643">
            <v>0</v>
          </cell>
          <cell r="F1643">
            <v>11.53073</v>
          </cell>
          <cell r="G1643">
            <v>-65.636309999999995</v>
          </cell>
          <cell r="H1643">
            <v>-524754.27390000003</v>
          </cell>
          <cell r="I1643">
            <v>-524808.37948</v>
          </cell>
        </row>
        <row r="1644">
          <cell r="A1644" t="str">
            <v>C412</v>
          </cell>
          <cell r="B1644">
            <v>90.868679999999998</v>
          </cell>
          <cell r="E1644">
            <v>90.868679999999998</v>
          </cell>
          <cell r="F1644">
            <v>-15973.395710000001</v>
          </cell>
          <cell r="H1644">
            <v>-3500</v>
          </cell>
          <cell r="I1644">
            <v>-19473.395710000001</v>
          </cell>
        </row>
        <row r="1645">
          <cell r="A1645" t="str">
            <v>C430</v>
          </cell>
          <cell r="G1645">
            <v>0</v>
          </cell>
          <cell r="I1645">
            <v>0</v>
          </cell>
        </row>
        <row r="1646">
          <cell r="A1646" t="str">
            <v>C431</v>
          </cell>
          <cell r="G1646">
            <v>0</v>
          </cell>
          <cell r="I1646">
            <v>0</v>
          </cell>
        </row>
        <row r="1647">
          <cell r="A1647" t="str">
            <v>C43101</v>
          </cell>
          <cell r="G1647">
            <v>0</v>
          </cell>
          <cell r="I1647">
            <v>0</v>
          </cell>
        </row>
        <row r="1648">
          <cell r="A1648" t="str">
            <v>C440</v>
          </cell>
          <cell r="B1648">
            <v>-9088.8374800000001</v>
          </cell>
          <cell r="D1648">
            <v>-3776.09629</v>
          </cell>
          <cell r="E1648">
            <v>-12864.93377</v>
          </cell>
          <cell r="F1648">
            <v>-36459.032099999997</v>
          </cell>
          <cell r="G1648">
            <v>-7.2700000000000004E-3</v>
          </cell>
          <cell r="H1648">
            <v>-9384.4250300000003</v>
          </cell>
          <cell r="I1648">
            <v>-45843.464399999997</v>
          </cell>
        </row>
        <row r="1649">
          <cell r="A1649" t="str">
            <v>C510</v>
          </cell>
          <cell r="B1649">
            <v>-21.328779999999998</v>
          </cell>
          <cell r="C1649">
            <v>-0.10203</v>
          </cell>
          <cell r="D1649">
            <v>-3961.0393600000002</v>
          </cell>
          <cell r="E1649">
            <v>-3982.4701700000001</v>
          </cell>
          <cell r="F1649">
            <v>247.35032000000001</v>
          </cell>
          <cell r="G1649">
            <v>-2.72871</v>
          </cell>
          <cell r="H1649">
            <v>20199.95666</v>
          </cell>
          <cell r="I1649">
            <v>20444.578270000002</v>
          </cell>
        </row>
        <row r="1650">
          <cell r="A1650" t="str">
            <v>C51006</v>
          </cell>
          <cell r="B1650">
            <v>-21.328779999999998</v>
          </cell>
          <cell r="C1650">
            <v>-0.10203</v>
          </cell>
          <cell r="D1650">
            <v>-3961.0393600000002</v>
          </cell>
          <cell r="E1650">
            <v>-3982.4701700000001</v>
          </cell>
          <cell r="F1650">
            <v>247.35032000000001</v>
          </cell>
          <cell r="G1650">
            <v>-2.72871</v>
          </cell>
          <cell r="H1650">
            <v>20199.95666</v>
          </cell>
          <cell r="I1650">
            <v>20444.578270000002</v>
          </cell>
        </row>
        <row r="1709">
          <cell r="A1709" t="str">
            <v>BS</v>
          </cell>
          <cell r="B1709">
            <v>0</v>
          </cell>
          <cell r="C1709">
            <v>0</v>
          </cell>
          <cell r="D1709">
            <v>0</v>
          </cell>
          <cell r="E1709">
            <v>0</v>
          </cell>
          <cell r="F1709">
            <v>5.8900000000000003E-3</v>
          </cell>
          <cell r="G1709">
            <v>0</v>
          </cell>
          <cell r="H1709">
            <v>4.0000000000000003E-5</v>
          </cell>
          <cell r="I1709">
            <v>5.9300000000000004E-3</v>
          </cell>
        </row>
        <row r="1710">
          <cell r="A1710" t="str">
            <v>B7</v>
          </cell>
          <cell r="B1710">
            <v>27639.061730000001</v>
          </cell>
          <cell r="C1710">
            <v>-2235.7983399999998</v>
          </cell>
          <cell r="D1710">
            <v>-76362.918820000006</v>
          </cell>
          <cell r="E1710">
            <v>-50959.655429999999</v>
          </cell>
          <cell r="F1710">
            <v>155371.93505</v>
          </cell>
          <cell r="G1710">
            <v>-119189.41798</v>
          </cell>
          <cell r="H1710">
            <v>1715705.01269</v>
          </cell>
          <cell r="I1710">
            <v>1751887.5297600001</v>
          </cell>
        </row>
        <row r="1711">
          <cell r="A1711" t="str">
            <v>B7</v>
          </cell>
          <cell r="B1711">
            <v>0</v>
          </cell>
          <cell r="C1711">
            <v>0</v>
          </cell>
          <cell r="D1711">
            <v>0</v>
          </cell>
          <cell r="E1711">
            <v>0</v>
          </cell>
          <cell r="F1711">
            <v>0</v>
          </cell>
          <cell r="G1711">
            <v>0</v>
          </cell>
          <cell r="H1711">
            <v>0</v>
          </cell>
          <cell r="I1711">
            <v>0</v>
          </cell>
        </row>
        <row r="1712">
          <cell r="A1712" t="str">
            <v>B3</v>
          </cell>
          <cell r="B1712">
            <v>-57106.227250000004</v>
          </cell>
          <cell r="C1712">
            <v>-1187.3512900000001</v>
          </cell>
          <cell r="D1712">
            <v>-92187.314960000003</v>
          </cell>
          <cell r="E1712">
            <v>-150480.89350000001</v>
          </cell>
          <cell r="F1712">
            <v>833269.40483999997</v>
          </cell>
          <cell r="G1712">
            <v>-63131.76655</v>
          </cell>
          <cell r="H1712">
            <v>1598066.66445</v>
          </cell>
          <cell r="I1712">
            <v>2368204.3027400002</v>
          </cell>
        </row>
        <row r="1713">
          <cell r="A1713" t="str">
            <v>B100</v>
          </cell>
          <cell r="B1713">
            <v>28225.365330000001</v>
          </cell>
          <cell r="C1713">
            <v>-46.304519999999997</v>
          </cell>
          <cell r="D1713">
            <v>-69.332520000000002</v>
          </cell>
          <cell r="E1713">
            <v>28109.728289999999</v>
          </cell>
          <cell r="F1713">
            <v>1644530.1174099999</v>
          </cell>
          <cell r="G1713">
            <v>4009.0256199999999</v>
          </cell>
          <cell r="H1713">
            <v>4546.3784900000001</v>
          </cell>
          <cell r="I1713">
            <v>1653085.52152</v>
          </cell>
        </row>
        <row r="1714">
          <cell r="A1714" t="str">
            <v>B110</v>
          </cell>
          <cell r="B1714">
            <v>28225.365330000001</v>
          </cell>
          <cell r="C1714">
            <v>-46.304519999999997</v>
          </cell>
          <cell r="D1714">
            <v>-43.691830000000003</v>
          </cell>
          <cell r="E1714">
            <v>28135.368979999999</v>
          </cell>
          <cell r="F1714">
            <v>1644530.1174099999</v>
          </cell>
          <cell r="G1714">
            <v>4009.0256199999999</v>
          </cell>
          <cell r="H1714">
            <v>4214.26998</v>
          </cell>
          <cell r="I1714">
            <v>1652753.41301</v>
          </cell>
        </row>
        <row r="1715">
          <cell r="A1715" t="str">
            <v>B11001</v>
          </cell>
          <cell r="B1715">
            <v>45624.295619999997</v>
          </cell>
          <cell r="C1715">
            <v>-21.036079999999998</v>
          </cell>
          <cell r="D1715">
            <v>0.31106</v>
          </cell>
          <cell r="E1715">
            <v>45603.570599999999</v>
          </cell>
          <cell r="F1715">
            <v>4502445.3086099997</v>
          </cell>
          <cell r="G1715">
            <v>10505.69485</v>
          </cell>
          <cell r="H1715">
            <v>5676.8025600000001</v>
          </cell>
          <cell r="I1715">
            <v>4518627.80602</v>
          </cell>
        </row>
        <row r="1716">
          <cell r="A1716" t="str">
            <v>B11003</v>
          </cell>
          <cell r="F1716">
            <v>4477169.1135</v>
          </cell>
          <cell r="G1716">
            <v>10526.698609999999</v>
          </cell>
          <cell r="H1716">
            <v>12842.287249999999</v>
          </cell>
          <cell r="I1716">
            <v>4500538.0993600003</v>
          </cell>
        </row>
        <row r="1717">
          <cell r="A1717" t="str">
            <v>B11004</v>
          </cell>
          <cell r="C1717">
            <v>-21.036079999999998</v>
          </cell>
          <cell r="E1717">
            <v>-21.036079999999998</v>
          </cell>
          <cell r="F1717">
            <v>-113350.75539999999</v>
          </cell>
          <cell r="G1717">
            <v>-21.036079999999998</v>
          </cell>
          <cell r="I1717">
            <v>-113371.79148</v>
          </cell>
        </row>
        <row r="1718">
          <cell r="A1718" t="str">
            <v>B11005</v>
          </cell>
          <cell r="B1718">
            <v>45578.056559999997</v>
          </cell>
          <cell r="D1718">
            <v>0.31106</v>
          </cell>
          <cell r="E1718">
            <v>45578.367619999997</v>
          </cell>
          <cell r="F1718">
            <v>137872.28414</v>
          </cell>
          <cell r="G1718">
            <v>3.2320000000000002E-2</v>
          </cell>
          <cell r="H1718">
            <v>-7165.4846900000002</v>
          </cell>
          <cell r="I1718">
            <v>130706.83177</v>
          </cell>
        </row>
        <row r="1719">
          <cell r="A1719" t="str">
            <v>B11006</v>
          </cell>
          <cell r="B1719">
            <v>46.239060000000002</v>
          </cell>
          <cell r="E1719">
            <v>46.239060000000002</v>
          </cell>
          <cell r="F1719">
            <v>754.66637000000003</v>
          </cell>
          <cell r="I1719">
            <v>754.66637000000003</v>
          </cell>
        </row>
        <row r="1720">
          <cell r="A1720" t="str">
            <v>B11021</v>
          </cell>
          <cell r="G1720">
            <v>0</v>
          </cell>
          <cell r="I1720">
            <v>0</v>
          </cell>
        </row>
        <row r="1721">
          <cell r="A1721" t="str">
            <v>B11012</v>
          </cell>
          <cell r="G1721">
            <v>0</v>
          </cell>
          <cell r="I1721">
            <v>0</v>
          </cell>
        </row>
        <row r="1722">
          <cell r="A1722" t="str">
            <v>B11002</v>
          </cell>
          <cell r="B1722">
            <v>-17398.93029</v>
          </cell>
          <cell r="C1722">
            <v>-25.268439999999998</v>
          </cell>
          <cell r="D1722">
            <v>-44.002890000000001</v>
          </cell>
          <cell r="E1722">
            <v>-17468.20162</v>
          </cell>
          <cell r="F1722">
            <v>-2857915.1911999998</v>
          </cell>
          <cell r="G1722">
            <v>-6496.6692300000004</v>
          </cell>
          <cell r="H1722">
            <v>-1462.5325800000001</v>
          </cell>
          <cell r="I1722">
            <v>-2865874.3930100002</v>
          </cell>
        </row>
        <row r="1723">
          <cell r="A1723" t="str">
            <v>B11014</v>
          </cell>
          <cell r="F1723">
            <v>-2726093.2281200001</v>
          </cell>
          <cell r="G1723">
            <v>-6284.9959900000003</v>
          </cell>
          <cell r="H1723">
            <v>-1267.0253499999999</v>
          </cell>
          <cell r="I1723">
            <v>-2733645.2494600001</v>
          </cell>
        </row>
        <row r="1724">
          <cell r="A1724" t="str">
            <v>B11017</v>
          </cell>
          <cell r="B1724">
            <v>-17398.93029</v>
          </cell>
          <cell r="C1724">
            <v>-46.304519999999997</v>
          </cell>
          <cell r="D1724">
            <v>-44.002890000000001</v>
          </cell>
          <cell r="E1724">
            <v>-17489.237700000001</v>
          </cell>
          <cell r="F1724">
            <v>-131821.96307999999</v>
          </cell>
          <cell r="G1724">
            <v>-232.70931999999999</v>
          </cell>
          <cell r="H1724">
            <v>-195.50722999999999</v>
          </cell>
          <cell r="I1724">
            <v>-132250.17963</v>
          </cell>
        </row>
        <row r="1725">
          <cell r="A1725" t="str">
            <v>B11018</v>
          </cell>
          <cell r="C1725">
            <v>21.036079999999998</v>
          </cell>
          <cell r="E1725">
            <v>21.036079999999998</v>
          </cell>
          <cell r="G1725">
            <v>21.036079999999998</v>
          </cell>
          <cell r="I1725">
            <v>21.036079999999998</v>
          </cell>
        </row>
        <row r="1726">
          <cell r="A1726" t="str">
            <v>B11025</v>
          </cell>
          <cell r="G1726">
            <v>0</v>
          </cell>
          <cell r="I1726">
            <v>0</v>
          </cell>
        </row>
        <row r="1727">
          <cell r="A1727" t="str">
            <v>B11022</v>
          </cell>
          <cell r="G1727">
            <v>0</v>
          </cell>
          <cell r="I1727">
            <v>0</v>
          </cell>
        </row>
        <row r="1728">
          <cell r="A1728" t="str">
            <v>B120</v>
          </cell>
          <cell r="D1728">
            <v>-25.640689999999999</v>
          </cell>
          <cell r="E1728">
            <v>-25.640689999999999</v>
          </cell>
          <cell r="H1728">
            <v>284.99687</v>
          </cell>
          <cell r="I1728">
            <v>284.99687</v>
          </cell>
        </row>
        <row r="1729">
          <cell r="A1729" t="str">
            <v>B12004</v>
          </cell>
          <cell r="H1729">
            <v>1559.7547400000001</v>
          </cell>
          <cell r="I1729">
            <v>1559.7547400000001</v>
          </cell>
        </row>
        <row r="1730">
          <cell r="A1730" t="str">
            <v>B12006</v>
          </cell>
          <cell r="H1730">
            <v>1559.7547400000001</v>
          </cell>
          <cell r="I1730">
            <v>1559.7547400000001</v>
          </cell>
        </row>
        <row r="1731">
          <cell r="A1731" t="str">
            <v>B12051</v>
          </cell>
          <cell r="H1731">
            <v>1559.7547300000001</v>
          </cell>
          <cell r="I1731">
            <v>1559.7547300000001</v>
          </cell>
        </row>
        <row r="1732">
          <cell r="A1732" t="str">
            <v>B12017</v>
          </cell>
          <cell r="H1732">
            <v>1.0000000000000001E-5</v>
          </cell>
          <cell r="I1732">
            <v>1.0000000000000001E-5</v>
          </cell>
        </row>
        <row r="1733">
          <cell r="A1733" t="str">
            <v>B12005</v>
          </cell>
          <cell r="D1733">
            <v>-25.640689999999999</v>
          </cell>
          <cell r="E1733">
            <v>-25.640689999999999</v>
          </cell>
          <cell r="H1733">
            <v>-1274.7578699999999</v>
          </cell>
          <cell r="I1733">
            <v>-1274.7578699999999</v>
          </cell>
        </row>
        <row r="1734">
          <cell r="A1734" t="str">
            <v>B12010</v>
          </cell>
          <cell r="H1734">
            <v>-1146.55438</v>
          </cell>
          <cell r="I1734">
            <v>-1146.55438</v>
          </cell>
        </row>
        <row r="1735">
          <cell r="A1735" t="str">
            <v>B12031</v>
          </cell>
          <cell r="H1735">
            <v>-1146.5543700000001</v>
          </cell>
          <cell r="I1735">
            <v>-1146.5543700000001</v>
          </cell>
        </row>
        <row r="1736">
          <cell r="A1736" t="str">
            <v>B12032</v>
          </cell>
          <cell r="H1736">
            <v>-1.0000000000000001E-5</v>
          </cell>
          <cell r="I1736">
            <v>-1.0000000000000001E-5</v>
          </cell>
        </row>
        <row r="1737">
          <cell r="A1737" t="str">
            <v>B12011</v>
          </cell>
          <cell r="D1737">
            <v>-25.640689999999999</v>
          </cell>
          <cell r="E1737">
            <v>-25.640689999999999</v>
          </cell>
          <cell r="H1737">
            <v>-128.20348999999999</v>
          </cell>
          <cell r="I1737">
            <v>-128.20348999999999</v>
          </cell>
        </row>
        <row r="1738">
          <cell r="A1738" t="str">
            <v>B12046</v>
          </cell>
          <cell r="D1738">
            <v>-25.640689999999999</v>
          </cell>
          <cell r="E1738">
            <v>-25.640689999999999</v>
          </cell>
          <cell r="H1738">
            <v>-128.20348999999999</v>
          </cell>
          <cell r="I1738">
            <v>-128.20348999999999</v>
          </cell>
        </row>
        <row r="1739">
          <cell r="A1739" t="str">
            <v>B130</v>
          </cell>
          <cell r="G1739">
            <v>0</v>
          </cell>
          <cell r="H1739">
            <v>47.111640000000001</v>
          </cell>
          <cell r="I1739">
            <v>47.111640000000001</v>
          </cell>
        </row>
        <row r="1740">
          <cell r="A1740" t="str">
            <v>B132</v>
          </cell>
          <cell r="G1740">
            <v>0</v>
          </cell>
          <cell r="H1740">
            <v>47.111640000000001</v>
          </cell>
          <cell r="I1740">
            <v>47.111640000000001</v>
          </cell>
        </row>
        <row r="1741">
          <cell r="A1741" t="str">
            <v>B13201</v>
          </cell>
          <cell r="H1741">
            <v>47.111640000000001</v>
          </cell>
          <cell r="I1741">
            <v>47.111640000000001</v>
          </cell>
        </row>
        <row r="1742">
          <cell r="A1742" t="str">
            <v>B13202</v>
          </cell>
          <cell r="G1742">
            <v>0</v>
          </cell>
          <cell r="I1742">
            <v>0</v>
          </cell>
        </row>
        <row r="1743">
          <cell r="A1743" t="str">
            <v>B13204</v>
          </cell>
        </row>
        <row r="1744">
          <cell r="A1744" t="str">
            <v>B13205</v>
          </cell>
          <cell r="G1744">
            <v>0</v>
          </cell>
          <cell r="I1744">
            <v>0</v>
          </cell>
        </row>
        <row r="1745">
          <cell r="A1745" t="str">
            <v>B200</v>
          </cell>
          <cell r="B1745">
            <v>-4058.8051300000002</v>
          </cell>
          <cell r="C1745">
            <v>-529.18345999999997</v>
          </cell>
          <cell r="D1745">
            <v>-2133.7299499999999</v>
          </cell>
          <cell r="E1745">
            <v>-6721.7185399999998</v>
          </cell>
          <cell r="F1745">
            <v>-428.71814999999998</v>
          </cell>
          <cell r="G1745">
            <v>4680.0620200000003</v>
          </cell>
          <cell r="H1745">
            <v>90931.878670000006</v>
          </cell>
          <cell r="I1745">
            <v>95183.222540000002</v>
          </cell>
        </row>
        <row r="1746">
          <cell r="A1746" t="str">
            <v>B270</v>
          </cell>
          <cell r="B1746">
            <v>-4058.8051300000002</v>
          </cell>
          <cell r="C1746">
            <v>-529.18345999999997</v>
          </cell>
          <cell r="D1746">
            <v>-2133.7299499999999</v>
          </cell>
          <cell r="E1746">
            <v>-6721.7185399999998</v>
          </cell>
          <cell r="F1746">
            <v>-428.71814999999998</v>
          </cell>
          <cell r="G1746">
            <v>4680.0620200000003</v>
          </cell>
          <cell r="H1746">
            <v>90931.878670000006</v>
          </cell>
          <cell r="I1746">
            <v>95183.222540000002</v>
          </cell>
        </row>
        <row r="1747">
          <cell r="A1747" t="str">
            <v>B250</v>
          </cell>
          <cell r="B1747">
            <v>-1410.31324</v>
          </cell>
          <cell r="D1747">
            <v>-23456.15955</v>
          </cell>
          <cell r="E1747">
            <v>-24866.47279</v>
          </cell>
          <cell r="F1747">
            <v>-74735.835919999998</v>
          </cell>
          <cell r="G1747">
            <v>-22.75723</v>
          </cell>
          <cell r="H1747">
            <v>426379.07406000001</v>
          </cell>
          <cell r="I1747">
            <v>351620.48090999998</v>
          </cell>
        </row>
        <row r="1748">
          <cell r="A1748" t="str">
            <v>B300</v>
          </cell>
          <cell r="B1748">
            <v>-79862.47421</v>
          </cell>
          <cell r="C1748">
            <v>-611.86330999999996</v>
          </cell>
          <cell r="D1748">
            <v>-66528.092940000002</v>
          </cell>
          <cell r="E1748">
            <v>-147002.43046</v>
          </cell>
          <cell r="F1748">
            <v>-736096.15850000002</v>
          </cell>
          <cell r="G1748">
            <v>-71798.096959999995</v>
          </cell>
          <cell r="H1748">
            <v>1076209.33323</v>
          </cell>
          <cell r="I1748">
            <v>268315.07776999997</v>
          </cell>
        </row>
        <row r="1749">
          <cell r="A1749" t="str">
            <v>B310</v>
          </cell>
          <cell r="B1749">
            <v>-8451.0384200000008</v>
          </cell>
          <cell r="D1749">
            <v>888.19687999999996</v>
          </cell>
          <cell r="E1749">
            <v>-7562.8415400000004</v>
          </cell>
          <cell r="F1749">
            <v>47293.041839999998</v>
          </cell>
          <cell r="G1749">
            <v>0</v>
          </cell>
          <cell r="H1749">
            <v>8868.2108599999992</v>
          </cell>
          <cell r="I1749">
            <v>56161.252699999997</v>
          </cell>
        </row>
        <row r="1750">
          <cell r="A1750" t="str">
            <v>B320</v>
          </cell>
          <cell r="B1750">
            <v>66869.831850000002</v>
          </cell>
          <cell r="C1750">
            <v>-611.86330999999996</v>
          </cell>
          <cell r="D1750">
            <v>4604.2643099999996</v>
          </cell>
          <cell r="E1750">
            <v>70862.23285</v>
          </cell>
          <cell r="F1750">
            <v>-1785728.29957</v>
          </cell>
          <cell r="G1750">
            <v>-71999.722869999998</v>
          </cell>
          <cell r="H1750">
            <v>1907519.5688400001</v>
          </cell>
          <cell r="I1750">
            <v>49791.546399999999</v>
          </cell>
        </row>
        <row r="1751">
          <cell r="A1751" t="str">
            <v>B321</v>
          </cell>
          <cell r="F1751">
            <v>21078.066630000001</v>
          </cell>
          <cell r="I1751">
            <v>21078.066630000001</v>
          </cell>
        </row>
        <row r="1752">
          <cell r="A1752" t="str">
            <v>B322</v>
          </cell>
          <cell r="F1752">
            <v>-209.54013</v>
          </cell>
          <cell r="G1752">
            <v>209.54013</v>
          </cell>
          <cell r="I1752">
            <v>0</v>
          </cell>
        </row>
        <row r="1753">
          <cell r="A1753" t="str">
            <v>B330</v>
          </cell>
          <cell r="B1753">
            <v>-138281.26764000001</v>
          </cell>
          <cell r="D1753">
            <v>-72020.554130000004</v>
          </cell>
          <cell r="E1753">
            <v>-210301.82177000001</v>
          </cell>
          <cell r="F1753">
            <v>981470.57273000001</v>
          </cell>
          <cell r="G1753">
            <v>-7.9142200000000003</v>
          </cell>
          <cell r="H1753">
            <v>-840178.44646999997</v>
          </cell>
          <cell r="I1753">
            <v>141284.21204000001</v>
          </cell>
        </row>
        <row r="1754">
          <cell r="A1754" t="str">
            <v>B332</v>
          </cell>
          <cell r="B1754">
            <v>-138281.26764000001</v>
          </cell>
          <cell r="D1754">
            <v>-72020.554130000004</v>
          </cell>
          <cell r="E1754">
            <v>-210301.82177000001</v>
          </cell>
          <cell r="F1754">
            <v>981470.57273000001</v>
          </cell>
          <cell r="G1754">
            <v>-7.9142200000000003</v>
          </cell>
          <cell r="H1754">
            <v>-840178.44646999997</v>
          </cell>
          <cell r="I1754">
            <v>141284.21204000001</v>
          </cell>
        </row>
        <row r="1755">
          <cell r="A1755" t="str">
            <v>B400</v>
          </cell>
          <cell r="B1755">
            <v>84013.914600000004</v>
          </cell>
          <cell r="C1755">
            <v>-1048.44705</v>
          </cell>
          <cell r="D1755">
            <v>17214.161120000001</v>
          </cell>
          <cell r="E1755">
            <v>100179.62867000001</v>
          </cell>
          <cell r="F1755">
            <v>-283546.94111999997</v>
          </cell>
          <cell r="G1755">
            <v>-56057.651429999998</v>
          </cell>
          <cell r="H1755">
            <v>101572.62229</v>
          </cell>
          <cell r="I1755">
            <v>-238031.97026</v>
          </cell>
        </row>
        <row r="1756">
          <cell r="A1756" t="str">
            <v>B410</v>
          </cell>
          <cell r="B1756">
            <v>87623.828840000002</v>
          </cell>
          <cell r="C1756">
            <v>152.85032000000001</v>
          </cell>
          <cell r="D1756">
            <v>11900.733039999999</v>
          </cell>
          <cell r="E1756">
            <v>99677.412200000006</v>
          </cell>
          <cell r="F1756">
            <v>-36746.674740000002</v>
          </cell>
          <cell r="G1756">
            <v>-69232.97752</v>
          </cell>
          <cell r="H1756">
            <v>-110680.25795</v>
          </cell>
          <cell r="I1756">
            <v>-216659.91021</v>
          </cell>
        </row>
        <row r="1757">
          <cell r="A1757" t="str">
            <v>B411</v>
          </cell>
          <cell r="B1757">
            <v>87700.827969999998</v>
          </cell>
          <cell r="C1757">
            <v>152.85032000000001</v>
          </cell>
          <cell r="D1757">
            <v>11808.122530000001</v>
          </cell>
          <cell r="E1757">
            <v>99661.800820000004</v>
          </cell>
          <cell r="F1757">
            <v>-33034.81697</v>
          </cell>
          <cell r="G1757">
            <v>-69232.97752</v>
          </cell>
          <cell r="H1757">
            <v>-103724.8658</v>
          </cell>
          <cell r="I1757">
            <v>-205992.66029</v>
          </cell>
        </row>
        <row r="1758">
          <cell r="A1758" t="str">
            <v>B413</v>
          </cell>
          <cell r="B1758">
            <v>-76.999129999999994</v>
          </cell>
          <cell r="D1758">
            <v>92.610510000000005</v>
          </cell>
          <cell r="E1758">
            <v>15.61138</v>
          </cell>
          <cell r="F1758">
            <v>-3711.8577700000001</v>
          </cell>
          <cell r="H1758">
            <v>-6955.3921499999997</v>
          </cell>
          <cell r="I1758">
            <v>-10667.24992</v>
          </cell>
        </row>
        <row r="1759">
          <cell r="A1759" t="str">
            <v>B420</v>
          </cell>
          <cell r="B1759">
            <v>-3609.9142400000001</v>
          </cell>
          <cell r="C1759">
            <v>-1201.29737</v>
          </cell>
          <cell r="D1759">
            <v>5313.4280799999997</v>
          </cell>
          <cell r="E1759">
            <v>502.21647000000002</v>
          </cell>
          <cell r="F1759">
            <v>-246800.26637999999</v>
          </cell>
          <cell r="G1759">
            <v>13175.32609</v>
          </cell>
          <cell r="H1759">
            <v>212252.88024</v>
          </cell>
          <cell r="I1759">
            <v>-21372.06005</v>
          </cell>
        </row>
        <row r="1760">
          <cell r="A1760" t="str">
            <v>B421</v>
          </cell>
          <cell r="B1760">
            <v>-3023.9572199999998</v>
          </cell>
          <cell r="D1760">
            <v>3557.8143799999998</v>
          </cell>
          <cell r="E1760">
            <v>533.85716000000002</v>
          </cell>
          <cell r="F1760">
            <v>-253858.87787</v>
          </cell>
          <cell r="G1760">
            <v>-989.44628999999998</v>
          </cell>
          <cell r="H1760">
            <v>234208.03273000001</v>
          </cell>
          <cell r="I1760">
            <v>-20640.291430000001</v>
          </cell>
        </row>
        <row r="1761">
          <cell r="A1761" t="str">
            <v>B42101</v>
          </cell>
          <cell r="D1761">
            <v>3557.8143799999998</v>
          </cell>
          <cell r="E1761">
            <v>3557.8143799999998</v>
          </cell>
          <cell r="H1761">
            <v>68691.995540000004</v>
          </cell>
          <cell r="I1761">
            <v>68691.995540000004</v>
          </cell>
        </row>
        <row r="1762">
          <cell r="A1762" t="str">
            <v>B42102</v>
          </cell>
          <cell r="B1762">
            <v>-3023.9572199999998</v>
          </cell>
          <cell r="E1762">
            <v>-3023.9572199999998</v>
          </cell>
          <cell r="F1762">
            <v>-55895.336819999997</v>
          </cell>
          <cell r="H1762">
            <v>63.555909999999997</v>
          </cell>
          <cell r="I1762">
            <v>-55831.780910000001</v>
          </cell>
        </row>
        <row r="1763">
          <cell r="A1763" t="str">
            <v>B42103</v>
          </cell>
          <cell r="F1763">
            <v>-198971.75786000001</v>
          </cell>
          <cell r="G1763">
            <v>-989.44628999999998</v>
          </cell>
          <cell r="H1763">
            <v>165452.48128000001</v>
          </cell>
          <cell r="I1763">
            <v>-34508.722869999998</v>
          </cell>
        </row>
        <row r="1764">
          <cell r="A1764" t="str">
            <v>B42104</v>
          </cell>
          <cell r="F1764">
            <v>1008.21681</v>
          </cell>
          <cell r="I1764">
            <v>1008.21681</v>
          </cell>
        </row>
        <row r="1765">
          <cell r="A1765" t="str">
            <v>B422</v>
          </cell>
          <cell r="B1765">
            <v>-585.95702000000006</v>
          </cell>
          <cell r="C1765">
            <v>-1201.29737</v>
          </cell>
          <cell r="D1765">
            <v>1755.6137000000001</v>
          </cell>
          <cell r="E1765">
            <v>-31.640689999999999</v>
          </cell>
          <cell r="F1765">
            <v>7058.6114900000002</v>
          </cell>
          <cell r="G1765">
            <v>14164.77238</v>
          </cell>
          <cell r="H1765">
            <v>-21955.15249</v>
          </cell>
          <cell r="I1765">
            <v>-731.76862000000006</v>
          </cell>
        </row>
        <row r="1766">
          <cell r="A1766" t="str">
            <v>B500</v>
          </cell>
          <cell r="H1766">
            <v>0</v>
          </cell>
          <cell r="I1766">
            <v>0</v>
          </cell>
        </row>
        <row r="1767">
          <cell r="A1767" t="str">
            <v>B600</v>
          </cell>
          <cell r="B1767">
            <v>731.37437999999997</v>
          </cell>
          <cell r="D1767">
            <v>-1389.7649799999999</v>
          </cell>
          <cell r="E1767">
            <v>-658.39059999999995</v>
          </cell>
          <cell r="F1767">
            <v>-394350.52867000003</v>
          </cell>
          <cell r="G1767">
            <v>0</v>
          </cell>
          <cell r="H1767">
            <v>16065.72595</v>
          </cell>
          <cell r="I1767">
            <v>-378284.80271999998</v>
          </cell>
        </row>
        <row r="1768">
          <cell r="A1768" t="str">
            <v>B630</v>
          </cell>
        </row>
        <row r="1769">
          <cell r="A1769" t="str">
            <v>B640</v>
          </cell>
          <cell r="B1769">
            <v>-1743.0019299999999</v>
          </cell>
          <cell r="E1769">
            <v>-1743.0019299999999</v>
          </cell>
          <cell r="F1769">
            <v>-362544.40240999998</v>
          </cell>
          <cell r="I1769">
            <v>-362544.40240999998</v>
          </cell>
        </row>
        <row r="1770">
          <cell r="A1770" t="str">
            <v>B64001</v>
          </cell>
          <cell r="F1770">
            <v>-353829.39272</v>
          </cell>
          <cell r="I1770">
            <v>-353829.39272</v>
          </cell>
        </row>
        <row r="1771">
          <cell r="A1771" t="str">
            <v>B64003</v>
          </cell>
          <cell r="B1771">
            <v>-1743.0019400000001</v>
          </cell>
          <cell r="E1771">
            <v>-1743.0019400000001</v>
          </cell>
          <cell r="F1771">
            <v>-8715.0097000000005</v>
          </cell>
          <cell r="I1771">
            <v>-8715.0097000000005</v>
          </cell>
        </row>
        <row r="1772">
          <cell r="A1772" t="str">
            <v>B64007</v>
          </cell>
          <cell r="B1772">
            <v>1.0000000000000001E-5</v>
          </cell>
          <cell r="E1772">
            <v>1.0000000000000001E-5</v>
          </cell>
          <cell r="F1772">
            <v>1.0000000000000001E-5</v>
          </cell>
          <cell r="I1772">
            <v>1.0000000000000001E-5</v>
          </cell>
        </row>
        <row r="1773">
          <cell r="A1773" t="str">
            <v>B650</v>
          </cell>
          <cell r="B1773">
            <v>2474.3763100000001</v>
          </cell>
          <cell r="D1773">
            <v>-1389.7649799999999</v>
          </cell>
          <cell r="E1773">
            <v>1084.61133</v>
          </cell>
          <cell r="F1773">
            <v>-31806.126260000001</v>
          </cell>
          <cell r="G1773">
            <v>0</v>
          </cell>
          <cell r="H1773">
            <v>16065.72595</v>
          </cell>
          <cell r="I1773">
            <v>-15740.400310000001</v>
          </cell>
        </row>
        <row r="1774">
          <cell r="A1774" t="str">
            <v>B65001</v>
          </cell>
          <cell r="B1774">
            <v>1349.73993</v>
          </cell>
          <cell r="D1774">
            <v>-279.98061999999999</v>
          </cell>
          <cell r="E1774">
            <v>1069.7593099999999</v>
          </cell>
          <cell r="F1774">
            <v>-15505.36202</v>
          </cell>
          <cell r="H1774">
            <v>0</v>
          </cell>
          <cell r="I1774">
            <v>-15505.36202</v>
          </cell>
        </row>
        <row r="1775">
          <cell r="A1775" t="str">
            <v>B65002</v>
          </cell>
          <cell r="F1775">
            <v>-16716.97033</v>
          </cell>
          <cell r="I1775">
            <v>-16716.97033</v>
          </cell>
        </row>
        <row r="1776">
          <cell r="A1776" t="str">
            <v>B65004</v>
          </cell>
          <cell r="B1776">
            <v>558.20893000000001</v>
          </cell>
          <cell r="E1776">
            <v>558.20893000000001</v>
          </cell>
          <cell r="F1776">
            <v>337.78503000000001</v>
          </cell>
          <cell r="I1776">
            <v>337.78503000000001</v>
          </cell>
        </row>
        <row r="1777">
          <cell r="A1777" t="str">
            <v>B65007</v>
          </cell>
          <cell r="B1777">
            <v>791.53099999999995</v>
          </cell>
          <cell r="D1777">
            <v>-279.98061999999999</v>
          </cell>
          <cell r="E1777">
            <v>511.55038000000002</v>
          </cell>
          <cell r="F1777">
            <v>873.82327999999995</v>
          </cell>
          <cell r="H1777">
            <v>0</v>
          </cell>
          <cell r="I1777">
            <v>873.82327999999995</v>
          </cell>
        </row>
        <row r="1778">
          <cell r="A1778" t="str">
            <v>B65031P</v>
          </cell>
          <cell r="B1778">
            <v>1124.6363799999999</v>
          </cell>
          <cell r="D1778">
            <v>-1109.7843600000001</v>
          </cell>
          <cell r="E1778">
            <v>14.85202</v>
          </cell>
          <cell r="F1778">
            <v>-16300.76424</v>
          </cell>
          <cell r="G1778">
            <v>0</v>
          </cell>
          <cell r="H1778">
            <v>16065.72595</v>
          </cell>
          <cell r="I1778">
            <v>-235.03828999999999</v>
          </cell>
        </row>
        <row r="1779">
          <cell r="A1779" t="str">
            <v>B65035</v>
          </cell>
          <cell r="F1779">
            <v>27416.678879999999</v>
          </cell>
          <cell r="H1779">
            <v>17316.062480000001</v>
          </cell>
          <cell r="I1779">
            <v>44732.74136</v>
          </cell>
        </row>
        <row r="1780">
          <cell r="A1780" t="str">
            <v>B65034</v>
          </cell>
          <cell r="B1780">
            <v>1124.6363799999999</v>
          </cell>
          <cell r="D1780">
            <v>-1109.7843600000001</v>
          </cell>
          <cell r="E1780">
            <v>14.85202</v>
          </cell>
          <cell r="F1780">
            <v>1273.7620300000001</v>
          </cell>
          <cell r="G1780">
            <v>0</v>
          </cell>
          <cell r="H1780">
            <v>-1250.33653</v>
          </cell>
          <cell r="I1780">
            <v>23.4255</v>
          </cell>
        </row>
        <row r="1781">
          <cell r="A1781" t="str">
            <v>B65031</v>
          </cell>
          <cell r="F1781">
            <v>-44991.205150000002</v>
          </cell>
          <cell r="I1781">
            <v>-44991.205150000002</v>
          </cell>
        </row>
        <row r="1782">
          <cell r="A1782" t="str">
            <v>B800</v>
          </cell>
          <cell r="B1782">
            <v>-63512.897770000003</v>
          </cell>
          <cell r="C1782">
            <v>1661.9262100000001</v>
          </cell>
          <cell r="D1782">
            <v>71461.362569999998</v>
          </cell>
          <cell r="E1782">
            <v>9610.3910099999994</v>
          </cell>
          <cell r="F1782">
            <v>2907281.9997</v>
          </cell>
          <cell r="G1782">
            <v>-675022.39580000006</v>
          </cell>
          <cell r="H1782">
            <v>-2515957.8171700002</v>
          </cell>
          <cell r="I1782">
            <v>-283698.21327000001</v>
          </cell>
        </row>
        <row r="1783">
          <cell r="A1783" t="str">
            <v>B810</v>
          </cell>
          <cell r="F1783">
            <v>-756.90105000000005</v>
          </cell>
          <cell r="G1783">
            <v>95000</v>
          </cell>
          <cell r="H1783">
            <v>-1475695.7324000001</v>
          </cell>
          <cell r="I1783">
            <v>-1381452.6334500001</v>
          </cell>
        </row>
        <row r="1784">
          <cell r="A1784" t="str">
            <v>B81001</v>
          </cell>
          <cell r="F1784">
            <v>-756.90105000000005</v>
          </cell>
          <cell r="G1784">
            <v>95000</v>
          </cell>
          <cell r="H1784">
            <v>-1475695.7324000001</v>
          </cell>
          <cell r="I1784">
            <v>-1381452.6334500001</v>
          </cell>
        </row>
        <row r="1785">
          <cell r="A1785" t="str">
            <v>B81004</v>
          </cell>
          <cell r="F1785">
            <v>-756.90105000000005</v>
          </cell>
          <cell r="G1785">
            <v>95000</v>
          </cell>
          <cell r="H1785">
            <v>-1475695.7324000001</v>
          </cell>
          <cell r="I1785">
            <v>-1381452.6334500001</v>
          </cell>
        </row>
        <row r="1786">
          <cell r="A1786" t="str">
            <v>B81009</v>
          </cell>
        </row>
        <row r="1787">
          <cell r="A1787" t="str">
            <v>B81025</v>
          </cell>
        </row>
        <row r="1788">
          <cell r="A1788" t="str">
            <v>B81026</v>
          </cell>
        </row>
        <row r="1789">
          <cell r="A1789" t="str">
            <v>B81010</v>
          </cell>
          <cell r="F1789">
            <v>-756.90105000000005</v>
          </cell>
          <cell r="G1789">
            <v>95000</v>
          </cell>
          <cell r="H1789">
            <v>-1475695.7324000001</v>
          </cell>
          <cell r="I1789">
            <v>-1381452.6334500001</v>
          </cell>
        </row>
        <row r="1790">
          <cell r="A1790" t="str">
            <v>B81027</v>
          </cell>
          <cell r="F1790">
            <v>-756.90105000000005</v>
          </cell>
          <cell r="G1790">
            <v>95000</v>
          </cell>
          <cell r="H1790">
            <v>-1475695.7324000001</v>
          </cell>
          <cell r="I1790">
            <v>-1381452.6334500001</v>
          </cell>
        </row>
        <row r="1791">
          <cell r="A1791" t="str">
            <v>B81028</v>
          </cell>
        </row>
        <row r="1792">
          <cell r="A1792" t="str">
            <v>B81029</v>
          </cell>
          <cell r="G1792">
            <v>0</v>
          </cell>
          <cell r="I1792">
            <v>0</v>
          </cell>
        </row>
        <row r="1793">
          <cell r="A1793" t="str">
            <v>B820</v>
          </cell>
          <cell r="B1793">
            <v>-63512.897770000003</v>
          </cell>
          <cell r="C1793">
            <v>1661.9262100000001</v>
          </cell>
          <cell r="D1793">
            <v>71461.362569999998</v>
          </cell>
          <cell r="E1793">
            <v>9610.3910099999994</v>
          </cell>
          <cell r="F1793">
            <v>2908038.90075</v>
          </cell>
          <cell r="G1793">
            <v>-770022.39580000006</v>
          </cell>
          <cell r="H1793">
            <v>-1040262.08477</v>
          </cell>
          <cell r="I1793">
            <v>1097754.4201799999</v>
          </cell>
        </row>
        <row r="1794">
          <cell r="A1794" t="str">
            <v>B821</v>
          </cell>
          <cell r="B1794">
            <v>-63512.897770000003</v>
          </cell>
          <cell r="C1794">
            <v>1661.9262100000001</v>
          </cell>
          <cell r="D1794">
            <v>71461.362569999998</v>
          </cell>
          <cell r="E1794">
            <v>9610.3910099999994</v>
          </cell>
          <cell r="F1794">
            <v>2908038.90075</v>
          </cell>
          <cell r="G1794">
            <v>-770022.39580000006</v>
          </cell>
          <cell r="H1794">
            <v>-1040262.08477</v>
          </cell>
          <cell r="I1794">
            <v>1097754.4201799999</v>
          </cell>
        </row>
        <row r="1795">
          <cell r="A1795" t="str">
            <v>B82101</v>
          </cell>
          <cell r="F1795">
            <v>3287832.5976499999</v>
          </cell>
          <cell r="G1795">
            <v>-770796.81995999999</v>
          </cell>
          <cell r="H1795">
            <v>-1786059.22753</v>
          </cell>
          <cell r="I1795">
            <v>730976.55015999998</v>
          </cell>
        </row>
        <row r="1796">
          <cell r="A1796" t="str">
            <v>B82102</v>
          </cell>
          <cell r="B1796">
            <v>-63479.363599999997</v>
          </cell>
          <cell r="C1796">
            <v>1661.9262100000001</v>
          </cell>
          <cell r="D1796">
            <v>71427.828399999999</v>
          </cell>
          <cell r="E1796">
            <v>9610.3910099999994</v>
          </cell>
          <cell r="F1796">
            <v>-379748.63199999998</v>
          </cell>
          <cell r="G1796">
            <v>708.78785000000005</v>
          </cell>
          <cell r="H1796">
            <v>221009.33468999999</v>
          </cell>
          <cell r="I1796">
            <v>-158030.50946</v>
          </cell>
        </row>
        <row r="1797">
          <cell r="A1797" t="str">
            <v>B82115</v>
          </cell>
          <cell r="B1797">
            <v>-33.534170000000003</v>
          </cell>
          <cell r="D1797">
            <v>33.534170000000003</v>
          </cell>
          <cell r="E1797">
            <v>0</v>
          </cell>
          <cell r="F1797">
            <v>-45.064900000000002</v>
          </cell>
          <cell r="G1797">
            <v>65.636309999999995</v>
          </cell>
          <cell r="H1797">
            <v>524787.80807000003</v>
          </cell>
          <cell r="I1797">
            <v>524808.37948</v>
          </cell>
        </row>
        <row r="1798">
          <cell r="A1798" t="str">
            <v>B900</v>
          </cell>
          <cell r="B1798">
            <v>35873.836040000002</v>
          </cell>
          <cell r="C1798">
            <v>573.87212999999997</v>
          </cell>
          <cell r="D1798">
            <v>4901.5562499999996</v>
          </cell>
          <cell r="E1798">
            <v>41349.26442</v>
          </cell>
          <cell r="F1798">
            <v>-3062653.9288599999</v>
          </cell>
          <cell r="G1798">
            <v>794211.81377999997</v>
          </cell>
          <cell r="H1798">
            <v>800252.80452000001</v>
          </cell>
          <cell r="I1798">
            <v>-1468189.3105599999</v>
          </cell>
        </row>
        <row r="1799">
          <cell r="A1799" t="str">
            <v>B910</v>
          </cell>
          <cell r="B1799">
            <v>28913.531599999998</v>
          </cell>
          <cell r="C1799">
            <v>573.87212999999997</v>
          </cell>
          <cell r="D1799">
            <v>4901.5562499999996</v>
          </cell>
          <cell r="E1799">
            <v>34388.95998</v>
          </cell>
          <cell r="F1799">
            <v>-3298776.6682899999</v>
          </cell>
          <cell r="G1799">
            <v>794131.66260000004</v>
          </cell>
          <cell r="H1799">
            <v>1106824.12503</v>
          </cell>
          <cell r="I1799">
            <v>-1397820.88066</v>
          </cell>
        </row>
        <row r="1800">
          <cell r="A1800" t="str">
            <v>B912</v>
          </cell>
          <cell r="B1800">
            <v>28913.531599999998</v>
          </cell>
          <cell r="C1800">
            <v>573.87212999999997</v>
          </cell>
          <cell r="D1800">
            <v>4901.5562499999996</v>
          </cell>
          <cell r="E1800">
            <v>34388.95998</v>
          </cell>
          <cell r="F1800">
            <v>-2928412.9358600001</v>
          </cell>
          <cell r="G1800">
            <v>794131.66260000004</v>
          </cell>
          <cell r="H1800">
            <v>1192362.2695200001</v>
          </cell>
          <cell r="I1800">
            <v>-941919.00373999996</v>
          </cell>
        </row>
        <row r="1801">
          <cell r="A1801" t="str">
            <v>B91201</v>
          </cell>
          <cell r="B1801">
            <v>28548.31912</v>
          </cell>
          <cell r="C1801">
            <v>1000.21003</v>
          </cell>
          <cell r="D1801">
            <v>19385.397239999998</v>
          </cell>
          <cell r="E1801">
            <v>48933.926390000001</v>
          </cell>
          <cell r="F1801">
            <v>-4668429.4243099997</v>
          </cell>
          <cell r="G1801">
            <v>678621.27627999999</v>
          </cell>
          <cell r="H1801">
            <v>3104367.9167399998</v>
          </cell>
          <cell r="I1801">
            <v>-885440.23129000003</v>
          </cell>
        </row>
        <row r="1802">
          <cell r="A1802" t="str">
            <v>B91202</v>
          </cell>
          <cell r="B1802">
            <v>365.21248000000003</v>
          </cell>
          <cell r="C1802">
            <v>-426.33789999999999</v>
          </cell>
          <cell r="D1802">
            <v>-14483.840990000001</v>
          </cell>
          <cell r="E1802">
            <v>-14544.966410000001</v>
          </cell>
          <cell r="F1802">
            <v>1740016.4884500001</v>
          </cell>
          <cell r="G1802">
            <v>115510.38632000001</v>
          </cell>
          <cell r="H1802">
            <v>-1912005.6472199999</v>
          </cell>
          <cell r="I1802">
            <v>-56478.772449999997</v>
          </cell>
        </row>
        <row r="1803">
          <cell r="A1803" t="str">
            <v>B913P</v>
          </cell>
          <cell r="F1803">
            <v>-370363.73242999997</v>
          </cell>
          <cell r="H1803">
            <v>-85538.144490000006</v>
          </cell>
          <cell r="I1803">
            <v>-455901.87692000001</v>
          </cell>
        </row>
        <row r="1804">
          <cell r="A1804" t="str">
            <v>B91301</v>
          </cell>
          <cell r="F1804">
            <v>-370363.73242999997</v>
          </cell>
          <cell r="H1804">
            <v>-104899.70086</v>
          </cell>
          <cell r="I1804">
            <v>-475263.43329000002</v>
          </cell>
        </row>
        <row r="1805">
          <cell r="A1805" t="str">
            <v>B91302</v>
          </cell>
        </row>
        <row r="1806">
          <cell r="A1806" t="str">
            <v>B91305</v>
          </cell>
          <cell r="H1806">
            <v>19361.556369999998</v>
          </cell>
          <cell r="I1806">
            <v>19361.556369999998</v>
          </cell>
        </row>
        <row r="1807">
          <cell r="A1807" t="str">
            <v>B920</v>
          </cell>
          <cell r="B1807">
            <v>6960.3044399999999</v>
          </cell>
          <cell r="E1807">
            <v>6960.3044399999999</v>
          </cell>
          <cell r="F1807">
            <v>236122.73942999999</v>
          </cell>
          <cell r="G1807">
            <v>80.151179999999997</v>
          </cell>
          <cell r="H1807">
            <v>-306571.32050999999</v>
          </cell>
          <cell r="I1807">
            <v>-70368.429900000003</v>
          </cell>
        </row>
        <row r="1808">
          <cell r="A1808" t="str">
            <v>B92001</v>
          </cell>
          <cell r="F1808">
            <v>0.27742</v>
          </cell>
          <cell r="G1808">
            <v>1.7780000000000001E-2</v>
          </cell>
          <cell r="H1808">
            <v>-0.29520000000000002</v>
          </cell>
          <cell r="I1808">
            <v>0</v>
          </cell>
        </row>
        <row r="1809">
          <cell r="A1809" t="str">
            <v>B92013P</v>
          </cell>
          <cell r="F1809">
            <v>0.27742</v>
          </cell>
          <cell r="G1809">
            <v>1.7780000000000001E-2</v>
          </cell>
          <cell r="H1809">
            <v>-0.29520000000000002</v>
          </cell>
          <cell r="I1809">
            <v>0</v>
          </cell>
        </row>
        <row r="1810">
          <cell r="A1810" t="str">
            <v>B92015</v>
          </cell>
          <cell r="F1810">
            <v>0.27742</v>
          </cell>
          <cell r="G1810">
            <v>1.7780000000000001E-2</v>
          </cell>
          <cell r="H1810">
            <v>-0.29520000000000002</v>
          </cell>
          <cell r="I1810">
            <v>0</v>
          </cell>
        </row>
        <row r="1811">
          <cell r="A1811" t="str">
            <v>B92016</v>
          </cell>
        </row>
        <row r="1812">
          <cell r="A1812" t="str">
            <v>B92002</v>
          </cell>
          <cell r="B1812">
            <v>6960.3044399999999</v>
          </cell>
          <cell r="E1812">
            <v>6960.3044399999999</v>
          </cell>
          <cell r="F1812">
            <v>236122.46200999999</v>
          </cell>
          <cell r="G1812">
            <v>80.133399999999995</v>
          </cell>
          <cell r="H1812">
            <v>-306571.02531</v>
          </cell>
          <cell r="I1812">
            <v>-70368.429900000003</v>
          </cell>
        </row>
        <row r="1813">
          <cell r="A1813" t="str">
            <v>B92004</v>
          </cell>
          <cell r="B1813">
            <v>181.52121</v>
          </cell>
          <cell r="E1813">
            <v>181.52121</v>
          </cell>
          <cell r="F1813">
            <v>16154.91692</v>
          </cell>
          <cell r="H1813">
            <v>3500</v>
          </cell>
          <cell r="I1813">
            <v>19654.91692</v>
          </cell>
        </row>
        <row r="1814">
          <cell r="A1814" t="str">
            <v>B92005</v>
          </cell>
          <cell r="B1814">
            <v>6778.78323</v>
          </cell>
          <cell r="E1814">
            <v>6778.78323</v>
          </cell>
          <cell r="F1814">
            <v>13509.573119999999</v>
          </cell>
          <cell r="H1814">
            <v>-19361.556369999998</v>
          </cell>
          <cell r="I1814">
            <v>-5851.9832500000002</v>
          </cell>
        </row>
        <row r="1815">
          <cell r="A1815" t="str">
            <v>B92009</v>
          </cell>
          <cell r="F1815">
            <v>206457.97197000001</v>
          </cell>
          <cell r="G1815">
            <v>80.133399999999995</v>
          </cell>
          <cell r="H1815">
            <v>-298189.41029999999</v>
          </cell>
          <cell r="I1815">
            <v>-91651.304929999998</v>
          </cell>
        </row>
        <row r="1816">
          <cell r="A1816" t="str">
            <v>B92020</v>
          </cell>
          <cell r="H1816">
            <v>7479.9413599999998</v>
          </cell>
          <cell r="I1816">
            <v>7479.9413599999998</v>
          </cell>
        </row>
        <row r="1817">
          <cell r="A1817" t="str">
            <v>PL</v>
          </cell>
          <cell r="B1817">
            <v>-63479.363599999997</v>
          </cell>
          <cell r="C1817">
            <v>1661.9262100000001</v>
          </cell>
          <cell r="D1817">
            <v>71427.828399999999</v>
          </cell>
          <cell r="E1817">
            <v>9610.3910099999994</v>
          </cell>
          <cell r="F1817">
            <v>-379748.63199999998</v>
          </cell>
          <cell r="G1817">
            <v>708.78785000000005</v>
          </cell>
          <cell r="H1817">
            <v>221009.33468999999</v>
          </cell>
          <cell r="I1817">
            <v>-158030.50946</v>
          </cell>
        </row>
        <row r="1818">
          <cell r="A1818" t="str">
            <v>P7</v>
          </cell>
          <cell r="B1818">
            <v>-63479.363599999997</v>
          </cell>
          <cell r="C1818">
            <v>1661.9262100000001</v>
          </cell>
          <cell r="D1818">
            <v>71427.828399999999</v>
          </cell>
          <cell r="E1818">
            <v>9610.3910099999994</v>
          </cell>
          <cell r="F1818">
            <v>-379748.63199999998</v>
          </cell>
          <cell r="G1818">
            <v>708.78785000000005</v>
          </cell>
          <cell r="H1818">
            <v>221009.33468999999</v>
          </cell>
          <cell r="I1818">
            <v>-158030.50946</v>
          </cell>
        </row>
        <row r="1819">
          <cell r="A1819" t="str">
            <v>P5</v>
          </cell>
          <cell r="B1819">
            <v>-63479.363599999997</v>
          </cell>
          <cell r="C1819">
            <v>1661.9262100000001</v>
          </cell>
          <cell r="D1819">
            <v>71427.828399999999</v>
          </cell>
          <cell r="E1819">
            <v>9610.3910099999994</v>
          </cell>
          <cell r="F1819">
            <v>-379748.63199999998</v>
          </cell>
          <cell r="G1819">
            <v>708.78785000000005</v>
          </cell>
          <cell r="H1819">
            <v>221009.33468999999</v>
          </cell>
          <cell r="I1819">
            <v>-158030.50946</v>
          </cell>
        </row>
        <row r="1820">
          <cell r="A1820" t="str">
            <v>P3</v>
          </cell>
          <cell r="B1820">
            <v>-69129.590620000003</v>
          </cell>
          <cell r="C1820">
            <v>1661.9262100000001</v>
          </cell>
          <cell r="D1820">
            <v>47971.668850000002</v>
          </cell>
          <cell r="E1820">
            <v>-19495.995559999999</v>
          </cell>
          <cell r="F1820">
            <v>-448719.38256</v>
          </cell>
          <cell r="G1820">
            <v>708.78785000000005</v>
          </cell>
          <cell r="H1820">
            <v>168662.90474999999</v>
          </cell>
          <cell r="I1820">
            <v>-279347.68995999999</v>
          </cell>
        </row>
        <row r="1821">
          <cell r="A1821" t="str">
            <v>P2</v>
          </cell>
          <cell r="B1821">
            <v>-79966.749400000001</v>
          </cell>
          <cell r="C1821">
            <v>1744.8975800000001</v>
          </cell>
          <cell r="D1821">
            <v>18340.269090000002</v>
          </cell>
          <cell r="E1821">
            <v>-59881.582730000002</v>
          </cell>
          <cell r="F1821">
            <v>-405076.83045000001</v>
          </cell>
          <cell r="G1821">
            <v>789.02323999999999</v>
          </cell>
          <cell r="H1821">
            <v>136778.37812000001</v>
          </cell>
          <cell r="I1821">
            <v>-267509.42908999999</v>
          </cell>
        </row>
        <row r="1822">
          <cell r="A1822" t="str">
            <v>P100</v>
          </cell>
          <cell r="B1822">
            <v>-121064.44646000001</v>
          </cell>
          <cell r="E1822">
            <v>-121064.44646000001</v>
          </cell>
          <cell r="F1822">
            <v>-626888.64367000002</v>
          </cell>
          <cell r="H1822">
            <v>0</v>
          </cell>
          <cell r="I1822">
            <v>-626888.64367000002</v>
          </cell>
        </row>
        <row r="1823">
          <cell r="A1823" t="str">
            <v>P110</v>
          </cell>
          <cell r="B1823">
            <v>-121064.44646000001</v>
          </cell>
          <cell r="E1823">
            <v>-121064.44646000001</v>
          </cell>
          <cell r="F1823">
            <v>-626888.64364999998</v>
          </cell>
          <cell r="H1823">
            <v>0</v>
          </cell>
          <cell r="I1823">
            <v>-626888.64364999998</v>
          </cell>
        </row>
        <row r="1824">
          <cell r="A1824" t="str">
            <v>P111</v>
          </cell>
          <cell r="B1824">
            <v>-107.67682000000001</v>
          </cell>
          <cell r="E1824">
            <v>-107.67682000000001</v>
          </cell>
          <cell r="F1824">
            <v>-1468.18344</v>
          </cell>
          <cell r="I1824">
            <v>-1468.18344</v>
          </cell>
        </row>
        <row r="1825">
          <cell r="A1825" t="str">
            <v>P11101</v>
          </cell>
        </row>
        <row r="1826">
          <cell r="A1826" t="str">
            <v>P11102</v>
          </cell>
          <cell r="B1826">
            <v>-107.67682000000001</v>
          </cell>
          <cell r="E1826">
            <v>-107.67682000000001</v>
          </cell>
          <cell r="F1826">
            <v>-1468.18344</v>
          </cell>
          <cell r="I1826">
            <v>-1468.18344</v>
          </cell>
        </row>
        <row r="1827">
          <cell r="A1827" t="str">
            <v>P112</v>
          </cell>
          <cell r="B1827">
            <v>-99343.35673</v>
          </cell>
          <cell r="E1827">
            <v>-99343.35673</v>
          </cell>
          <cell r="F1827">
            <v>-615208.73149000003</v>
          </cell>
          <cell r="H1827">
            <v>0</v>
          </cell>
          <cell r="I1827">
            <v>-615208.73149000003</v>
          </cell>
        </row>
        <row r="1828">
          <cell r="A1828" t="str">
            <v>P11201</v>
          </cell>
          <cell r="B1828">
            <v>-99343.35673</v>
          </cell>
          <cell r="E1828">
            <v>-99343.35673</v>
          </cell>
          <cell r="F1828">
            <v>-615208.73149000003</v>
          </cell>
          <cell r="H1828">
            <v>0</v>
          </cell>
          <cell r="I1828">
            <v>-615208.73149000003</v>
          </cell>
        </row>
        <row r="1829">
          <cell r="A1829" t="str">
            <v>P113</v>
          </cell>
          <cell r="B1829">
            <v>8528.5540000000001</v>
          </cell>
          <cell r="E1829">
            <v>8528.5540000000001</v>
          </cell>
          <cell r="F1829">
            <v>-8731.7950299999993</v>
          </cell>
          <cell r="I1829">
            <v>-8731.7950299999993</v>
          </cell>
        </row>
        <row r="1830">
          <cell r="A1830" t="str">
            <v>P115</v>
          </cell>
          <cell r="B1830">
            <v>-30141.966909999999</v>
          </cell>
          <cell r="E1830">
            <v>-30141.966909999999</v>
          </cell>
          <cell r="F1830">
            <v>-1479.9336900000001</v>
          </cell>
          <cell r="I1830">
            <v>-1479.9336900000001</v>
          </cell>
        </row>
        <row r="1831">
          <cell r="A1831" t="str">
            <v>P120</v>
          </cell>
          <cell r="F1831">
            <v>-2.0000000000000002E-5</v>
          </cell>
          <cell r="I1831">
            <v>-2.0000000000000002E-5</v>
          </cell>
        </row>
        <row r="1832">
          <cell r="A1832" t="str">
            <v>P12002</v>
          </cell>
          <cell r="F1832">
            <v>-2.0000000000000002E-5</v>
          </cell>
          <cell r="I1832">
            <v>-2.0000000000000002E-5</v>
          </cell>
        </row>
        <row r="1833">
          <cell r="A1833" t="str">
            <v>P200</v>
          </cell>
          <cell r="B1833">
            <v>41097.697059999999</v>
          </cell>
          <cell r="C1833">
            <v>1744.8975800000001</v>
          </cell>
          <cell r="D1833">
            <v>18340.269090000002</v>
          </cell>
          <cell r="E1833">
            <v>61182.863729999997</v>
          </cell>
          <cell r="F1833">
            <v>221811.81322000001</v>
          </cell>
          <cell r="G1833">
            <v>789.02323999999999</v>
          </cell>
          <cell r="H1833">
            <v>136778.37812000001</v>
          </cell>
          <cell r="I1833">
            <v>359379.21458000003</v>
          </cell>
        </row>
        <row r="1834">
          <cell r="A1834" t="str">
            <v>P220</v>
          </cell>
          <cell r="B1834">
            <v>9707.6621799999994</v>
          </cell>
          <cell r="E1834">
            <v>9707.6621799999994</v>
          </cell>
          <cell r="F1834">
            <v>64783.014759999998</v>
          </cell>
          <cell r="I1834">
            <v>64783.014759999998</v>
          </cell>
        </row>
        <row r="1835">
          <cell r="A1835" t="str">
            <v>P220</v>
          </cell>
        </row>
        <row r="1836">
          <cell r="A1836" t="str">
            <v>P22001</v>
          </cell>
          <cell r="B1836">
            <v>9656.3044100000006</v>
          </cell>
          <cell r="E1836">
            <v>9656.3044100000006</v>
          </cell>
          <cell r="F1836">
            <v>64423.329570000002</v>
          </cell>
          <cell r="I1836">
            <v>64423.329570000002</v>
          </cell>
        </row>
        <row r="1837">
          <cell r="A1837" t="str">
            <v>P22002</v>
          </cell>
          <cell r="B1837">
            <v>51.357770000000002</v>
          </cell>
          <cell r="E1837">
            <v>51.357770000000002</v>
          </cell>
          <cell r="F1837">
            <v>359.68518999999998</v>
          </cell>
          <cell r="I1837">
            <v>359.68518999999998</v>
          </cell>
        </row>
        <row r="1838">
          <cell r="A1838" t="str">
            <v>P230</v>
          </cell>
          <cell r="B1838">
            <v>13099.68995</v>
          </cell>
          <cell r="C1838">
            <v>98.752939999999995</v>
          </cell>
          <cell r="D1838">
            <v>3325.00063</v>
          </cell>
          <cell r="E1838">
            <v>16523.443520000001</v>
          </cell>
          <cell r="F1838">
            <v>63098.430489999999</v>
          </cell>
          <cell r="G1838">
            <v>580.51107000000002</v>
          </cell>
          <cell r="H1838">
            <v>22731.61637</v>
          </cell>
          <cell r="I1838">
            <v>86410.557929999995</v>
          </cell>
        </row>
        <row r="1839">
          <cell r="A1839" t="str">
            <v>P231</v>
          </cell>
          <cell r="B1839">
            <v>3582.5378000000001</v>
          </cell>
          <cell r="E1839">
            <v>3582.5378000000001</v>
          </cell>
          <cell r="F1839">
            <v>18324.26037</v>
          </cell>
          <cell r="I1839">
            <v>18324.26037</v>
          </cell>
        </row>
        <row r="1840">
          <cell r="A1840" t="str">
            <v>P232</v>
          </cell>
          <cell r="B1840">
            <v>2484.5880200000001</v>
          </cell>
          <cell r="E1840">
            <v>2484.5880200000001</v>
          </cell>
          <cell r="F1840">
            <v>4567.1497499999996</v>
          </cell>
          <cell r="I1840">
            <v>4567.1497499999996</v>
          </cell>
        </row>
        <row r="1841">
          <cell r="A1841" t="str">
            <v>P233</v>
          </cell>
          <cell r="B1841">
            <v>4318.4049100000002</v>
          </cell>
          <cell r="E1841">
            <v>4318.4049100000002</v>
          </cell>
          <cell r="F1841">
            <v>29864.8701</v>
          </cell>
          <cell r="I1841">
            <v>29864.8701</v>
          </cell>
        </row>
        <row r="1842">
          <cell r="A1842" t="str">
            <v>P235</v>
          </cell>
          <cell r="B1842">
            <v>1718.29591</v>
          </cell>
          <cell r="C1842">
            <v>17.73997</v>
          </cell>
          <cell r="D1842">
            <v>-92.922200000000004</v>
          </cell>
          <cell r="E1842">
            <v>1643.1136799999999</v>
          </cell>
          <cell r="F1842">
            <v>7869.29709</v>
          </cell>
          <cell r="G1842">
            <v>549.78472999999997</v>
          </cell>
          <cell r="H1842">
            <v>118.40179999999999</v>
          </cell>
          <cell r="I1842">
            <v>8537.4836200000009</v>
          </cell>
        </row>
        <row r="1843">
          <cell r="A1843" t="str">
            <v>P236</v>
          </cell>
          <cell r="B1843">
            <v>994.23541999999998</v>
          </cell>
          <cell r="C1843">
            <v>81.012969999999996</v>
          </cell>
          <cell r="D1843">
            <v>2482.79477</v>
          </cell>
          <cell r="E1843">
            <v>3558.0431600000002</v>
          </cell>
          <cell r="F1843">
            <v>2516.80078</v>
          </cell>
          <cell r="G1843">
            <v>49.950240000000001</v>
          </cell>
          <cell r="H1843">
            <v>19214.700710000001</v>
          </cell>
          <cell r="I1843">
            <v>21781.451730000001</v>
          </cell>
        </row>
        <row r="1844">
          <cell r="A1844" t="str">
            <v>P237</v>
          </cell>
          <cell r="D1844">
            <v>935.12806</v>
          </cell>
          <cell r="E1844">
            <v>935.12806</v>
          </cell>
          <cell r="F1844">
            <v>-36.95579</v>
          </cell>
          <cell r="G1844">
            <v>-19.2239</v>
          </cell>
          <cell r="H1844">
            <v>3398.51386</v>
          </cell>
          <cell r="I1844">
            <v>3342.3341700000001</v>
          </cell>
        </row>
        <row r="1845">
          <cell r="A1845" t="str">
            <v>P238</v>
          </cell>
          <cell r="B1845">
            <v>1.6278900000000001</v>
          </cell>
          <cell r="E1845">
            <v>1.6278900000000001</v>
          </cell>
          <cell r="F1845">
            <v>-6.9918100000000001</v>
          </cell>
          <cell r="I1845">
            <v>-6.9918100000000001</v>
          </cell>
        </row>
        <row r="1846">
          <cell r="A1846" t="str">
            <v>P240</v>
          </cell>
          <cell r="B1846">
            <v>1265.46875</v>
          </cell>
          <cell r="C1846">
            <v>101.90253</v>
          </cell>
          <cell r="D1846">
            <v>1454.37059</v>
          </cell>
          <cell r="E1846">
            <v>2821.7418699999998</v>
          </cell>
          <cell r="F1846">
            <v>5182.2503500000003</v>
          </cell>
          <cell r="G1846">
            <v>448.53795000000002</v>
          </cell>
          <cell r="H1846">
            <v>3489.9381100000001</v>
          </cell>
          <cell r="I1846">
            <v>9120.7264099999993</v>
          </cell>
        </row>
        <row r="1847">
          <cell r="A1847" t="str">
            <v>P241</v>
          </cell>
          <cell r="B1847">
            <v>-3.2818800000000001</v>
          </cell>
          <cell r="E1847">
            <v>-3.2818800000000001</v>
          </cell>
          <cell r="F1847">
            <v>33.818570000000001</v>
          </cell>
          <cell r="I1847">
            <v>33.818570000000001</v>
          </cell>
        </row>
        <row r="1848">
          <cell r="A1848" t="str">
            <v>P24102</v>
          </cell>
          <cell r="B1848">
            <v>-3.2818800000000001</v>
          </cell>
          <cell r="E1848">
            <v>-3.2818800000000001</v>
          </cell>
          <cell r="F1848">
            <v>33.818570000000001</v>
          </cell>
          <cell r="I1848">
            <v>33.818570000000001</v>
          </cell>
        </row>
        <row r="1849">
          <cell r="A1849" t="str">
            <v>P242</v>
          </cell>
          <cell r="B1849">
            <v>1260.6419699999999</v>
          </cell>
          <cell r="E1849">
            <v>1260.6419699999999</v>
          </cell>
          <cell r="F1849">
            <v>5110.5454499999996</v>
          </cell>
          <cell r="I1849">
            <v>5110.5454499999996</v>
          </cell>
        </row>
        <row r="1850">
          <cell r="A1850" t="str">
            <v>P243</v>
          </cell>
          <cell r="C1850">
            <v>101.90253</v>
          </cell>
          <cell r="D1850">
            <v>1247.7521999999999</v>
          </cell>
          <cell r="E1850">
            <v>1349.65473</v>
          </cell>
          <cell r="G1850">
            <v>569.48734000000002</v>
          </cell>
          <cell r="H1850">
            <v>2759.6565300000002</v>
          </cell>
          <cell r="I1850">
            <v>3329.1438699999999</v>
          </cell>
        </row>
        <row r="1851">
          <cell r="A1851" t="str">
            <v>P24310</v>
          </cell>
          <cell r="C1851">
            <v>101.90253</v>
          </cell>
          <cell r="D1851">
            <v>91.065029999999993</v>
          </cell>
          <cell r="E1851">
            <v>192.96755999999999</v>
          </cell>
          <cell r="G1851">
            <v>569.48734000000002</v>
          </cell>
          <cell r="H1851">
            <v>219.21361999999999</v>
          </cell>
          <cell r="I1851">
            <v>788.70096000000001</v>
          </cell>
        </row>
        <row r="1852">
          <cell r="A1852" t="str">
            <v>P24311</v>
          </cell>
          <cell r="C1852">
            <v>101.90253</v>
          </cell>
          <cell r="D1852">
            <v>91.065029999999993</v>
          </cell>
          <cell r="E1852">
            <v>192.96755999999999</v>
          </cell>
          <cell r="G1852">
            <v>569.48734000000002</v>
          </cell>
          <cell r="H1852">
            <v>219.21361999999999</v>
          </cell>
          <cell r="I1852">
            <v>788.70096000000001</v>
          </cell>
        </row>
        <row r="1853">
          <cell r="A1853" t="str">
            <v>P24320</v>
          </cell>
          <cell r="D1853">
            <v>1156.6871699999999</v>
          </cell>
          <cell r="E1853">
            <v>1156.6871699999999</v>
          </cell>
          <cell r="H1853">
            <v>2540.4429100000002</v>
          </cell>
          <cell r="I1853">
            <v>2540.4429100000002</v>
          </cell>
        </row>
        <row r="1854">
          <cell r="A1854" t="str">
            <v>P24313</v>
          </cell>
          <cell r="D1854">
            <v>1156.6871699999999</v>
          </cell>
          <cell r="E1854">
            <v>1156.6871699999999</v>
          </cell>
          <cell r="H1854">
            <v>2540.4429100000002</v>
          </cell>
          <cell r="I1854">
            <v>2540.4429100000002</v>
          </cell>
        </row>
        <row r="1855">
          <cell r="A1855" t="str">
            <v>P244P</v>
          </cell>
          <cell r="B1855">
            <v>8.1086600000000004</v>
          </cell>
          <cell r="D1855">
            <v>206.61839000000001</v>
          </cell>
          <cell r="E1855">
            <v>214.72704999999999</v>
          </cell>
          <cell r="F1855">
            <v>37.886330000000001</v>
          </cell>
          <cell r="G1855">
            <v>-120.94938999999999</v>
          </cell>
          <cell r="H1855">
            <v>730.28157999999996</v>
          </cell>
          <cell r="I1855">
            <v>647.21852000000001</v>
          </cell>
        </row>
        <row r="1856">
          <cell r="A1856" t="str">
            <v>P24401</v>
          </cell>
          <cell r="B1856">
            <v>8.1086600000000004</v>
          </cell>
          <cell r="D1856">
            <v>206.61839000000001</v>
          </cell>
          <cell r="E1856">
            <v>214.72704999999999</v>
          </cell>
          <cell r="F1856">
            <v>37.886330000000001</v>
          </cell>
          <cell r="G1856">
            <v>-120.94938999999999</v>
          </cell>
          <cell r="H1856">
            <v>730.28157999999996</v>
          </cell>
          <cell r="I1856">
            <v>647.21852000000001</v>
          </cell>
        </row>
        <row r="1857">
          <cell r="A1857" t="str">
            <v>P250</v>
          </cell>
          <cell r="B1857">
            <v>1322.02307</v>
          </cell>
          <cell r="C1857">
            <v>1468.8235099999999</v>
          </cell>
          <cell r="E1857">
            <v>2790.8465799999999</v>
          </cell>
          <cell r="F1857">
            <v>9051.6115100000006</v>
          </cell>
          <cell r="G1857">
            <v>3651.7647900000002</v>
          </cell>
          <cell r="I1857">
            <v>12703.3763</v>
          </cell>
        </row>
        <row r="1858">
          <cell r="A1858" t="str">
            <v>P251</v>
          </cell>
          <cell r="B1858">
            <v>969.06727000000001</v>
          </cell>
          <cell r="C1858">
            <v>1468.8235099999999</v>
          </cell>
          <cell r="E1858">
            <v>2437.8907800000002</v>
          </cell>
          <cell r="F1858">
            <v>8374.3732099999997</v>
          </cell>
          <cell r="G1858">
            <v>3651.7647900000002</v>
          </cell>
          <cell r="I1858">
            <v>12026.138000000001</v>
          </cell>
        </row>
        <row r="1859">
          <cell r="A1859" t="str">
            <v>P253</v>
          </cell>
          <cell r="B1859">
            <v>352.95580000000001</v>
          </cell>
          <cell r="E1859">
            <v>352.95580000000001</v>
          </cell>
          <cell r="F1859">
            <v>677.23829999999998</v>
          </cell>
          <cell r="I1859">
            <v>677.23829999999998</v>
          </cell>
        </row>
        <row r="1860">
          <cell r="A1860" t="str">
            <v>P260</v>
          </cell>
          <cell r="B1860">
            <v>17398.93029</v>
          </cell>
          <cell r="C1860">
            <v>46.304519999999997</v>
          </cell>
          <cell r="D1860">
            <v>69.64358</v>
          </cell>
          <cell r="E1860">
            <v>17514.878390000002</v>
          </cell>
          <cell r="F1860">
            <v>131821.96307999999</v>
          </cell>
          <cell r="G1860">
            <v>232.70931999999999</v>
          </cell>
          <cell r="H1860">
            <v>323.71071999999998</v>
          </cell>
          <cell r="I1860">
            <v>132378.38312000001</v>
          </cell>
        </row>
        <row r="1861">
          <cell r="A1861" t="str">
            <v>P261</v>
          </cell>
          <cell r="B1861">
            <v>17398.93029</v>
          </cell>
          <cell r="C1861">
            <v>46.304519999999997</v>
          </cell>
          <cell r="D1861">
            <v>69.64358</v>
          </cell>
          <cell r="E1861">
            <v>17514.878390000002</v>
          </cell>
          <cell r="F1861">
            <v>131821.96307999999</v>
          </cell>
          <cell r="G1861">
            <v>232.70931999999999</v>
          </cell>
          <cell r="H1861">
            <v>323.71071999999998</v>
          </cell>
          <cell r="I1861">
            <v>132378.38312000001</v>
          </cell>
        </row>
        <row r="1862">
          <cell r="A1862" t="str">
            <v>P26101</v>
          </cell>
          <cell r="B1862">
            <v>14811.69893</v>
          </cell>
          <cell r="C1862">
            <v>46.304519999999997</v>
          </cell>
          <cell r="D1862">
            <v>69.64358</v>
          </cell>
          <cell r="E1862">
            <v>14927.64703</v>
          </cell>
          <cell r="F1862">
            <v>100378.29691999999</v>
          </cell>
          <cell r="G1862">
            <v>232.70931999999999</v>
          </cell>
          <cell r="H1862">
            <v>323.71071999999998</v>
          </cell>
          <cell r="I1862">
            <v>100934.71696000001</v>
          </cell>
        </row>
        <row r="1863">
          <cell r="A1863" t="str">
            <v>P26105</v>
          </cell>
          <cell r="B1863">
            <v>2587.2313600000002</v>
          </cell>
          <cell r="E1863">
            <v>2587.2313600000002</v>
          </cell>
          <cell r="F1863">
            <v>31443.666160000001</v>
          </cell>
          <cell r="I1863">
            <v>31443.666160000001</v>
          </cell>
        </row>
        <row r="1864">
          <cell r="A1864" t="str">
            <v>P263</v>
          </cell>
        </row>
        <row r="1865">
          <cell r="A1865" t="str">
            <v>P26301</v>
          </cell>
        </row>
        <row r="1866">
          <cell r="A1866" t="str">
            <v>P275</v>
          </cell>
          <cell r="B1866">
            <v>-1696.07718</v>
          </cell>
          <cell r="C1866">
            <v>29.114080000000001</v>
          </cell>
          <cell r="D1866">
            <v>11251.890359999999</v>
          </cell>
          <cell r="E1866">
            <v>9584.9272600000004</v>
          </cell>
          <cell r="F1866">
            <v>-52125.456969999999</v>
          </cell>
          <cell r="G1866">
            <v>-4124.4998900000001</v>
          </cell>
          <cell r="H1866">
            <v>102653.60627</v>
          </cell>
          <cell r="I1866">
            <v>46403.649409999998</v>
          </cell>
        </row>
        <row r="1867">
          <cell r="A1867" t="str">
            <v>P280</v>
          </cell>
          <cell r="D1867">
            <v>2239.36393</v>
          </cell>
          <cell r="E1867">
            <v>2239.36393</v>
          </cell>
          <cell r="H1867">
            <v>7579.5066500000003</v>
          </cell>
          <cell r="I1867">
            <v>7579.5066500000003</v>
          </cell>
        </row>
        <row r="1868">
          <cell r="A1868" t="str">
            <v>P300</v>
          </cell>
          <cell r="B1868">
            <v>10837.15878</v>
          </cell>
          <cell r="C1868">
            <v>-82.971369999999993</v>
          </cell>
          <cell r="D1868">
            <v>29631.39976</v>
          </cell>
          <cell r="E1868">
            <v>40385.587169999999</v>
          </cell>
          <cell r="F1868">
            <v>-43642.552109999997</v>
          </cell>
          <cell r="G1868">
            <v>-80.235389999999995</v>
          </cell>
          <cell r="H1868">
            <v>31884.52663</v>
          </cell>
          <cell r="I1868">
            <v>-11838.26087</v>
          </cell>
        </row>
        <row r="1869">
          <cell r="A1869" t="str">
            <v>P340</v>
          </cell>
          <cell r="C1869">
            <v>-12.67952</v>
          </cell>
          <cell r="E1869">
            <v>-12.67952</v>
          </cell>
          <cell r="F1869">
            <v>-96649.244600000005</v>
          </cell>
          <cell r="G1869">
            <v>-12.67952</v>
          </cell>
          <cell r="I1869">
            <v>-96661.924119999996</v>
          </cell>
        </row>
        <row r="1870">
          <cell r="A1870" t="str">
            <v>P342</v>
          </cell>
          <cell r="C1870">
            <v>-12.67952</v>
          </cell>
          <cell r="E1870">
            <v>-12.67952</v>
          </cell>
          <cell r="F1870">
            <v>-96649.244600000005</v>
          </cell>
          <cell r="G1870">
            <v>-12.67952</v>
          </cell>
          <cell r="I1870">
            <v>-96661.924119999996</v>
          </cell>
        </row>
        <row r="1871">
          <cell r="A1871" t="str">
            <v>P26103</v>
          </cell>
          <cell r="C1871">
            <v>-12.67952</v>
          </cell>
          <cell r="E1871">
            <v>-12.67952</v>
          </cell>
          <cell r="F1871">
            <v>-96649.244600000005</v>
          </cell>
          <cell r="G1871">
            <v>-12.67952</v>
          </cell>
          <cell r="I1871">
            <v>-96661.924119999996</v>
          </cell>
        </row>
        <row r="1872">
          <cell r="A1872" t="str">
            <v>P26302</v>
          </cell>
        </row>
        <row r="1873">
          <cell r="A1873" t="str">
            <v>P310</v>
          </cell>
          <cell r="B1873">
            <v>-5.1399999999999996E-3</v>
          </cell>
          <cell r="E1873">
            <v>-5.1399999999999996E-3</v>
          </cell>
          <cell r="F1873">
            <v>-5.1399999999999996E-3</v>
          </cell>
          <cell r="H1873">
            <v>-6252.5759600000001</v>
          </cell>
          <cell r="I1873">
            <v>-6252.5811000000003</v>
          </cell>
        </row>
        <row r="1874">
          <cell r="A1874" t="str">
            <v>P311</v>
          </cell>
          <cell r="B1874">
            <v>-5.1399999999999996E-3</v>
          </cell>
          <cell r="E1874">
            <v>-5.1399999999999996E-3</v>
          </cell>
          <cell r="F1874">
            <v>-5.1399999999999996E-3</v>
          </cell>
          <cell r="H1874">
            <v>-6252.5759600000001</v>
          </cell>
          <cell r="I1874">
            <v>-6252.5811000000003</v>
          </cell>
        </row>
        <row r="1875">
          <cell r="A1875" t="str">
            <v>P320</v>
          </cell>
          <cell r="B1875">
            <v>10747.06934</v>
          </cell>
          <cell r="D1875">
            <v>4374.6704200000004</v>
          </cell>
          <cell r="E1875">
            <v>15121.73976</v>
          </cell>
          <cell r="F1875">
            <v>53163.953569999998</v>
          </cell>
          <cell r="G1875">
            <v>7.2700000000000004E-3</v>
          </cell>
          <cell r="H1875">
            <v>20807.098109999999</v>
          </cell>
          <cell r="I1875">
            <v>73971.058950000006</v>
          </cell>
        </row>
        <row r="1876">
          <cell r="A1876" t="str">
            <v>P321</v>
          </cell>
          <cell r="B1876">
            <v>1086.43588</v>
          </cell>
          <cell r="D1876">
            <v>3855.7233099999999</v>
          </cell>
          <cell r="E1876">
            <v>4942.1591900000003</v>
          </cell>
          <cell r="F1876">
            <v>5377.6638700000003</v>
          </cell>
          <cell r="H1876">
            <v>19054.507610000001</v>
          </cell>
          <cell r="I1876">
            <v>24432.171480000001</v>
          </cell>
        </row>
        <row r="1877">
          <cell r="A1877" t="str">
            <v>P32103</v>
          </cell>
          <cell r="B1877">
            <v>1098.34917</v>
          </cell>
          <cell r="D1877">
            <v>3855.7233099999999</v>
          </cell>
          <cell r="E1877">
            <v>4954.0724799999998</v>
          </cell>
          <cell r="F1877">
            <v>5537.6759700000002</v>
          </cell>
          <cell r="H1877">
            <v>19054.507610000001</v>
          </cell>
          <cell r="I1877">
            <v>24592.183580000001</v>
          </cell>
        </row>
        <row r="1878">
          <cell r="A1878" t="str">
            <v>P32104</v>
          </cell>
          <cell r="B1878">
            <v>-11.91329</v>
          </cell>
          <cell r="E1878">
            <v>-11.91329</v>
          </cell>
          <cell r="F1878">
            <v>-160.0121</v>
          </cell>
          <cell r="I1878">
            <v>-160.0121</v>
          </cell>
        </row>
        <row r="1879">
          <cell r="A1879" t="str">
            <v>P322</v>
          </cell>
          <cell r="B1879">
            <v>7963.8705799999998</v>
          </cell>
          <cell r="D1879">
            <v>518.94710999999995</v>
          </cell>
          <cell r="E1879">
            <v>8482.8176899999999</v>
          </cell>
          <cell r="F1879">
            <v>39825.946369999998</v>
          </cell>
          <cell r="G1879">
            <v>7.2700000000000004E-3</v>
          </cell>
          <cell r="H1879">
            <v>1752.5905</v>
          </cell>
          <cell r="I1879">
            <v>41578.544139999998</v>
          </cell>
        </row>
        <row r="1880">
          <cell r="A1880" t="str">
            <v>P323</v>
          </cell>
          <cell r="B1880">
            <v>-46.239060000000002</v>
          </cell>
          <cell r="E1880">
            <v>-46.239060000000002</v>
          </cell>
          <cell r="F1880">
            <v>-754.66637000000003</v>
          </cell>
          <cell r="I1880">
            <v>-754.66637000000003</v>
          </cell>
        </row>
        <row r="1881">
          <cell r="A1881" t="str">
            <v>P324</v>
          </cell>
          <cell r="B1881">
            <v>1743.0019400000001</v>
          </cell>
          <cell r="E1881">
            <v>1743.0019400000001</v>
          </cell>
          <cell r="F1881">
            <v>8715.0097000000005</v>
          </cell>
          <cell r="I1881">
            <v>8715.0097000000005</v>
          </cell>
        </row>
        <row r="1882">
          <cell r="A1882" t="str">
            <v>P330</v>
          </cell>
          <cell r="B1882">
            <v>90.094579999999993</v>
          </cell>
          <cell r="C1882">
            <v>-70.291849999999997</v>
          </cell>
          <cell r="D1882">
            <v>25256.729340000002</v>
          </cell>
          <cell r="E1882">
            <v>25276.532070000001</v>
          </cell>
          <cell r="F1882">
            <v>-157.25594000000001</v>
          </cell>
          <cell r="G1882">
            <v>-67.563140000000004</v>
          </cell>
          <cell r="H1882">
            <v>17330.00448</v>
          </cell>
          <cell r="I1882">
            <v>17105.185399999998</v>
          </cell>
        </row>
        <row r="1883">
          <cell r="A1883" t="str">
            <v>P331</v>
          </cell>
          <cell r="D1883">
            <v>-17.034400000000002</v>
          </cell>
          <cell r="E1883">
            <v>-17.034400000000002</v>
          </cell>
          <cell r="F1883">
            <v>-2.0000000000000001E-4</v>
          </cell>
          <cell r="H1883">
            <v>5593.5909799999999</v>
          </cell>
          <cell r="I1883">
            <v>5593.5907800000004</v>
          </cell>
        </row>
        <row r="1884">
          <cell r="A1884" t="str">
            <v>P333</v>
          </cell>
          <cell r="D1884">
            <v>13310.953240000001</v>
          </cell>
          <cell r="E1884">
            <v>13310.953240000001</v>
          </cell>
          <cell r="H1884">
            <v>19973.559659999999</v>
          </cell>
          <cell r="I1884">
            <v>19973.559659999999</v>
          </cell>
        </row>
        <row r="1885">
          <cell r="A1885" t="str">
            <v>P338</v>
          </cell>
          <cell r="B1885">
            <v>90.094579999999993</v>
          </cell>
          <cell r="C1885">
            <v>-70.291849999999997</v>
          </cell>
          <cell r="D1885">
            <v>11962.8105</v>
          </cell>
          <cell r="E1885">
            <v>11982.613230000001</v>
          </cell>
          <cell r="F1885">
            <v>-157.25574</v>
          </cell>
          <cell r="G1885">
            <v>-67.563140000000004</v>
          </cell>
          <cell r="H1885">
            <v>-8237.1461600000002</v>
          </cell>
          <cell r="I1885">
            <v>-8461.9650399999991</v>
          </cell>
        </row>
        <row r="1886">
          <cell r="A1886" t="str">
            <v>P400</v>
          </cell>
          <cell r="B1886">
            <v>5650.2270200000003</v>
          </cell>
          <cell r="D1886">
            <v>23456.15955</v>
          </cell>
          <cell r="E1886">
            <v>29106.386569999999</v>
          </cell>
          <cell r="F1886">
            <v>68970.75056</v>
          </cell>
          <cell r="H1886">
            <v>52346.429940000002</v>
          </cell>
          <cell r="I1886">
            <v>121317.1805</v>
          </cell>
        </row>
        <row r="1887">
          <cell r="A1887" t="str">
            <v>P410</v>
          </cell>
          <cell r="B1887">
            <v>4239.9137799999999</v>
          </cell>
          <cell r="E1887">
            <v>4239.9137799999999</v>
          </cell>
          <cell r="F1887">
            <v>61857.446400000001</v>
          </cell>
          <cell r="H1887">
            <v>-63.555909999999997</v>
          </cell>
          <cell r="I1887">
            <v>61793.890489999998</v>
          </cell>
        </row>
        <row r="1888">
          <cell r="A1888" t="str">
            <v>P411</v>
          </cell>
          <cell r="B1888">
            <v>1215.9565600000001</v>
          </cell>
          <cell r="E1888">
            <v>1215.9565600000001</v>
          </cell>
          <cell r="F1888">
            <v>5962.1095800000003</v>
          </cell>
          <cell r="I1888">
            <v>5962.1095800000003</v>
          </cell>
        </row>
        <row r="1889">
          <cell r="A1889" t="str">
            <v>P412</v>
          </cell>
          <cell r="F1889">
            <v>10616.921979999999</v>
          </cell>
          <cell r="I1889">
            <v>10616.921979999999</v>
          </cell>
        </row>
        <row r="1890">
          <cell r="A1890" t="str">
            <v>P413</v>
          </cell>
          <cell r="B1890">
            <v>3023.9572199999998</v>
          </cell>
          <cell r="E1890">
            <v>3023.9572199999998</v>
          </cell>
          <cell r="F1890">
            <v>45278.414839999998</v>
          </cell>
          <cell r="H1890">
            <v>-63.555909999999997</v>
          </cell>
          <cell r="I1890">
            <v>45214.858930000002</v>
          </cell>
        </row>
        <row r="1891">
          <cell r="A1891" t="str">
            <v>P420</v>
          </cell>
          <cell r="B1891">
            <v>1410.31324</v>
          </cell>
          <cell r="D1891">
            <v>23456.15955</v>
          </cell>
          <cell r="E1891">
            <v>24866.47279</v>
          </cell>
          <cell r="F1891">
            <v>7113.3041599999997</v>
          </cell>
          <cell r="H1891">
            <v>52409.985849999997</v>
          </cell>
          <cell r="I1891">
            <v>59523.290009999997</v>
          </cell>
        </row>
        <row r="1892">
          <cell r="A1892" t="str">
            <v>P421</v>
          </cell>
          <cell r="B1892">
            <v>-13904.17375</v>
          </cell>
          <cell r="E1892">
            <v>-13904.17375</v>
          </cell>
          <cell r="F1892">
            <v>-38644.919260000002</v>
          </cell>
          <cell r="H1892">
            <v>-425.97719000000001</v>
          </cell>
          <cell r="I1892">
            <v>-39070.89645</v>
          </cell>
        </row>
        <row r="1893">
          <cell r="A1893" t="str">
            <v>P422</v>
          </cell>
          <cell r="B1893">
            <v>15314.486989999999</v>
          </cell>
          <cell r="D1893">
            <v>23456.15955</v>
          </cell>
          <cell r="E1893">
            <v>38770.646540000002</v>
          </cell>
          <cell r="F1893">
            <v>45758.223420000002</v>
          </cell>
          <cell r="H1893">
            <v>52835.963040000002</v>
          </cell>
          <cell r="I1893">
            <v>98594.186459999997</v>
          </cell>
        </row>
        <row r="1894">
          <cell r="A1894" t="str">
            <v>P8H</v>
          </cell>
          <cell r="B1894">
            <v>-58669.346689999998</v>
          </cell>
          <cell r="C1894">
            <v>1732.2180599999999</v>
          </cell>
          <cell r="D1894">
            <v>39557.064709999999</v>
          </cell>
          <cell r="E1894">
            <v>-17380.063920000001</v>
          </cell>
          <cell r="F1894">
            <v>-396012.31751000002</v>
          </cell>
          <cell r="G1894">
            <v>776.34371999999996</v>
          </cell>
          <cell r="H1894">
            <v>181971.27859999999</v>
          </cell>
          <cell r="I1894">
            <v>-213264.69519</v>
          </cell>
        </row>
        <row r="1895">
          <cell r="A1895" t="str">
            <v>P8</v>
          </cell>
          <cell r="B1895">
            <v>-58669.346689999998</v>
          </cell>
          <cell r="C1895">
            <v>1732.2180599999999</v>
          </cell>
          <cell r="D1895">
            <v>39557.064709999999</v>
          </cell>
          <cell r="E1895">
            <v>-17380.063920000001</v>
          </cell>
          <cell r="F1895">
            <v>-396012.31751000002</v>
          </cell>
          <cell r="G1895">
            <v>776.34371999999996</v>
          </cell>
          <cell r="H1895">
            <v>181971.27859999999</v>
          </cell>
          <cell r="I1895">
            <v>-213264.69519</v>
          </cell>
        </row>
        <row r="1896">
          <cell r="A1896" t="str">
            <v>P8</v>
          </cell>
          <cell r="B1896">
            <v>0</v>
          </cell>
          <cell r="C1896">
            <v>0</v>
          </cell>
          <cell r="D1896">
            <v>0</v>
          </cell>
          <cell r="E1896">
            <v>0</v>
          </cell>
          <cell r="F1896">
            <v>0</v>
          </cell>
          <cell r="G1896">
            <v>0</v>
          </cell>
          <cell r="H1896">
            <v>0</v>
          </cell>
          <cell r="I1896">
            <v>0</v>
          </cell>
        </row>
        <row r="1897">
          <cell r="A1897" t="str">
            <v>P5</v>
          </cell>
          <cell r="B1897">
            <v>-63479.363599999997</v>
          </cell>
          <cell r="C1897">
            <v>1661.9262100000001</v>
          </cell>
          <cell r="D1897">
            <v>71427.828399999999</v>
          </cell>
          <cell r="E1897">
            <v>9610.3910099999994</v>
          </cell>
          <cell r="F1897">
            <v>-379748.63199999998</v>
          </cell>
          <cell r="G1897">
            <v>708.78785000000005</v>
          </cell>
          <cell r="H1897">
            <v>221009.33468999999</v>
          </cell>
          <cell r="I1897">
            <v>-158030.50946</v>
          </cell>
        </row>
        <row r="1898">
          <cell r="A1898" t="str">
            <v>P3</v>
          </cell>
          <cell r="B1898">
            <v>-69129.590620000003</v>
          </cell>
          <cell r="C1898">
            <v>1661.9262100000001</v>
          </cell>
          <cell r="D1898">
            <v>47971.668850000002</v>
          </cell>
          <cell r="E1898">
            <v>-19495.995559999999</v>
          </cell>
          <cell r="F1898">
            <v>-448719.38256</v>
          </cell>
          <cell r="G1898">
            <v>708.78785000000005</v>
          </cell>
          <cell r="H1898">
            <v>168662.90474999999</v>
          </cell>
          <cell r="I1898">
            <v>-279347.68995999999</v>
          </cell>
        </row>
        <row r="1899">
          <cell r="A1899" t="str">
            <v>P2</v>
          </cell>
          <cell r="B1899">
            <v>-79966.749400000001</v>
          </cell>
          <cell r="C1899">
            <v>1744.8975800000001</v>
          </cell>
          <cell r="D1899">
            <v>18340.269090000002</v>
          </cell>
          <cell r="E1899">
            <v>-59881.582730000002</v>
          </cell>
          <cell r="F1899">
            <v>-405076.83045000001</v>
          </cell>
          <cell r="G1899">
            <v>789.02323999999999</v>
          </cell>
          <cell r="H1899">
            <v>136778.37812000001</v>
          </cell>
          <cell r="I1899">
            <v>-267509.42908999999</v>
          </cell>
        </row>
        <row r="1900">
          <cell r="A1900" t="str">
            <v>P100</v>
          </cell>
          <cell r="B1900">
            <v>-121064.44646000001</v>
          </cell>
          <cell r="E1900">
            <v>-121064.44646000001</v>
          </cell>
          <cell r="F1900">
            <v>-626888.64367000002</v>
          </cell>
          <cell r="H1900">
            <v>0</v>
          </cell>
          <cell r="I1900">
            <v>-626888.64367000002</v>
          </cell>
        </row>
        <row r="1901">
          <cell r="A1901" t="str">
            <v>P110</v>
          </cell>
          <cell r="B1901">
            <v>-121064.44646000001</v>
          </cell>
          <cell r="E1901">
            <v>-121064.44646000001</v>
          </cell>
          <cell r="F1901">
            <v>-626888.64364999998</v>
          </cell>
          <cell r="H1901">
            <v>0</v>
          </cell>
          <cell r="I1901">
            <v>-626888.64364999998</v>
          </cell>
        </row>
        <row r="1902">
          <cell r="A1902" t="str">
            <v>P111</v>
          </cell>
          <cell r="B1902">
            <v>-107.67682000000001</v>
          </cell>
          <cell r="E1902">
            <v>-107.67682000000001</v>
          </cell>
          <cell r="F1902">
            <v>-1468.18344</v>
          </cell>
          <cell r="I1902">
            <v>-1468.18344</v>
          </cell>
        </row>
        <row r="1903">
          <cell r="A1903" t="str">
            <v>P11101</v>
          </cell>
        </row>
        <row r="1904">
          <cell r="A1904" t="str">
            <v>P11102</v>
          </cell>
          <cell r="B1904">
            <v>-107.67682000000001</v>
          </cell>
          <cell r="E1904">
            <v>-107.67682000000001</v>
          </cell>
          <cell r="F1904">
            <v>-1468.18344</v>
          </cell>
          <cell r="I1904">
            <v>-1468.18344</v>
          </cell>
        </row>
        <row r="1905">
          <cell r="A1905" t="str">
            <v>P112</v>
          </cell>
          <cell r="B1905">
            <v>-99343.35673</v>
          </cell>
          <cell r="E1905">
            <v>-99343.35673</v>
          </cell>
          <cell r="F1905">
            <v>-615208.73149000003</v>
          </cell>
          <cell r="H1905">
            <v>0</v>
          </cell>
          <cell r="I1905">
            <v>-615208.73149000003</v>
          </cell>
        </row>
        <row r="1906">
          <cell r="A1906" t="str">
            <v>P11201</v>
          </cell>
          <cell r="B1906">
            <v>-99343.35673</v>
          </cell>
          <cell r="E1906">
            <v>-99343.35673</v>
          </cell>
          <cell r="F1906">
            <v>-615208.73149000003</v>
          </cell>
          <cell r="H1906">
            <v>0</v>
          </cell>
          <cell r="I1906">
            <v>-615208.73149000003</v>
          </cell>
        </row>
        <row r="1907">
          <cell r="A1907" t="str">
            <v>P113</v>
          </cell>
          <cell r="B1907">
            <v>8528.5540000000001</v>
          </cell>
          <cell r="E1907">
            <v>8528.5540000000001</v>
          </cell>
          <cell r="F1907">
            <v>-8731.7950299999993</v>
          </cell>
          <cell r="I1907">
            <v>-8731.7950299999993</v>
          </cell>
        </row>
        <row r="1908">
          <cell r="A1908" t="str">
            <v>P115</v>
          </cell>
          <cell r="B1908">
            <v>-30141.966909999999</v>
          </cell>
          <cell r="E1908">
            <v>-30141.966909999999</v>
          </cell>
          <cell r="F1908">
            <v>-1479.9336900000001</v>
          </cell>
          <cell r="I1908">
            <v>-1479.9336900000001</v>
          </cell>
        </row>
        <row r="1909">
          <cell r="A1909" t="str">
            <v>P120</v>
          </cell>
          <cell r="F1909">
            <v>-2.0000000000000002E-5</v>
          </cell>
          <cell r="I1909">
            <v>-2.0000000000000002E-5</v>
          </cell>
        </row>
        <row r="1910">
          <cell r="A1910" t="str">
            <v>P12002</v>
          </cell>
          <cell r="F1910">
            <v>-2.0000000000000002E-5</v>
          </cell>
          <cell r="I1910">
            <v>-2.0000000000000002E-5</v>
          </cell>
        </row>
        <row r="1911">
          <cell r="A1911" t="str">
            <v>P200</v>
          </cell>
          <cell r="B1911">
            <v>41097.697059999999</v>
          </cell>
          <cell r="C1911">
            <v>1744.8975800000001</v>
          </cell>
          <cell r="D1911">
            <v>18340.269090000002</v>
          </cell>
          <cell r="E1911">
            <v>61182.863729999997</v>
          </cell>
          <cell r="F1911">
            <v>221811.81322000001</v>
          </cell>
          <cell r="G1911">
            <v>789.02323999999999</v>
          </cell>
          <cell r="H1911">
            <v>136778.37812000001</v>
          </cell>
          <cell r="I1911">
            <v>359379.21458000003</v>
          </cell>
        </row>
        <row r="1912">
          <cell r="A1912" t="str">
            <v>P220</v>
          </cell>
          <cell r="B1912">
            <v>9707.6621799999994</v>
          </cell>
          <cell r="E1912">
            <v>9707.6621799999994</v>
          </cell>
          <cell r="F1912">
            <v>64783.014759999998</v>
          </cell>
          <cell r="I1912">
            <v>64783.014759999998</v>
          </cell>
        </row>
        <row r="1913">
          <cell r="A1913" t="str">
            <v>P220</v>
          </cell>
        </row>
        <row r="1914">
          <cell r="A1914" t="str">
            <v>P22001</v>
          </cell>
          <cell r="B1914">
            <v>9656.3044100000006</v>
          </cell>
          <cell r="E1914">
            <v>9656.3044100000006</v>
          </cell>
          <cell r="F1914">
            <v>64423.329570000002</v>
          </cell>
          <cell r="I1914">
            <v>64423.329570000002</v>
          </cell>
        </row>
        <row r="1915">
          <cell r="A1915" t="str">
            <v>P22002</v>
          </cell>
          <cell r="B1915">
            <v>51.357770000000002</v>
          </cell>
          <cell r="E1915">
            <v>51.357770000000002</v>
          </cell>
          <cell r="F1915">
            <v>359.68518999999998</v>
          </cell>
          <cell r="I1915">
            <v>359.68518999999998</v>
          </cell>
        </row>
        <row r="1916">
          <cell r="A1916" t="str">
            <v>P230</v>
          </cell>
          <cell r="B1916">
            <v>13099.68995</v>
          </cell>
          <cell r="C1916">
            <v>98.752939999999995</v>
          </cell>
          <cell r="D1916">
            <v>3325.00063</v>
          </cell>
          <cell r="E1916">
            <v>16523.443520000001</v>
          </cell>
          <cell r="F1916">
            <v>63098.430489999999</v>
          </cell>
          <cell r="G1916">
            <v>580.51107000000002</v>
          </cell>
          <cell r="H1916">
            <v>22731.61637</v>
          </cell>
          <cell r="I1916">
            <v>86410.557929999995</v>
          </cell>
        </row>
        <row r="1917">
          <cell r="A1917" t="str">
            <v>P231</v>
          </cell>
          <cell r="B1917">
            <v>3582.5378000000001</v>
          </cell>
          <cell r="E1917">
            <v>3582.5378000000001</v>
          </cell>
          <cell r="F1917">
            <v>18324.26037</v>
          </cell>
          <cell r="I1917">
            <v>18324.26037</v>
          </cell>
        </row>
        <row r="1918">
          <cell r="A1918" t="str">
            <v>P232</v>
          </cell>
          <cell r="B1918">
            <v>2484.5880200000001</v>
          </cell>
          <cell r="E1918">
            <v>2484.5880200000001</v>
          </cell>
          <cell r="F1918">
            <v>4567.1497499999996</v>
          </cell>
          <cell r="I1918">
            <v>4567.1497499999996</v>
          </cell>
        </row>
        <row r="1919">
          <cell r="A1919" t="str">
            <v>P233</v>
          </cell>
          <cell r="B1919">
            <v>4318.4049100000002</v>
          </cell>
          <cell r="E1919">
            <v>4318.4049100000002</v>
          </cell>
          <cell r="F1919">
            <v>29864.8701</v>
          </cell>
          <cell r="I1919">
            <v>29864.8701</v>
          </cell>
        </row>
        <row r="1920">
          <cell r="A1920" t="str">
            <v>P235</v>
          </cell>
          <cell r="B1920">
            <v>1718.29591</v>
          </cell>
          <cell r="C1920">
            <v>17.73997</v>
          </cell>
          <cell r="D1920">
            <v>-92.922200000000004</v>
          </cell>
          <cell r="E1920">
            <v>1643.1136799999999</v>
          </cell>
          <cell r="F1920">
            <v>7869.29709</v>
          </cell>
          <cell r="G1920">
            <v>549.78472999999997</v>
          </cell>
          <cell r="H1920">
            <v>118.40179999999999</v>
          </cell>
          <cell r="I1920">
            <v>8537.4836200000009</v>
          </cell>
        </row>
        <row r="1921">
          <cell r="A1921" t="str">
            <v>P236</v>
          </cell>
          <cell r="B1921">
            <v>994.23541999999998</v>
          </cell>
          <cell r="C1921">
            <v>81.012969999999996</v>
          </cell>
          <cell r="D1921">
            <v>2482.79477</v>
          </cell>
          <cell r="E1921">
            <v>3558.0431600000002</v>
          </cell>
          <cell r="F1921">
            <v>2516.80078</v>
          </cell>
          <cell r="G1921">
            <v>49.950240000000001</v>
          </cell>
          <cell r="H1921">
            <v>19214.700710000001</v>
          </cell>
          <cell r="I1921">
            <v>21781.451730000001</v>
          </cell>
        </row>
        <row r="1922">
          <cell r="A1922" t="str">
            <v>P237</v>
          </cell>
          <cell r="D1922">
            <v>935.12806</v>
          </cell>
          <cell r="E1922">
            <v>935.12806</v>
          </cell>
          <cell r="F1922">
            <v>-36.95579</v>
          </cell>
          <cell r="G1922">
            <v>-19.2239</v>
          </cell>
          <cell r="H1922">
            <v>3398.51386</v>
          </cell>
          <cell r="I1922">
            <v>3342.3341700000001</v>
          </cell>
        </row>
        <row r="1923">
          <cell r="A1923" t="str">
            <v>P238</v>
          </cell>
          <cell r="B1923">
            <v>1.6278900000000001</v>
          </cell>
          <cell r="E1923">
            <v>1.6278900000000001</v>
          </cell>
          <cell r="F1923">
            <v>-6.9918100000000001</v>
          </cell>
          <cell r="I1923">
            <v>-6.9918100000000001</v>
          </cell>
        </row>
        <row r="1924">
          <cell r="A1924" t="str">
            <v>P240</v>
          </cell>
          <cell r="B1924">
            <v>1265.46875</v>
          </cell>
          <cell r="C1924">
            <v>101.90253</v>
          </cell>
          <cell r="D1924">
            <v>1454.37059</v>
          </cell>
          <cell r="E1924">
            <v>2821.7418699999998</v>
          </cell>
          <cell r="F1924">
            <v>5182.2503500000003</v>
          </cell>
          <cell r="G1924">
            <v>448.53795000000002</v>
          </cell>
          <cell r="H1924">
            <v>3489.9381100000001</v>
          </cell>
          <cell r="I1924">
            <v>9120.7264099999993</v>
          </cell>
        </row>
        <row r="1925">
          <cell r="A1925" t="str">
            <v>P241</v>
          </cell>
          <cell r="B1925">
            <v>-3.2818800000000001</v>
          </cell>
          <cell r="E1925">
            <v>-3.2818800000000001</v>
          </cell>
          <cell r="F1925">
            <v>33.818570000000001</v>
          </cell>
          <cell r="I1925">
            <v>33.818570000000001</v>
          </cell>
        </row>
        <row r="1926">
          <cell r="A1926" t="str">
            <v>P24102</v>
          </cell>
          <cell r="B1926">
            <v>-3.2818800000000001</v>
          </cell>
          <cell r="E1926">
            <v>-3.2818800000000001</v>
          </cell>
          <cell r="F1926">
            <v>33.818570000000001</v>
          </cell>
          <cell r="I1926">
            <v>33.818570000000001</v>
          </cell>
        </row>
        <row r="1927">
          <cell r="A1927" t="str">
            <v>P242</v>
          </cell>
          <cell r="B1927">
            <v>1260.6419699999999</v>
          </cell>
          <cell r="E1927">
            <v>1260.6419699999999</v>
          </cell>
          <cell r="F1927">
            <v>5110.5454499999996</v>
          </cell>
          <cell r="I1927">
            <v>5110.5454499999996</v>
          </cell>
        </row>
        <row r="1928">
          <cell r="A1928" t="str">
            <v>P243</v>
          </cell>
          <cell r="C1928">
            <v>101.90253</v>
          </cell>
          <cell r="D1928">
            <v>1247.7521999999999</v>
          </cell>
          <cell r="E1928">
            <v>1349.65473</v>
          </cell>
          <cell r="G1928">
            <v>569.48734000000002</v>
          </cell>
          <cell r="H1928">
            <v>2759.6565300000002</v>
          </cell>
          <cell r="I1928">
            <v>3329.1438699999999</v>
          </cell>
        </row>
        <row r="1929">
          <cell r="A1929" t="str">
            <v>P24310</v>
          </cell>
          <cell r="C1929">
            <v>101.90253</v>
          </cell>
          <cell r="D1929">
            <v>91.065029999999993</v>
          </cell>
          <cell r="E1929">
            <v>192.96755999999999</v>
          </cell>
          <cell r="G1929">
            <v>569.48734000000002</v>
          </cell>
          <cell r="H1929">
            <v>219.21361999999999</v>
          </cell>
          <cell r="I1929">
            <v>788.70096000000001</v>
          </cell>
        </row>
        <row r="1930">
          <cell r="A1930" t="str">
            <v>P24311</v>
          </cell>
          <cell r="C1930">
            <v>101.90253</v>
          </cell>
          <cell r="D1930">
            <v>91.065029999999993</v>
          </cell>
          <cell r="E1930">
            <v>192.96755999999999</v>
          </cell>
          <cell r="G1930">
            <v>569.48734000000002</v>
          </cell>
          <cell r="H1930">
            <v>219.21361999999999</v>
          </cell>
          <cell r="I1930">
            <v>788.70096000000001</v>
          </cell>
        </row>
        <row r="1931">
          <cell r="A1931" t="str">
            <v>P24320</v>
          </cell>
          <cell r="D1931">
            <v>1156.6871699999999</v>
          </cell>
          <cell r="E1931">
            <v>1156.6871699999999</v>
          </cell>
          <cell r="H1931">
            <v>2540.4429100000002</v>
          </cell>
          <cell r="I1931">
            <v>2540.4429100000002</v>
          </cell>
        </row>
        <row r="1932">
          <cell r="A1932" t="str">
            <v>P24313</v>
          </cell>
          <cell r="D1932">
            <v>1156.6871699999999</v>
          </cell>
          <cell r="E1932">
            <v>1156.6871699999999</v>
          </cell>
          <cell r="H1932">
            <v>2540.4429100000002</v>
          </cell>
          <cell r="I1932">
            <v>2540.4429100000002</v>
          </cell>
        </row>
        <row r="1933">
          <cell r="A1933" t="str">
            <v>P244P</v>
          </cell>
          <cell r="B1933">
            <v>8.1086600000000004</v>
          </cell>
          <cell r="D1933">
            <v>206.61839000000001</v>
          </cell>
          <cell r="E1933">
            <v>214.72704999999999</v>
          </cell>
          <cell r="F1933">
            <v>37.886330000000001</v>
          </cell>
          <cell r="G1933">
            <v>-120.94938999999999</v>
          </cell>
          <cell r="H1933">
            <v>730.28157999999996</v>
          </cell>
          <cell r="I1933">
            <v>647.21852000000001</v>
          </cell>
        </row>
        <row r="1934">
          <cell r="A1934" t="str">
            <v>P24401</v>
          </cell>
          <cell r="B1934">
            <v>8.1086600000000004</v>
          </cell>
          <cell r="D1934">
            <v>206.61839000000001</v>
          </cell>
          <cell r="E1934">
            <v>214.72704999999999</v>
          </cell>
          <cell r="F1934">
            <v>37.886330000000001</v>
          </cell>
          <cell r="G1934">
            <v>-120.94938999999999</v>
          </cell>
          <cell r="H1934">
            <v>730.28157999999996</v>
          </cell>
          <cell r="I1934">
            <v>647.21852000000001</v>
          </cell>
        </row>
        <row r="1935">
          <cell r="A1935" t="str">
            <v>P250</v>
          </cell>
          <cell r="B1935">
            <v>1322.02307</v>
          </cell>
          <cell r="C1935">
            <v>1468.8235099999999</v>
          </cell>
          <cell r="E1935">
            <v>2790.8465799999999</v>
          </cell>
          <cell r="F1935">
            <v>9051.6115100000006</v>
          </cell>
          <cell r="G1935">
            <v>3651.7647900000002</v>
          </cell>
          <cell r="I1935">
            <v>12703.3763</v>
          </cell>
        </row>
        <row r="1936">
          <cell r="A1936" t="str">
            <v>P251</v>
          </cell>
          <cell r="B1936">
            <v>969.06727000000001</v>
          </cell>
          <cell r="C1936">
            <v>1468.8235099999999</v>
          </cell>
          <cell r="E1936">
            <v>2437.8907800000002</v>
          </cell>
          <cell r="F1936">
            <v>8374.3732099999997</v>
          </cell>
          <cell r="G1936">
            <v>3651.7647900000002</v>
          </cell>
          <cell r="I1936">
            <v>12026.138000000001</v>
          </cell>
        </row>
        <row r="1937">
          <cell r="A1937" t="str">
            <v>P253</v>
          </cell>
          <cell r="B1937">
            <v>352.95580000000001</v>
          </cell>
          <cell r="E1937">
            <v>352.95580000000001</v>
          </cell>
          <cell r="F1937">
            <v>677.23829999999998</v>
          </cell>
          <cell r="I1937">
            <v>677.23829999999998</v>
          </cell>
        </row>
        <row r="1938">
          <cell r="A1938" t="str">
            <v>P260</v>
          </cell>
          <cell r="B1938">
            <v>17398.93029</v>
          </cell>
          <cell r="C1938">
            <v>46.304519999999997</v>
          </cell>
          <cell r="D1938">
            <v>69.64358</v>
          </cell>
          <cell r="E1938">
            <v>17514.878390000002</v>
          </cell>
          <cell r="F1938">
            <v>131821.96307999999</v>
          </cell>
          <cell r="G1938">
            <v>232.70931999999999</v>
          </cell>
          <cell r="H1938">
            <v>323.71071999999998</v>
          </cell>
          <cell r="I1938">
            <v>132378.38312000001</v>
          </cell>
        </row>
        <row r="1939">
          <cell r="A1939" t="str">
            <v>P261</v>
          </cell>
          <cell r="B1939">
            <v>17398.93029</v>
          </cell>
          <cell r="C1939">
            <v>46.304519999999997</v>
          </cell>
          <cell r="D1939">
            <v>69.64358</v>
          </cell>
          <cell r="E1939">
            <v>17514.878390000002</v>
          </cell>
          <cell r="F1939">
            <v>131821.96307999999</v>
          </cell>
          <cell r="G1939">
            <v>232.70931999999999</v>
          </cell>
          <cell r="H1939">
            <v>323.71071999999998</v>
          </cell>
          <cell r="I1939">
            <v>132378.38312000001</v>
          </cell>
        </row>
        <row r="1940">
          <cell r="A1940" t="str">
            <v>P26101</v>
          </cell>
          <cell r="B1940">
            <v>14811.69893</v>
          </cell>
          <cell r="C1940">
            <v>46.304519999999997</v>
          </cell>
          <cell r="D1940">
            <v>69.64358</v>
          </cell>
          <cell r="E1940">
            <v>14927.64703</v>
          </cell>
          <cell r="F1940">
            <v>100378.29691999999</v>
          </cell>
          <cell r="G1940">
            <v>232.70931999999999</v>
          </cell>
          <cell r="H1940">
            <v>323.71071999999998</v>
          </cell>
          <cell r="I1940">
            <v>100934.71696000001</v>
          </cell>
        </row>
        <row r="1941">
          <cell r="A1941" t="str">
            <v>P26105</v>
          </cell>
          <cell r="B1941">
            <v>2587.2313600000002</v>
          </cell>
          <cell r="E1941">
            <v>2587.2313600000002</v>
          </cell>
          <cell r="F1941">
            <v>31443.666160000001</v>
          </cell>
          <cell r="I1941">
            <v>31443.666160000001</v>
          </cell>
        </row>
        <row r="1942">
          <cell r="A1942" t="str">
            <v>P263</v>
          </cell>
        </row>
        <row r="1943">
          <cell r="A1943" t="str">
            <v>P26301</v>
          </cell>
        </row>
        <row r="1944">
          <cell r="A1944" t="str">
            <v>P275</v>
          </cell>
          <cell r="B1944">
            <v>-1696.07718</v>
          </cell>
          <cell r="C1944">
            <v>29.114080000000001</v>
          </cell>
          <cell r="D1944">
            <v>11251.890359999999</v>
          </cell>
          <cell r="E1944">
            <v>9584.9272600000004</v>
          </cell>
          <cell r="F1944">
            <v>-52125.456969999999</v>
          </cell>
          <cell r="G1944">
            <v>-4124.4998900000001</v>
          </cell>
          <cell r="H1944">
            <v>102653.60627</v>
          </cell>
          <cell r="I1944">
            <v>46403.649409999998</v>
          </cell>
        </row>
        <row r="1945">
          <cell r="A1945" t="str">
            <v>P280</v>
          </cell>
          <cell r="D1945">
            <v>2239.36393</v>
          </cell>
          <cell r="E1945">
            <v>2239.36393</v>
          </cell>
          <cell r="H1945">
            <v>7579.5066500000003</v>
          </cell>
          <cell r="I1945">
            <v>7579.5066500000003</v>
          </cell>
        </row>
        <row r="1946">
          <cell r="A1946" t="str">
            <v>P300</v>
          </cell>
          <cell r="B1946">
            <v>10837.15878</v>
          </cell>
          <cell r="C1946">
            <v>-82.971369999999993</v>
          </cell>
          <cell r="D1946">
            <v>29631.39976</v>
          </cell>
          <cell r="E1946">
            <v>40385.587169999999</v>
          </cell>
          <cell r="F1946">
            <v>-43642.552109999997</v>
          </cell>
          <cell r="G1946">
            <v>-80.235389999999995</v>
          </cell>
          <cell r="H1946">
            <v>31884.52663</v>
          </cell>
          <cell r="I1946">
            <v>-11838.26087</v>
          </cell>
        </row>
        <row r="1947">
          <cell r="A1947" t="str">
            <v>P340</v>
          </cell>
          <cell r="C1947">
            <v>-12.67952</v>
          </cell>
          <cell r="E1947">
            <v>-12.67952</v>
          </cell>
          <cell r="F1947">
            <v>-96649.244600000005</v>
          </cell>
          <cell r="G1947">
            <v>-12.67952</v>
          </cell>
          <cell r="I1947">
            <v>-96661.924119999996</v>
          </cell>
        </row>
        <row r="1948">
          <cell r="A1948" t="str">
            <v>P342</v>
          </cell>
          <cell r="C1948">
            <v>-12.67952</v>
          </cell>
          <cell r="E1948">
            <v>-12.67952</v>
          </cell>
          <cell r="F1948">
            <v>-96649.244600000005</v>
          </cell>
          <cell r="G1948">
            <v>-12.67952</v>
          </cell>
          <cell r="I1948">
            <v>-96661.924119999996</v>
          </cell>
        </row>
        <row r="1949">
          <cell r="A1949" t="str">
            <v>P26103</v>
          </cell>
          <cell r="C1949">
            <v>-12.67952</v>
          </cell>
          <cell r="E1949">
            <v>-12.67952</v>
          </cell>
          <cell r="F1949">
            <v>-96649.244600000005</v>
          </cell>
          <cell r="G1949">
            <v>-12.67952</v>
          </cell>
          <cell r="I1949">
            <v>-96661.924119999996</v>
          </cell>
        </row>
        <row r="1950">
          <cell r="A1950" t="str">
            <v>P26302</v>
          </cell>
        </row>
        <row r="1951">
          <cell r="A1951" t="str">
            <v>P310</v>
          </cell>
          <cell r="B1951">
            <v>-5.1399999999999996E-3</v>
          </cell>
          <cell r="E1951">
            <v>-5.1399999999999996E-3</v>
          </cell>
          <cell r="F1951">
            <v>-5.1399999999999996E-3</v>
          </cell>
          <cell r="H1951">
            <v>-6252.5759600000001</v>
          </cell>
          <cell r="I1951">
            <v>-6252.5811000000003</v>
          </cell>
        </row>
        <row r="1952">
          <cell r="A1952" t="str">
            <v>P311</v>
          </cell>
          <cell r="B1952">
            <v>-5.1399999999999996E-3</v>
          </cell>
          <cell r="E1952">
            <v>-5.1399999999999996E-3</v>
          </cell>
          <cell r="F1952">
            <v>-5.1399999999999996E-3</v>
          </cell>
          <cell r="H1952">
            <v>-6252.5759600000001</v>
          </cell>
          <cell r="I1952">
            <v>-6252.5811000000003</v>
          </cell>
        </row>
        <row r="1953">
          <cell r="A1953" t="str">
            <v>P320</v>
          </cell>
          <cell r="B1953">
            <v>10747.06934</v>
          </cell>
          <cell r="D1953">
            <v>4374.6704200000004</v>
          </cell>
          <cell r="E1953">
            <v>15121.73976</v>
          </cell>
          <cell r="F1953">
            <v>53163.953569999998</v>
          </cell>
          <cell r="G1953">
            <v>7.2700000000000004E-3</v>
          </cell>
          <cell r="H1953">
            <v>20807.098109999999</v>
          </cell>
          <cell r="I1953">
            <v>73971.058950000006</v>
          </cell>
        </row>
        <row r="1954">
          <cell r="A1954" t="str">
            <v>P321</v>
          </cell>
          <cell r="B1954">
            <v>1086.43588</v>
          </cell>
          <cell r="D1954">
            <v>3855.7233099999999</v>
          </cell>
          <cell r="E1954">
            <v>4942.1591900000003</v>
          </cell>
          <cell r="F1954">
            <v>5377.6638700000003</v>
          </cell>
          <cell r="H1954">
            <v>19054.507610000001</v>
          </cell>
          <cell r="I1954">
            <v>24432.171480000001</v>
          </cell>
        </row>
        <row r="1955">
          <cell r="A1955" t="str">
            <v>P32103</v>
          </cell>
          <cell r="B1955">
            <v>1098.34917</v>
          </cell>
          <cell r="D1955">
            <v>3855.7233099999999</v>
          </cell>
          <cell r="E1955">
            <v>4954.0724799999998</v>
          </cell>
          <cell r="F1955">
            <v>5537.6759700000002</v>
          </cell>
          <cell r="H1955">
            <v>19054.507610000001</v>
          </cell>
          <cell r="I1955">
            <v>24592.183580000001</v>
          </cell>
        </row>
        <row r="1956">
          <cell r="A1956" t="str">
            <v>P32104</v>
          </cell>
          <cell r="B1956">
            <v>-11.91329</v>
          </cell>
          <cell r="E1956">
            <v>-11.91329</v>
          </cell>
          <cell r="F1956">
            <v>-160.0121</v>
          </cell>
          <cell r="I1956">
            <v>-160.0121</v>
          </cell>
        </row>
        <row r="1957">
          <cell r="A1957" t="str">
            <v>P322</v>
          </cell>
          <cell r="B1957">
            <v>7963.8705799999998</v>
          </cell>
          <cell r="D1957">
            <v>518.94710999999995</v>
          </cell>
          <cell r="E1957">
            <v>8482.8176899999999</v>
          </cell>
          <cell r="F1957">
            <v>39825.946369999998</v>
          </cell>
          <cell r="G1957">
            <v>7.2700000000000004E-3</v>
          </cell>
          <cell r="H1957">
            <v>1752.5905</v>
          </cell>
          <cell r="I1957">
            <v>41578.544139999998</v>
          </cell>
        </row>
        <row r="1958">
          <cell r="A1958" t="str">
            <v>P323</v>
          </cell>
          <cell r="B1958">
            <v>-46.239060000000002</v>
          </cell>
          <cell r="E1958">
            <v>-46.239060000000002</v>
          </cell>
          <cell r="F1958">
            <v>-754.66637000000003</v>
          </cell>
          <cell r="I1958">
            <v>-754.66637000000003</v>
          </cell>
        </row>
        <row r="1959">
          <cell r="A1959" t="str">
            <v>P324</v>
          </cell>
          <cell r="B1959">
            <v>1743.0019400000001</v>
          </cell>
          <cell r="E1959">
            <v>1743.0019400000001</v>
          </cell>
          <cell r="F1959">
            <v>8715.0097000000005</v>
          </cell>
          <cell r="I1959">
            <v>8715.0097000000005</v>
          </cell>
        </row>
        <row r="1960">
          <cell r="A1960" t="str">
            <v>P330</v>
          </cell>
          <cell r="B1960">
            <v>90.094579999999993</v>
          </cell>
          <cell r="C1960">
            <v>-70.291849999999997</v>
          </cell>
          <cell r="D1960">
            <v>25256.729340000002</v>
          </cell>
          <cell r="E1960">
            <v>25276.532070000001</v>
          </cell>
          <cell r="F1960">
            <v>-157.25594000000001</v>
          </cell>
          <cell r="G1960">
            <v>-67.563140000000004</v>
          </cell>
          <cell r="H1960">
            <v>17330.00448</v>
          </cell>
          <cell r="I1960">
            <v>17105.185399999998</v>
          </cell>
        </row>
        <row r="1961">
          <cell r="A1961" t="str">
            <v>P331</v>
          </cell>
          <cell r="D1961">
            <v>-17.034400000000002</v>
          </cell>
          <cell r="E1961">
            <v>-17.034400000000002</v>
          </cell>
          <cell r="F1961">
            <v>-2.0000000000000001E-4</v>
          </cell>
          <cell r="H1961">
            <v>5593.5909799999999</v>
          </cell>
          <cell r="I1961">
            <v>5593.5907800000004</v>
          </cell>
        </row>
        <row r="1962">
          <cell r="A1962" t="str">
            <v>P333</v>
          </cell>
          <cell r="D1962">
            <v>13310.953240000001</v>
          </cell>
          <cell r="E1962">
            <v>13310.953240000001</v>
          </cell>
          <cell r="H1962">
            <v>19973.559659999999</v>
          </cell>
          <cell r="I1962">
            <v>19973.559659999999</v>
          </cell>
        </row>
        <row r="1963">
          <cell r="A1963" t="str">
            <v>P338</v>
          </cell>
          <cell r="B1963">
            <v>90.094579999999993</v>
          </cell>
          <cell r="C1963">
            <v>-70.291849999999997</v>
          </cell>
          <cell r="D1963">
            <v>11962.8105</v>
          </cell>
          <cell r="E1963">
            <v>11982.613230000001</v>
          </cell>
          <cell r="F1963">
            <v>-157.25574</v>
          </cell>
          <cell r="G1963">
            <v>-67.563140000000004</v>
          </cell>
          <cell r="H1963">
            <v>-8237.1461600000002</v>
          </cell>
          <cell r="I1963">
            <v>-8461.9650399999991</v>
          </cell>
        </row>
        <row r="1964">
          <cell r="A1964" t="str">
            <v>P400</v>
          </cell>
          <cell r="B1964">
            <v>5650.2270200000003</v>
          </cell>
          <cell r="D1964">
            <v>23456.15955</v>
          </cell>
          <cell r="E1964">
            <v>29106.386569999999</v>
          </cell>
          <cell r="F1964">
            <v>68970.75056</v>
          </cell>
          <cell r="H1964">
            <v>52346.429940000002</v>
          </cell>
          <cell r="I1964">
            <v>121317.1805</v>
          </cell>
        </row>
        <row r="1965">
          <cell r="A1965" t="str">
            <v>P410</v>
          </cell>
          <cell r="B1965">
            <v>4239.9137799999999</v>
          </cell>
          <cell r="E1965">
            <v>4239.9137799999999</v>
          </cell>
          <cell r="F1965">
            <v>61857.446400000001</v>
          </cell>
          <cell r="H1965">
            <v>-63.555909999999997</v>
          </cell>
          <cell r="I1965">
            <v>61793.890489999998</v>
          </cell>
        </row>
        <row r="1966">
          <cell r="A1966" t="str">
            <v>P411</v>
          </cell>
          <cell r="B1966">
            <v>1215.9565600000001</v>
          </cell>
          <cell r="E1966">
            <v>1215.9565600000001</v>
          </cell>
          <cell r="F1966">
            <v>5962.1095800000003</v>
          </cell>
          <cell r="I1966">
            <v>5962.1095800000003</v>
          </cell>
        </row>
        <row r="1967">
          <cell r="A1967" t="str">
            <v>P412</v>
          </cell>
          <cell r="F1967">
            <v>10616.921979999999</v>
          </cell>
          <cell r="I1967">
            <v>10616.921979999999</v>
          </cell>
        </row>
        <row r="1968">
          <cell r="A1968" t="str">
            <v>P413</v>
          </cell>
          <cell r="B1968">
            <v>3023.9572199999998</v>
          </cell>
          <cell r="E1968">
            <v>3023.9572199999998</v>
          </cell>
          <cell r="F1968">
            <v>45278.414839999998</v>
          </cell>
          <cell r="H1968">
            <v>-63.555909999999997</v>
          </cell>
          <cell r="I1968">
            <v>45214.858930000002</v>
          </cell>
        </row>
        <row r="1969">
          <cell r="A1969" t="str">
            <v>P420</v>
          </cell>
          <cell r="B1969">
            <v>1410.31324</v>
          </cell>
          <cell r="D1969">
            <v>23456.15955</v>
          </cell>
          <cell r="E1969">
            <v>24866.47279</v>
          </cell>
          <cell r="F1969">
            <v>7113.3041599999997</v>
          </cell>
          <cell r="H1969">
            <v>52409.985849999997</v>
          </cell>
          <cell r="I1969">
            <v>59523.290009999997</v>
          </cell>
        </row>
        <row r="1970">
          <cell r="A1970" t="str">
            <v>P421</v>
          </cell>
          <cell r="B1970">
            <v>-13904.17375</v>
          </cell>
          <cell r="E1970">
            <v>-13904.17375</v>
          </cell>
          <cell r="F1970">
            <v>-38644.919260000002</v>
          </cell>
          <cell r="H1970">
            <v>-425.97719000000001</v>
          </cell>
          <cell r="I1970">
            <v>-39070.89645</v>
          </cell>
        </row>
        <row r="1971">
          <cell r="A1971" t="str">
            <v>P422</v>
          </cell>
          <cell r="B1971">
            <v>15314.486989999999</v>
          </cell>
          <cell r="D1971">
            <v>23456.15955</v>
          </cell>
          <cell r="E1971">
            <v>38770.646540000002</v>
          </cell>
          <cell r="F1971">
            <v>45758.223420000002</v>
          </cell>
          <cell r="H1971">
            <v>52835.963040000002</v>
          </cell>
          <cell r="I1971">
            <v>98594.186459999997</v>
          </cell>
        </row>
        <row r="1972">
          <cell r="A1972" t="str">
            <v>P802</v>
          </cell>
          <cell r="B1972">
            <v>-90.094579999999993</v>
          </cell>
          <cell r="C1972">
            <v>70.291849999999997</v>
          </cell>
          <cell r="D1972">
            <v>-25256.729340000002</v>
          </cell>
          <cell r="E1972">
            <v>-25276.532070000001</v>
          </cell>
          <cell r="F1972">
            <v>157.25594000000001</v>
          </cell>
          <cell r="G1972">
            <v>67.563140000000004</v>
          </cell>
          <cell r="H1972">
            <v>-17330.00448</v>
          </cell>
          <cell r="I1972">
            <v>-17105.185399999998</v>
          </cell>
        </row>
        <row r="1973">
          <cell r="A1973" t="str">
            <v>P331S</v>
          </cell>
          <cell r="D1973">
            <v>17.034400000000002</v>
          </cell>
          <cell r="E1973">
            <v>17.034400000000002</v>
          </cell>
          <cell r="F1973">
            <v>2.0000000000000001E-4</v>
          </cell>
          <cell r="H1973">
            <v>-5593.5909799999999</v>
          </cell>
          <cell r="I1973">
            <v>-5593.5907800000004</v>
          </cell>
        </row>
        <row r="1974">
          <cell r="A1974" t="str">
            <v>P333S</v>
          </cell>
          <cell r="D1974">
            <v>-13310.953240000001</v>
          </cell>
          <cell r="E1974">
            <v>-13310.953240000001</v>
          </cell>
          <cell r="H1974">
            <v>-19973.559659999999</v>
          </cell>
          <cell r="I1974">
            <v>-19973.559659999999</v>
          </cell>
        </row>
        <row r="1975">
          <cell r="A1975" t="str">
            <v>P338S</v>
          </cell>
          <cell r="B1975">
            <v>-90.094579999999993</v>
          </cell>
          <cell r="C1975">
            <v>70.291849999999997</v>
          </cell>
          <cell r="D1975">
            <v>-11962.8105</v>
          </cell>
          <cell r="E1975">
            <v>-11982.613230000001</v>
          </cell>
          <cell r="F1975">
            <v>157.25574</v>
          </cell>
          <cell r="G1975">
            <v>67.563140000000004</v>
          </cell>
          <cell r="H1975">
            <v>8237.1461600000002</v>
          </cell>
          <cell r="I1975">
            <v>8461.9650399999991</v>
          </cell>
        </row>
        <row r="1976">
          <cell r="A1976" t="str">
            <v>P803</v>
          </cell>
          <cell r="B1976">
            <v>-9004.0622600000006</v>
          </cell>
          <cell r="D1976">
            <v>-4374.6704200000004</v>
          </cell>
          <cell r="E1976">
            <v>-13378.732679999999</v>
          </cell>
          <cell r="F1976">
            <v>-44448.938730000002</v>
          </cell>
          <cell r="G1976">
            <v>-7.2700000000000004E-3</v>
          </cell>
          <cell r="H1976">
            <v>-14554.522150000001</v>
          </cell>
          <cell r="I1976">
            <v>-59003.468150000001</v>
          </cell>
        </row>
        <row r="1977">
          <cell r="A1977" t="str">
            <v>P311S</v>
          </cell>
          <cell r="B1977">
            <v>5.1399999999999996E-3</v>
          </cell>
          <cell r="E1977">
            <v>5.1399999999999996E-3</v>
          </cell>
          <cell r="F1977">
            <v>5.1399999999999996E-3</v>
          </cell>
          <cell r="H1977">
            <v>6252.5759600000001</v>
          </cell>
          <cell r="I1977">
            <v>6252.5811000000003</v>
          </cell>
        </row>
        <row r="1978">
          <cell r="A1978" t="str">
            <v>P320S</v>
          </cell>
          <cell r="B1978">
            <v>-9004.0673999999999</v>
          </cell>
          <cell r="D1978">
            <v>-4374.6704200000004</v>
          </cell>
          <cell r="E1978">
            <v>-13378.73782</v>
          </cell>
          <cell r="F1978">
            <v>-44448.943870000003</v>
          </cell>
          <cell r="G1978">
            <v>-7.2700000000000004E-3</v>
          </cell>
          <cell r="H1978">
            <v>-20807.098109999999</v>
          </cell>
          <cell r="I1978">
            <v>-65256.049249999996</v>
          </cell>
        </row>
        <row r="1979">
          <cell r="A1979" t="str">
            <v>P321S</v>
          </cell>
          <cell r="B1979">
            <v>-1086.43588</v>
          </cell>
          <cell r="D1979">
            <v>-3855.7233099999999</v>
          </cell>
          <cell r="E1979">
            <v>-4942.1591900000003</v>
          </cell>
          <cell r="F1979">
            <v>-5377.6638700000003</v>
          </cell>
          <cell r="H1979">
            <v>-19054.507610000001</v>
          </cell>
          <cell r="I1979">
            <v>-24432.171480000001</v>
          </cell>
        </row>
        <row r="1980">
          <cell r="A1980" t="str">
            <v>P32103S</v>
          </cell>
          <cell r="B1980">
            <v>-1098.34917</v>
          </cell>
          <cell r="D1980">
            <v>-3855.7233099999999</v>
          </cell>
          <cell r="E1980">
            <v>-4954.0724799999998</v>
          </cell>
          <cell r="F1980">
            <v>-5537.6759700000002</v>
          </cell>
          <cell r="H1980">
            <v>-19054.507610000001</v>
          </cell>
          <cell r="I1980">
            <v>-24592.183580000001</v>
          </cell>
        </row>
        <row r="1981">
          <cell r="A1981" t="str">
            <v>P32104S</v>
          </cell>
          <cell r="B1981">
            <v>11.91329</v>
          </cell>
          <cell r="E1981">
            <v>11.91329</v>
          </cell>
          <cell r="F1981">
            <v>160.0121</v>
          </cell>
          <cell r="I1981">
            <v>160.0121</v>
          </cell>
        </row>
        <row r="1982">
          <cell r="A1982" t="str">
            <v>P322S</v>
          </cell>
          <cell r="B1982">
            <v>-7963.8705799999998</v>
          </cell>
          <cell r="D1982">
            <v>-518.94710999999995</v>
          </cell>
          <cell r="E1982">
            <v>-8482.8176899999999</v>
          </cell>
          <cell r="F1982">
            <v>-39825.946369999998</v>
          </cell>
          <cell r="G1982">
            <v>-7.2700000000000004E-3</v>
          </cell>
          <cell r="H1982">
            <v>-1752.5905</v>
          </cell>
          <cell r="I1982">
            <v>-41578.544139999998</v>
          </cell>
        </row>
        <row r="1983">
          <cell r="A1983" t="str">
            <v>P323S</v>
          </cell>
          <cell r="B1983">
            <v>46.239060000000002</v>
          </cell>
          <cell r="E1983">
            <v>46.239060000000002</v>
          </cell>
          <cell r="F1983">
            <v>754.66637000000003</v>
          </cell>
          <cell r="I1983">
            <v>754.66637000000003</v>
          </cell>
        </row>
        <row r="1984">
          <cell r="A1984" t="str">
            <v>P804</v>
          </cell>
          <cell r="B1984">
            <v>13904.17375</v>
          </cell>
          <cell r="E1984">
            <v>13904.17375</v>
          </cell>
          <cell r="F1984">
            <v>28027.99728</v>
          </cell>
          <cell r="H1984">
            <v>425.97719000000001</v>
          </cell>
          <cell r="I1984">
            <v>28453.974470000001</v>
          </cell>
        </row>
        <row r="1985">
          <cell r="A1985" t="str">
            <v>P412S</v>
          </cell>
          <cell r="F1985">
            <v>-10616.921979999999</v>
          </cell>
          <cell r="I1985">
            <v>-10616.921979999999</v>
          </cell>
        </row>
        <row r="1986">
          <cell r="A1986" t="str">
            <v>P421S</v>
          </cell>
          <cell r="B1986">
            <v>13904.17375</v>
          </cell>
          <cell r="E1986">
            <v>13904.17375</v>
          </cell>
          <cell r="F1986">
            <v>38644.919260000002</v>
          </cell>
          <cell r="H1986">
            <v>425.97719000000001</v>
          </cell>
          <cell r="I1986">
            <v>39070.89645</v>
          </cell>
        </row>
        <row r="1987">
          <cell r="A1987" t="str">
            <v>P805</v>
          </cell>
          <cell r="D1987">
            <v>-2239.36393</v>
          </cell>
          <cell r="E1987">
            <v>-2239.36393</v>
          </cell>
          <cell r="H1987">
            <v>-7579.5066500000003</v>
          </cell>
          <cell r="I1987">
            <v>-7579.5066500000003</v>
          </cell>
        </row>
        <row r="1988">
          <cell r="A1988" t="str">
            <v>P280S</v>
          </cell>
          <cell r="D1988">
            <v>-2239.36393</v>
          </cell>
          <cell r="E1988">
            <v>-2239.36393</v>
          </cell>
          <cell r="H1988">
            <v>-7579.5066500000003</v>
          </cell>
          <cell r="I1988">
            <v>-7579.5066500000003</v>
          </cell>
        </row>
        <row r="1989">
          <cell r="A1989" t="str">
            <v>AF</v>
          </cell>
          <cell r="B1989">
            <v>-21631.808489999999</v>
          </cell>
          <cell r="C1989">
            <v>-1468.8235099999999</v>
          </cell>
          <cell r="D1989">
            <v>22473.437000000002</v>
          </cell>
          <cell r="E1989">
            <v>-627.19500000000005</v>
          </cell>
          <cell r="F1989">
            <v>-84471.301659999997</v>
          </cell>
          <cell r="G1989">
            <v>-3651.7647900000002</v>
          </cell>
          <cell r="H1989">
            <v>26290.855189999998</v>
          </cell>
          <cell r="I1989">
            <v>-61832.211259999996</v>
          </cell>
        </row>
        <row r="1990">
          <cell r="A1990" t="str">
            <v>C212_C2E</v>
          </cell>
          <cell r="F1990">
            <v>1159.7194400000001</v>
          </cell>
          <cell r="H1990">
            <v>-0.17111999999999999</v>
          </cell>
          <cell r="I1990">
            <v>1159.5483200000001</v>
          </cell>
        </row>
        <row r="1991">
          <cell r="A1991" t="str">
            <v>C212_TRUE</v>
          </cell>
          <cell r="B1991">
            <v>-21631.808489999999</v>
          </cell>
          <cell r="C1991">
            <v>-1468.8235099999999</v>
          </cell>
          <cell r="E1991">
            <v>-23100.632000000001</v>
          </cell>
          <cell r="F1991">
            <v>-85631.021099999998</v>
          </cell>
          <cell r="G1991">
            <v>-3651.7647900000002</v>
          </cell>
          <cell r="H1991">
            <v>0</v>
          </cell>
          <cell r="I1991">
            <v>-89282.785889999999</v>
          </cell>
        </row>
        <row r="1992">
          <cell r="A1992" t="str">
            <v>P400N</v>
          </cell>
          <cell r="D1992">
            <v>22473.437000000002</v>
          </cell>
          <cell r="E1992">
            <v>22473.437000000002</v>
          </cell>
          <cell r="G1992">
            <v>0</v>
          </cell>
          <cell r="H1992">
            <v>26291.026310000001</v>
          </cell>
          <cell r="I1992">
            <v>26291.026310000001</v>
          </cell>
        </row>
        <row r="1993">
          <cell r="A1993" t="str">
            <v>CF</v>
          </cell>
          <cell r="B1993">
            <v>0</v>
          </cell>
          <cell r="C1993">
            <v>0</v>
          </cell>
          <cell r="D1993">
            <v>0</v>
          </cell>
          <cell r="E1993">
            <v>0</v>
          </cell>
          <cell r="F1993">
            <v>-1E-3</v>
          </cell>
          <cell r="G1993">
            <v>0</v>
          </cell>
          <cell r="H1993">
            <v>0</v>
          </cell>
          <cell r="I1993">
            <v>-1E-3</v>
          </cell>
        </row>
        <row r="1994">
          <cell r="A1994" t="str">
            <v>BBCFCHK</v>
          </cell>
          <cell r="B1994">
            <v>276562.53528000001</v>
          </cell>
          <cell r="D1994">
            <v>144041.10826000001</v>
          </cell>
          <cell r="E1994">
            <v>420603.64354000002</v>
          </cell>
          <cell r="F1994">
            <v>-524441.42119999998</v>
          </cell>
          <cell r="G1994">
            <v>0</v>
          </cell>
          <cell r="H1994">
            <v>1191193.5637999999</v>
          </cell>
          <cell r="I1994">
            <v>666752.14260000002</v>
          </cell>
        </row>
        <row r="1995">
          <cell r="A1995" t="str">
            <v>C7</v>
          </cell>
          <cell r="B1995">
            <v>-138281.26764000001</v>
          </cell>
          <cell r="D1995">
            <v>-72020.554130000004</v>
          </cell>
          <cell r="E1995">
            <v>-210301.82177000001</v>
          </cell>
          <cell r="F1995">
            <v>262220.71059999999</v>
          </cell>
          <cell r="G1995">
            <v>0</v>
          </cell>
          <cell r="H1995">
            <v>-595596.78189999994</v>
          </cell>
          <cell r="I1995">
            <v>-333376.07130000001</v>
          </cell>
        </row>
        <row r="1996">
          <cell r="A1996" t="str">
            <v>C710</v>
          </cell>
          <cell r="B1996">
            <v>-138281.26764000001</v>
          </cell>
          <cell r="D1996">
            <v>-72020.554130000004</v>
          </cell>
          <cell r="E1996">
            <v>-210301.82177000001</v>
          </cell>
          <cell r="F1996">
            <v>262220.71059999999</v>
          </cell>
          <cell r="G1996">
            <v>0</v>
          </cell>
          <cell r="H1996">
            <v>-595596.78189999994</v>
          </cell>
          <cell r="I1996">
            <v>-333376.07130000001</v>
          </cell>
        </row>
        <row r="1997">
          <cell r="A1997" t="str">
            <v>C6</v>
          </cell>
          <cell r="B1997">
            <v>-138281.26764000001</v>
          </cell>
          <cell r="C1997">
            <v>0</v>
          </cell>
          <cell r="D1997">
            <v>-72020.554130000004</v>
          </cell>
          <cell r="E1997">
            <v>-210301.82177000001</v>
          </cell>
          <cell r="F1997">
            <v>262220.7096</v>
          </cell>
          <cell r="G1997">
            <v>0</v>
          </cell>
          <cell r="H1997">
            <v>-595596.78189999994</v>
          </cell>
          <cell r="I1997">
            <v>-333376.0723</v>
          </cell>
        </row>
        <row r="1998">
          <cell r="A1998" t="str">
            <v>C3</v>
          </cell>
          <cell r="B1998">
            <v>-100156.34709</v>
          </cell>
          <cell r="C1998">
            <v>503.58028000000002</v>
          </cell>
          <cell r="D1998">
            <v>-50655.372280000003</v>
          </cell>
          <cell r="E1998">
            <v>-150308.13909000001</v>
          </cell>
          <cell r="F1998">
            <v>633360.11907000002</v>
          </cell>
          <cell r="G1998">
            <v>-122.74767</v>
          </cell>
          <cell r="H1998">
            <v>-246069.04053</v>
          </cell>
          <cell r="I1998">
            <v>387168.33087000001</v>
          </cell>
        </row>
        <row r="1999">
          <cell r="A1999" t="str">
            <v>C3</v>
          </cell>
          <cell r="B1999">
            <v>0</v>
          </cell>
          <cell r="C1999">
            <v>0</v>
          </cell>
          <cell r="D1999">
            <v>0</v>
          </cell>
          <cell r="E1999">
            <v>0</v>
          </cell>
          <cell r="F1999">
            <v>0</v>
          </cell>
          <cell r="G1999">
            <v>0</v>
          </cell>
          <cell r="H1999">
            <v>0</v>
          </cell>
          <cell r="I1999">
            <v>0</v>
          </cell>
        </row>
        <row r="2000">
          <cell r="A2000" t="str">
            <v>C1</v>
          </cell>
          <cell r="B2000">
            <v>-54225.339870000003</v>
          </cell>
          <cell r="C2000">
            <v>490.90075999999999</v>
          </cell>
          <cell r="D2000">
            <v>-50655.061220000003</v>
          </cell>
          <cell r="E2000">
            <v>-104389.50033</v>
          </cell>
          <cell r="F2000">
            <v>582909.63737000001</v>
          </cell>
          <cell r="G2000">
            <v>-135.39487</v>
          </cell>
          <cell r="H2000">
            <v>-252007.15982</v>
          </cell>
          <cell r="I2000">
            <v>330767.08267999999</v>
          </cell>
        </row>
        <row r="2001">
          <cell r="A2001" t="str">
            <v>C110</v>
          </cell>
          <cell r="B2001">
            <v>63479.363599999997</v>
          </cell>
          <cell r="C2001">
            <v>-1661.9262100000001</v>
          </cell>
          <cell r="D2001">
            <v>-71427.828399999999</v>
          </cell>
          <cell r="E2001">
            <v>-9610.3910099999994</v>
          </cell>
          <cell r="F2001">
            <v>379748.63199999998</v>
          </cell>
          <cell r="G2001">
            <v>-708.78785000000005</v>
          </cell>
          <cell r="H2001">
            <v>-221009.33468999999</v>
          </cell>
          <cell r="I2001">
            <v>158030.50946</v>
          </cell>
        </row>
        <row r="2002">
          <cell r="A2002" t="str">
            <v>C120</v>
          </cell>
          <cell r="B2002">
            <v>17398.93029</v>
          </cell>
          <cell r="C2002">
            <v>33.625</v>
          </cell>
          <cell r="D2002">
            <v>69.64358</v>
          </cell>
          <cell r="E2002">
            <v>17502.19887</v>
          </cell>
          <cell r="F2002">
            <v>35172.718480000003</v>
          </cell>
          <cell r="G2002">
            <v>220.02979999999999</v>
          </cell>
          <cell r="H2002">
            <v>323.71071999999998</v>
          </cell>
          <cell r="I2002">
            <v>35716.459000000003</v>
          </cell>
        </row>
        <row r="2003">
          <cell r="A2003" t="str">
            <v>C130</v>
          </cell>
          <cell r="B2003">
            <v>-145443.5698</v>
          </cell>
          <cell r="C2003">
            <v>1590.0185100000001</v>
          </cell>
          <cell r="D2003">
            <v>-7093.3869199999999</v>
          </cell>
          <cell r="E2003">
            <v>-150946.93820999999</v>
          </cell>
          <cell r="F2003">
            <v>59244.640549999996</v>
          </cell>
          <cell r="G2003">
            <v>-263.01022</v>
          </cell>
          <cell r="H2003">
            <v>-13824.72406</v>
          </cell>
          <cell r="I2003">
            <v>45156.906269999999</v>
          </cell>
        </row>
        <row r="2004">
          <cell r="A2004" t="str">
            <v>C131</v>
          </cell>
          <cell r="B2004">
            <v>-66869.831850000002</v>
          </cell>
          <cell r="C2004">
            <v>611.86330999999996</v>
          </cell>
          <cell r="D2004">
            <v>-4604.2643099999996</v>
          </cell>
          <cell r="E2004">
            <v>-70862.23285</v>
          </cell>
          <cell r="F2004">
            <v>42279.789640000003</v>
          </cell>
          <cell r="G2004">
            <v>417.83569</v>
          </cell>
          <cell r="H2004">
            <v>226031.07467</v>
          </cell>
          <cell r="I2004">
            <v>268728.7</v>
          </cell>
        </row>
        <row r="2005">
          <cell r="A2005" t="str">
            <v>C132P</v>
          </cell>
          <cell r="B2005">
            <v>-87610.733389999994</v>
          </cell>
          <cell r="C2005">
            <v>-223.14216999999999</v>
          </cell>
          <cell r="D2005">
            <v>154.68797000000001</v>
          </cell>
          <cell r="E2005">
            <v>-87679.187590000001</v>
          </cell>
          <cell r="F2005">
            <v>104173.20301</v>
          </cell>
          <cell r="G2005">
            <v>-775.30325000000005</v>
          </cell>
          <cell r="H2005">
            <v>-321195.45899000001</v>
          </cell>
          <cell r="I2005">
            <v>-217797.55923000001</v>
          </cell>
        </row>
        <row r="2006">
          <cell r="A2006" t="str">
            <v>C13201</v>
          </cell>
          <cell r="B2006">
            <v>-87700.827969999998</v>
          </cell>
          <cell r="C2006">
            <v>-152.85032000000001</v>
          </cell>
          <cell r="D2006">
            <v>-11808.122530000001</v>
          </cell>
          <cell r="E2006">
            <v>-99661.800820000004</v>
          </cell>
          <cell r="F2006">
            <v>104330.45875000001</v>
          </cell>
          <cell r="G2006">
            <v>-707.74010999999996</v>
          </cell>
          <cell r="H2006">
            <v>-312958.31283000001</v>
          </cell>
          <cell r="I2006">
            <v>-209335.59419</v>
          </cell>
        </row>
        <row r="2007">
          <cell r="A2007" t="str">
            <v>C13204</v>
          </cell>
          <cell r="B2007">
            <v>90.094579999999993</v>
          </cell>
          <cell r="C2007">
            <v>-70.291849999999997</v>
          </cell>
          <cell r="D2007">
            <v>11962.8105</v>
          </cell>
          <cell r="E2007">
            <v>11982.613230000001</v>
          </cell>
          <cell r="F2007">
            <v>-157.25574</v>
          </cell>
          <cell r="G2007">
            <v>-67.563140000000004</v>
          </cell>
          <cell r="H2007">
            <v>-8237.1461600000002</v>
          </cell>
          <cell r="I2007">
            <v>-8461.9650399999991</v>
          </cell>
        </row>
        <row r="2008">
          <cell r="A2008" t="str">
            <v>C133</v>
          </cell>
          <cell r="B2008">
            <v>585.95702000000006</v>
          </cell>
          <cell r="C2008">
            <v>1201.29737</v>
          </cell>
          <cell r="D2008">
            <v>-1755.6137000000001</v>
          </cell>
          <cell r="E2008">
            <v>31.640689999999999</v>
          </cell>
          <cell r="F2008">
            <v>-99470.681700000001</v>
          </cell>
          <cell r="G2008">
            <v>94.254419999999996</v>
          </cell>
          <cell r="H2008">
            <v>89437.239610000004</v>
          </cell>
          <cell r="I2008">
            <v>-9939.1876699999993</v>
          </cell>
        </row>
        <row r="2009">
          <cell r="A2009" t="str">
            <v>C134</v>
          </cell>
          <cell r="B2009">
            <v>8451.0384200000008</v>
          </cell>
          <cell r="D2009">
            <v>-888.19687999999996</v>
          </cell>
          <cell r="E2009">
            <v>7562.8415400000004</v>
          </cell>
          <cell r="F2009">
            <v>-8839.9694099999997</v>
          </cell>
          <cell r="G2009">
            <v>0.20291999999999999</v>
          </cell>
          <cell r="H2009">
            <v>-8097.57935</v>
          </cell>
          <cell r="I2009">
            <v>-16937.345840000002</v>
          </cell>
        </row>
        <row r="2010">
          <cell r="A2010" t="str">
            <v>C135</v>
          </cell>
          <cell r="F2010">
            <v>21102.299009999999</v>
          </cell>
          <cell r="G2010">
            <v>0</v>
          </cell>
          <cell r="I2010">
            <v>21102.299009999999</v>
          </cell>
        </row>
        <row r="2011">
          <cell r="A2011" t="str">
            <v>C150</v>
          </cell>
          <cell r="B2011">
            <v>-1064.0630799999999</v>
          </cell>
          <cell r="D2011">
            <v>24845.92453</v>
          </cell>
          <cell r="E2011">
            <v>23781.86145</v>
          </cell>
          <cell r="F2011">
            <v>4627.9338100000004</v>
          </cell>
          <cell r="G2011">
            <v>0</v>
          </cell>
          <cell r="H2011">
            <v>53660.322379999998</v>
          </cell>
          <cell r="I2011">
            <v>58288.25619</v>
          </cell>
        </row>
        <row r="2012">
          <cell r="A2012" t="str">
            <v>C15001</v>
          </cell>
          <cell r="B2012">
            <v>1743.0019299999999</v>
          </cell>
          <cell r="E2012">
            <v>1743.0019299999999</v>
          </cell>
          <cell r="F2012">
            <v>8715.0096900000008</v>
          </cell>
          <cell r="I2012">
            <v>8715.0096900000008</v>
          </cell>
        </row>
        <row r="2013">
          <cell r="A2013" t="str">
            <v>C15002</v>
          </cell>
          <cell r="B2013">
            <v>1410.31324</v>
          </cell>
          <cell r="D2013">
            <v>23456.15955</v>
          </cell>
          <cell r="E2013">
            <v>24866.47279</v>
          </cell>
          <cell r="F2013">
            <v>7113.3041599999997</v>
          </cell>
          <cell r="G2013">
            <v>0</v>
          </cell>
          <cell r="H2013">
            <v>52409.985849999997</v>
          </cell>
          <cell r="I2013">
            <v>59523.290009999997</v>
          </cell>
        </row>
        <row r="2014">
          <cell r="A2014" t="str">
            <v>C15003</v>
          </cell>
          <cell r="B2014">
            <v>-4217.3782499999998</v>
          </cell>
          <cell r="D2014">
            <v>1389.7649799999999</v>
          </cell>
          <cell r="E2014">
            <v>-2827.6132699999998</v>
          </cell>
          <cell r="F2014">
            <v>-11200.38004</v>
          </cell>
          <cell r="G2014">
            <v>0</v>
          </cell>
          <cell r="H2014">
            <v>1250.33653</v>
          </cell>
          <cell r="I2014">
            <v>-9950.0435099999995</v>
          </cell>
        </row>
        <row r="2015">
          <cell r="A2015" t="str">
            <v>C15004</v>
          </cell>
        </row>
        <row r="2016">
          <cell r="A2016" t="str">
            <v>C160</v>
          </cell>
          <cell r="B2016">
            <v>-3582.9788600000002</v>
          </cell>
          <cell r="C2016">
            <v>529.18345999999997</v>
          </cell>
          <cell r="D2016">
            <v>2133.7299499999999</v>
          </cell>
          <cell r="E2016">
            <v>-920.06545000000006</v>
          </cell>
          <cell r="F2016">
            <v>-10905.6823</v>
          </cell>
          <cell r="G2016">
            <v>616.36613</v>
          </cell>
          <cell r="H2016">
            <v>-16956.104869999999</v>
          </cell>
          <cell r="I2016">
            <v>-27245.421040000001</v>
          </cell>
        </row>
        <row r="2017">
          <cell r="A2017" t="str">
            <v>C16001</v>
          </cell>
          <cell r="B2017">
            <v>4058.8051300000002</v>
          </cell>
          <cell r="C2017">
            <v>529.18345999999997</v>
          </cell>
          <cell r="D2017">
            <v>2133.7299499999999</v>
          </cell>
          <cell r="E2017">
            <v>6721.7185399999998</v>
          </cell>
          <cell r="F2017">
            <v>7888.7620999999999</v>
          </cell>
          <cell r="G2017">
            <v>616.36613</v>
          </cell>
          <cell r="H2017">
            <v>-16956.104869999999</v>
          </cell>
          <cell r="I2017">
            <v>-8450.9766400000008</v>
          </cell>
        </row>
        <row r="2018">
          <cell r="A2018" t="str">
            <v>C16002</v>
          </cell>
          <cell r="B2018">
            <v>352.95580000000001</v>
          </cell>
          <cell r="E2018">
            <v>352.95580000000001</v>
          </cell>
          <cell r="F2018">
            <v>677.23829999999998</v>
          </cell>
          <cell r="I2018">
            <v>677.23829999999998</v>
          </cell>
        </row>
        <row r="2019">
          <cell r="A2019" t="str">
            <v>C16003</v>
          </cell>
          <cell r="B2019">
            <v>-6778.78323</v>
          </cell>
          <cell r="E2019">
            <v>-6778.78323</v>
          </cell>
          <cell r="F2019">
            <v>-13509.573119999999</v>
          </cell>
          <cell r="I2019">
            <v>-13509.573119999999</v>
          </cell>
        </row>
        <row r="2020">
          <cell r="A2020" t="str">
            <v>C16004</v>
          </cell>
          <cell r="G2020">
            <v>0</v>
          </cell>
          <cell r="I2020">
            <v>0</v>
          </cell>
        </row>
        <row r="2021">
          <cell r="A2021" t="str">
            <v>C16006</v>
          </cell>
          <cell r="B2021">
            <v>-1215.9565600000001</v>
          </cell>
          <cell r="E2021">
            <v>-1215.9565600000001</v>
          </cell>
          <cell r="F2021">
            <v>-5859.8105699999996</v>
          </cell>
          <cell r="G2021">
            <v>0</v>
          </cell>
          <cell r="I2021">
            <v>-5859.8105699999996</v>
          </cell>
        </row>
        <row r="2022">
          <cell r="A2022" t="str">
            <v>C16007</v>
          </cell>
          <cell r="G2022">
            <v>0</v>
          </cell>
          <cell r="I2022">
            <v>0</v>
          </cell>
        </row>
        <row r="2023">
          <cell r="A2023" t="str">
            <v>C16008</v>
          </cell>
          <cell r="F2023">
            <v>-102.29901</v>
          </cell>
          <cell r="G2023">
            <v>0</v>
          </cell>
          <cell r="I2023">
            <v>-102.29901</v>
          </cell>
        </row>
        <row r="2024">
          <cell r="A2024" t="str">
            <v>C16009</v>
          </cell>
          <cell r="F2024">
            <v>-102.29901</v>
          </cell>
          <cell r="G2024">
            <v>0</v>
          </cell>
          <cell r="I2024">
            <v>-102.29901</v>
          </cell>
        </row>
        <row r="2025">
          <cell r="A2025" t="str">
            <v>C170</v>
          </cell>
          <cell r="B2025">
            <v>14986.97798</v>
          </cell>
          <cell r="D2025">
            <v>4374.6704200000004</v>
          </cell>
          <cell r="E2025">
            <v>19361.648399999998</v>
          </cell>
          <cell r="F2025">
            <v>115021.39483</v>
          </cell>
          <cell r="G2025">
            <v>7.2700000000000004E-3</v>
          </cell>
          <cell r="H2025">
            <v>14490.96624</v>
          </cell>
          <cell r="I2025">
            <v>129512.36834</v>
          </cell>
        </row>
        <row r="2026">
          <cell r="A2026" t="str">
            <v>C17001</v>
          </cell>
          <cell r="B2026">
            <v>4239.9137799999999</v>
          </cell>
          <cell r="E2026">
            <v>4239.9137799999999</v>
          </cell>
          <cell r="F2026">
            <v>61857.446400000001</v>
          </cell>
          <cell r="H2026">
            <v>-63.555909999999997</v>
          </cell>
          <cell r="I2026">
            <v>61793.890489999998</v>
          </cell>
        </row>
        <row r="2027">
          <cell r="A2027" t="str">
            <v>C17002</v>
          </cell>
          <cell r="B2027">
            <v>10747.06934</v>
          </cell>
          <cell r="D2027">
            <v>4374.6704200000004</v>
          </cell>
          <cell r="E2027">
            <v>15121.73976</v>
          </cell>
          <cell r="F2027">
            <v>53163.953569999998</v>
          </cell>
          <cell r="G2027">
            <v>7.2700000000000004E-3</v>
          </cell>
          <cell r="H2027">
            <v>20807.098109999999</v>
          </cell>
          <cell r="I2027">
            <v>73971.058950000006</v>
          </cell>
        </row>
        <row r="2028">
          <cell r="A2028" t="str">
            <v>C17003</v>
          </cell>
          <cell r="B2028">
            <v>-5.1399999999999996E-3</v>
          </cell>
          <cell r="E2028">
            <v>-5.1399999999999996E-3</v>
          </cell>
          <cell r="F2028">
            <v>-5.1399999999999996E-3</v>
          </cell>
          <cell r="H2028">
            <v>-6252.5759600000001</v>
          </cell>
          <cell r="I2028">
            <v>-6252.5811000000003</v>
          </cell>
        </row>
        <row r="2029">
          <cell r="A2029" t="str">
            <v>C180</v>
          </cell>
          <cell r="D2029">
            <v>-3557.8143799999998</v>
          </cell>
          <cell r="E2029">
            <v>-3557.8143799999998</v>
          </cell>
          <cell r="H2029">
            <v>-68691.995540000004</v>
          </cell>
          <cell r="I2029">
            <v>-68691.995540000004</v>
          </cell>
        </row>
        <row r="2030">
          <cell r="A2030" t="str">
            <v>C2</v>
          </cell>
          <cell r="B2030">
            <v>-45931.00722</v>
          </cell>
          <cell r="C2030">
            <v>12.67952</v>
          </cell>
          <cell r="D2030">
            <v>-0.31106</v>
          </cell>
          <cell r="E2030">
            <v>-45918.638760000002</v>
          </cell>
          <cell r="F2030">
            <v>50450.481699999997</v>
          </cell>
          <cell r="G2030">
            <v>12.6472</v>
          </cell>
          <cell r="H2030">
            <v>5938.1192899999996</v>
          </cell>
          <cell r="I2030">
            <v>56401.248189999998</v>
          </cell>
        </row>
        <row r="2031">
          <cell r="A2031" t="str">
            <v>C210</v>
          </cell>
          <cell r="B2031">
            <v>-45977.251420000001</v>
          </cell>
          <cell r="C2031">
            <v>0</v>
          </cell>
          <cell r="D2031">
            <v>-0.31106</v>
          </cell>
          <cell r="E2031">
            <v>-45977.562480000001</v>
          </cell>
          <cell r="F2031">
            <v>-139304.18981000001</v>
          </cell>
          <cell r="G2031">
            <v>-3.2320000000000002E-2</v>
          </cell>
          <cell r="H2031">
            <v>7165.4846900000002</v>
          </cell>
          <cell r="I2031">
            <v>-132138.73744</v>
          </cell>
        </row>
        <row r="2032">
          <cell r="A2032" t="str">
            <v>C211</v>
          </cell>
          <cell r="B2032">
            <v>-25314.510200000001</v>
          </cell>
          <cell r="D2032">
            <v>-0.31106</v>
          </cell>
          <cell r="E2032">
            <v>-25314.821260000001</v>
          </cell>
          <cell r="F2032">
            <v>-63207.261359999997</v>
          </cell>
          <cell r="G2032">
            <v>-3.2320000000000002E-2</v>
          </cell>
          <cell r="H2032">
            <v>7165.6558100000002</v>
          </cell>
          <cell r="I2032">
            <v>-56041.637869999999</v>
          </cell>
        </row>
        <row r="2033">
          <cell r="A2033" t="str">
            <v>C21101</v>
          </cell>
          <cell r="B2033">
            <v>-10000.41545</v>
          </cell>
          <cell r="D2033">
            <v>-0.31106</v>
          </cell>
          <cell r="E2033">
            <v>-10000.72651</v>
          </cell>
          <cell r="F2033">
            <v>-17104.11247</v>
          </cell>
          <cell r="G2033">
            <v>-3.2320000000000002E-2</v>
          </cell>
          <cell r="H2033">
            <v>7165.6558100000002</v>
          </cell>
          <cell r="I2033">
            <v>-9938.4889800000001</v>
          </cell>
        </row>
        <row r="2034">
          <cell r="A2034" t="str">
            <v>C21102</v>
          </cell>
          <cell r="B2034">
            <v>-15267.85569</v>
          </cell>
          <cell r="E2034">
            <v>-15267.85569</v>
          </cell>
          <cell r="F2034">
            <v>-45348.482519999998</v>
          </cell>
          <cell r="I2034">
            <v>-45348.482519999998</v>
          </cell>
        </row>
        <row r="2035">
          <cell r="A2035" t="str">
            <v>C21103</v>
          </cell>
          <cell r="B2035">
            <v>-46.239060000000002</v>
          </cell>
          <cell r="E2035">
            <v>-46.239060000000002</v>
          </cell>
          <cell r="F2035">
            <v>-754.66637000000003</v>
          </cell>
          <cell r="I2035">
            <v>-754.66637000000003</v>
          </cell>
        </row>
        <row r="2036">
          <cell r="A2036" t="str">
            <v>C212</v>
          </cell>
          <cell r="B2036">
            <v>-21631.808489999999</v>
          </cell>
          <cell r="C2036">
            <v>-1468.8235099999999</v>
          </cell>
          <cell r="E2036">
            <v>-23100.632000000001</v>
          </cell>
          <cell r="F2036">
            <v>-84471.301659999997</v>
          </cell>
          <cell r="G2036">
            <v>-3651.7647900000002</v>
          </cell>
          <cell r="H2036">
            <v>-0.17111999999999999</v>
          </cell>
          <cell r="I2036">
            <v>-88123.237569999998</v>
          </cell>
        </row>
        <row r="2037">
          <cell r="A2037" t="str">
            <v>C21201</v>
          </cell>
        </row>
        <row r="2038">
          <cell r="A2038" t="str">
            <v>C21202</v>
          </cell>
          <cell r="B2038">
            <v>784.22159999999997</v>
          </cell>
          <cell r="C2038">
            <v>-63.14911</v>
          </cell>
          <cell r="E2038">
            <v>721.07249000000002</v>
          </cell>
          <cell r="F2038">
            <v>230.71297999999999</v>
          </cell>
          <cell r="G2038">
            <v>738.59667999999999</v>
          </cell>
          <cell r="I2038">
            <v>969.30966000000001</v>
          </cell>
        </row>
        <row r="2039">
          <cell r="A2039" t="str">
            <v>C21203</v>
          </cell>
          <cell r="B2039">
            <v>-336.66005999999999</v>
          </cell>
          <cell r="E2039">
            <v>-336.66005999999999</v>
          </cell>
          <cell r="F2039">
            <v>-855.14532999999994</v>
          </cell>
          <cell r="H2039">
            <v>-0.17111999999999999</v>
          </cell>
          <cell r="I2039">
            <v>-855.31645000000003</v>
          </cell>
        </row>
        <row r="2040">
          <cell r="A2040" t="str">
            <v>C21204</v>
          </cell>
          <cell r="B2040">
            <v>-20326.081160000002</v>
          </cell>
          <cell r="E2040">
            <v>-20326.081160000002</v>
          </cell>
          <cell r="F2040">
            <v>-75241.783119999993</v>
          </cell>
          <cell r="I2040">
            <v>-75241.783119999993</v>
          </cell>
        </row>
        <row r="2041">
          <cell r="A2041" t="str">
            <v>C21205</v>
          </cell>
          <cell r="B2041">
            <v>-951.31394999999998</v>
          </cell>
          <cell r="C2041">
            <v>-981.04435000000001</v>
          </cell>
          <cell r="E2041">
            <v>-1932.3583000000001</v>
          </cell>
          <cell r="F2041">
            <v>-4233.69067</v>
          </cell>
          <cell r="G2041">
            <v>-2627.8265799999999</v>
          </cell>
          <cell r="I2041">
            <v>-6861.5172499999999</v>
          </cell>
        </row>
        <row r="2042">
          <cell r="A2042" t="str">
            <v>C21206</v>
          </cell>
          <cell r="B2042">
            <v>-22.964649999999999</v>
          </cell>
          <cell r="E2042">
            <v>-22.964649999999999</v>
          </cell>
          <cell r="F2042">
            <v>-211.92688000000001</v>
          </cell>
          <cell r="I2042">
            <v>-211.92688000000001</v>
          </cell>
        </row>
        <row r="2043">
          <cell r="A2043" t="str">
            <v>C21207</v>
          </cell>
          <cell r="B2043">
            <v>-779.01026999999999</v>
          </cell>
          <cell r="C2043">
            <v>-424.63004999999998</v>
          </cell>
          <cell r="E2043">
            <v>-1203.64032</v>
          </cell>
          <cell r="F2043">
            <v>-4159.4686400000001</v>
          </cell>
          <cell r="G2043">
            <v>-1762.5348899999999</v>
          </cell>
          <cell r="I2043">
            <v>-5922.00353</v>
          </cell>
        </row>
        <row r="2044">
          <cell r="A2044" t="str">
            <v>C21208</v>
          </cell>
        </row>
        <row r="2045">
          <cell r="A2045" t="str">
            <v>C213</v>
          </cell>
          <cell r="B2045">
            <v>969.06727000000001</v>
          </cell>
          <cell r="C2045">
            <v>1468.8235099999999</v>
          </cell>
          <cell r="E2045">
            <v>2437.8907800000002</v>
          </cell>
          <cell r="F2045">
            <v>8374.3732099999997</v>
          </cell>
          <cell r="G2045">
            <v>3651.7647900000002</v>
          </cell>
          <cell r="I2045">
            <v>12026.138000000001</v>
          </cell>
        </row>
        <row r="2046">
          <cell r="A2046" t="str">
            <v>C217</v>
          </cell>
          <cell r="H2046">
            <v>-7479.9413599999998</v>
          </cell>
          <cell r="I2046">
            <v>-7479.9413599999998</v>
          </cell>
        </row>
        <row r="2047">
          <cell r="A2047" t="str">
            <v>C220</v>
          </cell>
          <cell r="C2047">
            <v>12.67952</v>
          </cell>
          <cell r="E2047">
            <v>12.67952</v>
          </cell>
          <cell r="F2047">
            <v>189000</v>
          </cell>
          <cell r="G2047">
            <v>12.67952</v>
          </cell>
          <cell r="I2047">
            <v>189012.67952000001</v>
          </cell>
        </row>
        <row r="2048">
          <cell r="A2048" t="str">
            <v>C22001</v>
          </cell>
          <cell r="C2048">
            <v>12.67952</v>
          </cell>
          <cell r="E2048">
            <v>12.67952</v>
          </cell>
          <cell r="F2048">
            <v>210000</v>
          </cell>
          <cell r="G2048">
            <v>12.67952</v>
          </cell>
          <cell r="I2048">
            <v>210012.67952000001</v>
          </cell>
        </row>
        <row r="2049">
          <cell r="A2049" t="str">
            <v>C22002</v>
          </cell>
          <cell r="F2049">
            <v>-21000</v>
          </cell>
          <cell r="I2049">
            <v>-21000</v>
          </cell>
        </row>
        <row r="2050">
          <cell r="A2050" t="str">
            <v>C22021</v>
          </cell>
          <cell r="F2050">
            <v>-21000</v>
          </cell>
          <cell r="I2050">
            <v>-21000</v>
          </cell>
        </row>
        <row r="2051">
          <cell r="A2051" t="str">
            <v>C22022</v>
          </cell>
        </row>
        <row r="2052">
          <cell r="A2052" t="str">
            <v>C230</v>
          </cell>
        </row>
        <row r="2053">
          <cell r="A2053" t="str">
            <v>C231</v>
          </cell>
        </row>
        <row r="2054">
          <cell r="A2054" t="str">
            <v>C23102</v>
          </cell>
        </row>
        <row r="2055">
          <cell r="A2055" t="str">
            <v>C240P</v>
          </cell>
          <cell r="B2055">
            <v>5.1399999999999996E-3</v>
          </cell>
          <cell r="E2055">
            <v>5.1399999999999996E-3</v>
          </cell>
          <cell r="F2055">
            <v>5.1399999999999996E-3</v>
          </cell>
          <cell r="H2055">
            <v>6252.5759600000001</v>
          </cell>
          <cell r="I2055">
            <v>6252.5811000000003</v>
          </cell>
        </row>
        <row r="2056">
          <cell r="A2056" t="str">
            <v>C24001</v>
          </cell>
          <cell r="B2056">
            <v>5.1399999999999996E-3</v>
          </cell>
          <cell r="E2056">
            <v>5.1399999999999996E-3</v>
          </cell>
          <cell r="F2056">
            <v>5.1399999999999996E-3</v>
          </cell>
          <cell r="H2056">
            <v>6252.5759600000001</v>
          </cell>
          <cell r="I2056">
            <v>6252.5811000000003</v>
          </cell>
        </row>
        <row r="2057">
          <cell r="A2057" t="str">
            <v>C250</v>
          </cell>
          <cell r="B2057">
            <v>46.239060000000002</v>
          </cell>
          <cell r="E2057">
            <v>46.239060000000002</v>
          </cell>
          <cell r="F2057">
            <v>754.66637000000003</v>
          </cell>
          <cell r="I2057">
            <v>754.66637000000003</v>
          </cell>
        </row>
        <row r="2058">
          <cell r="A2058" t="str">
            <v>C4</v>
          </cell>
          <cell r="B2058">
            <v>-38034.825969999998</v>
          </cell>
          <cell r="C2058">
            <v>-573.87212999999997</v>
          </cell>
          <cell r="D2058">
            <v>-9402.3713499999994</v>
          </cell>
          <cell r="E2058">
            <v>-48011.069450000003</v>
          </cell>
          <cell r="F2058">
            <v>-371296.66521000001</v>
          </cell>
          <cell r="G2058">
            <v>55.184530000000002</v>
          </cell>
          <cell r="H2058">
            <v>-357764.88753000001</v>
          </cell>
          <cell r="I2058">
            <v>-729006.36820999999</v>
          </cell>
        </row>
        <row r="2059">
          <cell r="A2059" t="str">
            <v>C410</v>
          </cell>
          <cell r="B2059">
            <v>-29061.518639999998</v>
          </cell>
          <cell r="C2059">
            <v>-573.87212999999997</v>
          </cell>
          <cell r="D2059">
            <v>-4935.0904200000004</v>
          </cell>
          <cell r="E2059">
            <v>-34570.481189999999</v>
          </cell>
          <cell r="F2059">
            <v>-325864.32578000001</v>
          </cell>
          <cell r="G2059">
            <v>55.191800000000001</v>
          </cell>
          <cell r="H2059">
            <v>-343913.18157000002</v>
          </cell>
          <cell r="I2059">
            <v>-669722.31555000006</v>
          </cell>
        </row>
        <row r="2060">
          <cell r="A2060" t="str">
            <v>C411</v>
          </cell>
          <cell r="B2060">
            <v>-28879.997429999999</v>
          </cell>
          <cell r="C2060">
            <v>-573.87212999999997</v>
          </cell>
          <cell r="D2060">
            <v>-4935.0904200000004</v>
          </cell>
          <cell r="E2060">
            <v>-34388.95998</v>
          </cell>
          <cell r="F2060">
            <v>-309709.40886000003</v>
          </cell>
          <cell r="G2060">
            <v>55.191800000000001</v>
          </cell>
          <cell r="H2060">
            <v>-340413.18157000002</v>
          </cell>
          <cell r="I2060">
            <v>-650067.39862999995</v>
          </cell>
        </row>
        <row r="2061">
          <cell r="A2061" t="str">
            <v>C41101</v>
          </cell>
        </row>
        <row r="2062">
          <cell r="A2062" t="str">
            <v>C41102</v>
          </cell>
          <cell r="B2062">
            <v>-28913.531599999998</v>
          </cell>
          <cell r="C2062">
            <v>-573.87212999999997</v>
          </cell>
          <cell r="D2062">
            <v>-4901.5562499999996</v>
          </cell>
          <cell r="E2062">
            <v>-34388.95998</v>
          </cell>
          <cell r="F2062">
            <v>-309754.47376000002</v>
          </cell>
          <cell r="G2062">
            <v>120.82811</v>
          </cell>
          <cell r="H2062">
            <v>184374.62650000001</v>
          </cell>
          <cell r="I2062">
            <v>-125259.01914999999</v>
          </cell>
        </row>
        <row r="2063">
          <cell r="A2063" t="str">
            <v>C41103</v>
          </cell>
        </row>
        <row r="2064">
          <cell r="A2064" t="str">
            <v>C41104</v>
          </cell>
          <cell r="G2064">
            <v>0</v>
          </cell>
          <cell r="I2064">
            <v>0</v>
          </cell>
        </row>
        <row r="2065">
          <cell r="A2065" t="str">
            <v>C41108</v>
          </cell>
          <cell r="G2065">
            <v>0</v>
          </cell>
          <cell r="I2065">
            <v>0</v>
          </cell>
        </row>
        <row r="2066">
          <cell r="A2066" t="str">
            <v>C41107</v>
          </cell>
          <cell r="B2066">
            <v>33.534170000000003</v>
          </cell>
          <cell r="D2066">
            <v>-33.534170000000003</v>
          </cell>
          <cell r="E2066">
            <v>0</v>
          </cell>
          <cell r="F2066">
            <v>45.064900000000002</v>
          </cell>
          <cell r="G2066">
            <v>-65.636309999999995</v>
          </cell>
          <cell r="H2066">
            <v>-524787.80807000003</v>
          </cell>
          <cell r="I2066">
            <v>-524808.37948</v>
          </cell>
        </row>
        <row r="2067">
          <cell r="A2067" t="str">
            <v>C412</v>
          </cell>
          <cell r="B2067">
            <v>-181.52121</v>
          </cell>
          <cell r="E2067">
            <v>-181.52121</v>
          </cell>
          <cell r="F2067">
            <v>-16154.91692</v>
          </cell>
          <cell r="H2067">
            <v>-3500</v>
          </cell>
          <cell r="I2067">
            <v>-19654.91692</v>
          </cell>
        </row>
        <row r="2068">
          <cell r="A2068" t="str">
            <v>C430</v>
          </cell>
          <cell r="G2068">
            <v>0</v>
          </cell>
          <cell r="I2068">
            <v>0</v>
          </cell>
        </row>
        <row r="2069">
          <cell r="A2069" t="str">
            <v>C431</v>
          </cell>
          <cell r="G2069">
            <v>0</v>
          </cell>
          <cell r="I2069">
            <v>0</v>
          </cell>
        </row>
        <row r="2070">
          <cell r="A2070" t="str">
            <v>C43101</v>
          </cell>
          <cell r="G2070">
            <v>0</v>
          </cell>
          <cell r="I2070">
            <v>0</v>
          </cell>
        </row>
        <row r="2071">
          <cell r="A2071" t="str">
            <v>C440</v>
          </cell>
          <cell r="B2071">
            <v>-8973.3073299999996</v>
          </cell>
          <cell r="D2071">
            <v>-4467.2809299999999</v>
          </cell>
          <cell r="E2071">
            <v>-13440.58826</v>
          </cell>
          <cell r="F2071">
            <v>-45432.33943</v>
          </cell>
          <cell r="G2071">
            <v>-7.2700000000000004E-3</v>
          </cell>
          <cell r="H2071">
            <v>-13851.705959999999</v>
          </cell>
          <cell r="I2071">
            <v>-59284.052660000001</v>
          </cell>
        </row>
        <row r="2072">
          <cell r="A2072" t="str">
            <v>C510</v>
          </cell>
          <cell r="B2072">
            <v>-90.094579999999993</v>
          </cell>
          <cell r="C2072">
            <v>70.291849999999997</v>
          </cell>
          <cell r="D2072">
            <v>-11962.8105</v>
          </cell>
          <cell r="E2072">
            <v>-11982.613230000001</v>
          </cell>
          <cell r="F2072">
            <v>157.25574</v>
          </cell>
          <cell r="G2072">
            <v>67.563140000000004</v>
          </cell>
          <cell r="H2072">
            <v>8237.1461600000002</v>
          </cell>
          <cell r="I2072">
            <v>8461.9650399999991</v>
          </cell>
        </row>
        <row r="2073">
          <cell r="A2073" t="str">
            <v>C51006</v>
          </cell>
          <cell r="B2073">
            <v>-90.094579999999993</v>
          </cell>
          <cell r="C2073">
            <v>70.291849999999997</v>
          </cell>
          <cell r="D2073">
            <v>-11962.8105</v>
          </cell>
          <cell r="E2073">
            <v>-11982.613230000001</v>
          </cell>
          <cell r="F2073">
            <v>157.25574</v>
          </cell>
          <cell r="G2073">
            <v>67.563140000000004</v>
          </cell>
          <cell r="H2073">
            <v>8237.1461600000002</v>
          </cell>
          <cell r="I2073">
            <v>8461.9650399999991</v>
          </cell>
        </row>
        <row r="2132">
          <cell r="A2132" t="str">
            <v>BS</v>
          </cell>
          <cell r="B2132">
            <v>0</v>
          </cell>
          <cell r="C2132">
            <v>0</v>
          </cell>
          <cell r="D2132">
            <v>0</v>
          </cell>
          <cell r="E2132">
            <v>0</v>
          </cell>
          <cell r="F2132">
            <v>5.8900000000000003E-3</v>
          </cell>
          <cell r="G2132">
            <v>0</v>
          </cell>
          <cell r="H2132">
            <v>4.0000000000000003E-5</v>
          </cell>
          <cell r="I2132">
            <v>5.9300000000000004E-3</v>
          </cell>
        </row>
        <row r="2133">
          <cell r="A2133" t="str">
            <v>B7</v>
          </cell>
          <cell r="B2133">
            <v>-74941.390719999996</v>
          </cell>
          <cell r="C2133">
            <v>-4470.6778000000004</v>
          </cell>
          <cell r="D2133">
            <v>13584.936530000001</v>
          </cell>
          <cell r="E2133">
            <v>-65827.131989999994</v>
          </cell>
          <cell r="F2133">
            <v>156697.36747999999</v>
          </cell>
          <cell r="G2133">
            <v>-122257.81232</v>
          </cell>
          <cell r="H2133">
            <v>1765130.4634400001</v>
          </cell>
          <cell r="I2133">
            <v>1799570.0186000001</v>
          </cell>
        </row>
        <row r="2134">
          <cell r="A2134" t="str">
            <v>B7</v>
          </cell>
          <cell r="B2134">
            <v>0</v>
          </cell>
          <cell r="C2134">
            <v>0</v>
          </cell>
          <cell r="D2134">
            <v>0</v>
          </cell>
          <cell r="E2134">
            <v>0</v>
          </cell>
          <cell r="F2134">
            <v>0</v>
          </cell>
          <cell r="G2134">
            <v>0</v>
          </cell>
          <cell r="H2134">
            <v>0</v>
          </cell>
          <cell r="I2134">
            <v>0</v>
          </cell>
        </row>
        <row r="2135">
          <cell r="A2135" t="str">
            <v>B3</v>
          </cell>
          <cell r="B2135">
            <v>80104.563699999999</v>
          </cell>
          <cell r="C2135">
            <v>-1287.03682</v>
          </cell>
          <cell r="D2135">
            <v>-61098.59448</v>
          </cell>
          <cell r="E2135">
            <v>17718.932400000002</v>
          </cell>
          <cell r="F2135">
            <v>825566.40700999997</v>
          </cell>
          <cell r="G2135">
            <v>-63040.945820000001</v>
          </cell>
          <cell r="H2135">
            <v>1629459.21483</v>
          </cell>
          <cell r="I2135">
            <v>2391984.6760200001</v>
          </cell>
        </row>
        <row r="2136">
          <cell r="A2136" t="str">
            <v>B100</v>
          </cell>
          <cell r="B2136">
            <v>48270.229570000003</v>
          </cell>
          <cell r="C2136">
            <v>-138.90976000000001</v>
          </cell>
          <cell r="D2136">
            <v>15635.57833</v>
          </cell>
          <cell r="E2136">
            <v>63766.898139999998</v>
          </cell>
          <cell r="F2136">
            <v>1660110.0921100001</v>
          </cell>
          <cell r="G2136">
            <v>3962.7342400000002</v>
          </cell>
          <cell r="H2136">
            <v>20309.716850000001</v>
          </cell>
          <cell r="I2136">
            <v>1684382.5432</v>
          </cell>
        </row>
        <row r="2137">
          <cell r="A2137" t="str">
            <v>B110</v>
          </cell>
          <cell r="B2137">
            <v>48270.229570000003</v>
          </cell>
          <cell r="C2137">
            <v>-138.90976000000001</v>
          </cell>
          <cell r="D2137">
            <v>15712.50042</v>
          </cell>
          <cell r="E2137">
            <v>63843.820229999998</v>
          </cell>
          <cell r="F2137">
            <v>1660110.0921100001</v>
          </cell>
          <cell r="G2137">
            <v>3962.7342400000002</v>
          </cell>
          <cell r="H2137">
            <v>20003.249039999999</v>
          </cell>
          <cell r="I2137">
            <v>1684076.0753899999</v>
          </cell>
        </row>
        <row r="2138">
          <cell r="A2138" t="str">
            <v>B11001</v>
          </cell>
          <cell r="B2138">
            <v>111539.92753</v>
          </cell>
          <cell r="C2138">
            <v>-21.036079999999998</v>
          </cell>
          <cell r="D2138">
            <v>15843.101070000001</v>
          </cell>
          <cell r="E2138">
            <v>127361.99252</v>
          </cell>
          <cell r="F2138">
            <v>4538668.0265800003</v>
          </cell>
          <cell r="G2138">
            <v>10505.69485</v>
          </cell>
          <cell r="H2138">
            <v>21509.321530000001</v>
          </cell>
          <cell r="I2138">
            <v>4570683.0429600002</v>
          </cell>
        </row>
        <row r="2139">
          <cell r="A2139" t="str">
            <v>B11003</v>
          </cell>
          <cell r="F2139">
            <v>4477169.1135</v>
          </cell>
          <cell r="G2139">
            <v>10526.698609999999</v>
          </cell>
          <cell r="H2139">
            <v>12842.287249999999</v>
          </cell>
          <cell r="I2139">
            <v>4500538.0993600003</v>
          </cell>
        </row>
        <row r="2140">
          <cell r="A2140" t="str">
            <v>B11004</v>
          </cell>
          <cell r="C2140">
            <v>-21.036079999999998</v>
          </cell>
          <cell r="E2140">
            <v>-21.036079999999998</v>
          </cell>
          <cell r="F2140">
            <v>-113350.75539999999</v>
          </cell>
          <cell r="G2140">
            <v>-21.036079999999998</v>
          </cell>
          <cell r="I2140">
            <v>-113371.79148</v>
          </cell>
        </row>
        <row r="2141">
          <cell r="A2141" t="str">
            <v>B11005</v>
          </cell>
          <cell r="B2141">
            <v>110903.53320000001</v>
          </cell>
          <cell r="D2141">
            <v>-452.37394</v>
          </cell>
          <cell r="E2141">
            <v>110451.15926</v>
          </cell>
          <cell r="F2141">
            <v>173603.63047999999</v>
          </cell>
          <cell r="G2141">
            <v>3.2320000000000002E-2</v>
          </cell>
          <cell r="H2141">
            <v>-7628.4407300000003</v>
          </cell>
          <cell r="I2141">
            <v>165975.22206999999</v>
          </cell>
        </row>
        <row r="2142">
          <cell r="A2142" t="str">
            <v>B11006</v>
          </cell>
          <cell r="B2142">
            <v>636.39432999999997</v>
          </cell>
          <cell r="E2142">
            <v>636.39432999999997</v>
          </cell>
          <cell r="F2142">
            <v>1246.038</v>
          </cell>
          <cell r="I2142">
            <v>1246.038</v>
          </cell>
        </row>
        <row r="2143">
          <cell r="A2143" t="str">
            <v>B11021</v>
          </cell>
          <cell r="D2143">
            <v>16295.47501</v>
          </cell>
          <cell r="E2143">
            <v>16295.47501</v>
          </cell>
          <cell r="G2143">
            <v>0</v>
          </cell>
          <cell r="H2143">
            <v>16295.47501</v>
          </cell>
          <cell r="I2143">
            <v>16295.47501</v>
          </cell>
        </row>
        <row r="2144">
          <cell r="A2144" t="str">
            <v>B11012</v>
          </cell>
          <cell r="D2144">
            <v>16295.47501</v>
          </cell>
          <cell r="E2144">
            <v>16295.47501</v>
          </cell>
          <cell r="G2144">
            <v>0</v>
          </cell>
          <cell r="H2144">
            <v>16295.47501</v>
          </cell>
          <cell r="I2144">
            <v>16295.47501</v>
          </cell>
        </row>
        <row r="2145">
          <cell r="A2145" t="str">
            <v>B11002</v>
          </cell>
          <cell r="B2145">
            <v>-63269.697959999998</v>
          </cell>
          <cell r="C2145">
            <v>-117.87367999999999</v>
          </cell>
          <cell r="D2145">
            <v>-130.60065</v>
          </cell>
          <cell r="E2145">
            <v>-63518.172290000002</v>
          </cell>
          <cell r="F2145">
            <v>-2878557.9344700002</v>
          </cell>
          <cell r="G2145">
            <v>-6542.9606100000001</v>
          </cell>
          <cell r="H2145">
            <v>-1506.07249</v>
          </cell>
          <cell r="I2145">
            <v>-2886606.9675699999</v>
          </cell>
        </row>
        <row r="2146">
          <cell r="A2146" t="str">
            <v>B11014</v>
          </cell>
          <cell r="F2146">
            <v>-2726093.2281200001</v>
          </cell>
          <cell r="G2146">
            <v>-6284.9959900000003</v>
          </cell>
          <cell r="H2146">
            <v>-1267.0253499999999</v>
          </cell>
          <cell r="I2146">
            <v>-2733645.2494600001</v>
          </cell>
        </row>
        <row r="2147">
          <cell r="A2147" t="str">
            <v>B11017</v>
          </cell>
          <cell r="B2147">
            <v>-63269.697959999998</v>
          </cell>
          <cell r="C2147">
            <v>-138.90976000000001</v>
          </cell>
          <cell r="D2147">
            <v>-130.60065</v>
          </cell>
          <cell r="E2147">
            <v>-63539.20837</v>
          </cell>
          <cell r="F2147">
            <v>-152464.70634999999</v>
          </cell>
          <cell r="G2147">
            <v>-279.00069999999999</v>
          </cell>
          <cell r="H2147">
            <v>-239.04714000000001</v>
          </cell>
          <cell r="I2147">
            <v>-152982.75419000001</v>
          </cell>
        </row>
        <row r="2148">
          <cell r="A2148" t="str">
            <v>B11018</v>
          </cell>
          <cell r="C2148">
            <v>21.036079999999998</v>
          </cell>
          <cell r="E2148">
            <v>21.036079999999998</v>
          </cell>
          <cell r="G2148">
            <v>21.036079999999998</v>
          </cell>
          <cell r="I2148">
            <v>21.036079999999998</v>
          </cell>
        </row>
        <row r="2149">
          <cell r="A2149" t="str">
            <v>B11025</v>
          </cell>
          <cell r="G2149">
            <v>0</v>
          </cell>
          <cell r="I2149">
            <v>0</v>
          </cell>
        </row>
        <row r="2150">
          <cell r="A2150" t="str">
            <v>B11022</v>
          </cell>
          <cell r="G2150">
            <v>0</v>
          </cell>
          <cell r="I2150">
            <v>0</v>
          </cell>
        </row>
        <row r="2151">
          <cell r="A2151" t="str">
            <v>B120</v>
          </cell>
          <cell r="D2151">
            <v>-76.922089999999997</v>
          </cell>
          <cell r="E2151">
            <v>-76.922089999999997</v>
          </cell>
          <cell r="H2151">
            <v>259.35617000000002</v>
          </cell>
          <cell r="I2151">
            <v>259.35617000000002</v>
          </cell>
        </row>
        <row r="2152">
          <cell r="A2152" t="str">
            <v>B12004</v>
          </cell>
          <cell r="H2152">
            <v>1559.7547400000001</v>
          </cell>
          <cell r="I2152">
            <v>1559.7547400000001</v>
          </cell>
        </row>
        <row r="2153">
          <cell r="A2153" t="str">
            <v>B12006</v>
          </cell>
          <cell r="H2153">
            <v>1559.7547400000001</v>
          </cell>
          <cell r="I2153">
            <v>1559.7547400000001</v>
          </cell>
        </row>
        <row r="2154">
          <cell r="A2154" t="str">
            <v>B12051</v>
          </cell>
          <cell r="H2154">
            <v>1559.7547300000001</v>
          </cell>
          <cell r="I2154">
            <v>1559.7547300000001</v>
          </cell>
        </row>
        <row r="2155">
          <cell r="A2155" t="str">
            <v>B12017</v>
          </cell>
          <cell r="H2155">
            <v>1.0000000000000001E-5</v>
          </cell>
          <cell r="I2155">
            <v>1.0000000000000001E-5</v>
          </cell>
        </row>
        <row r="2156">
          <cell r="A2156" t="str">
            <v>B12005</v>
          </cell>
          <cell r="D2156">
            <v>-76.922089999999997</v>
          </cell>
          <cell r="E2156">
            <v>-76.922089999999997</v>
          </cell>
          <cell r="H2156">
            <v>-1300.3985700000001</v>
          </cell>
          <cell r="I2156">
            <v>-1300.3985700000001</v>
          </cell>
        </row>
        <row r="2157">
          <cell r="A2157" t="str">
            <v>B12010</v>
          </cell>
          <cell r="H2157">
            <v>-1146.55438</v>
          </cell>
          <cell r="I2157">
            <v>-1146.55438</v>
          </cell>
        </row>
        <row r="2158">
          <cell r="A2158" t="str">
            <v>B12031</v>
          </cell>
          <cell r="H2158">
            <v>-1146.5543700000001</v>
          </cell>
          <cell r="I2158">
            <v>-1146.5543700000001</v>
          </cell>
        </row>
        <row r="2159">
          <cell r="A2159" t="str">
            <v>B12032</v>
          </cell>
          <cell r="H2159">
            <v>-1.0000000000000001E-5</v>
          </cell>
          <cell r="I2159">
            <v>-1.0000000000000001E-5</v>
          </cell>
        </row>
        <row r="2160">
          <cell r="A2160" t="str">
            <v>B12011</v>
          </cell>
          <cell r="D2160">
            <v>-76.922089999999997</v>
          </cell>
          <cell r="E2160">
            <v>-76.922089999999997</v>
          </cell>
          <cell r="H2160">
            <v>-153.84419</v>
          </cell>
          <cell r="I2160">
            <v>-153.84419</v>
          </cell>
        </row>
        <row r="2161">
          <cell r="A2161" t="str">
            <v>B12046</v>
          </cell>
          <cell r="D2161">
            <v>-76.922089999999997</v>
          </cell>
          <cell r="E2161">
            <v>-76.922089999999997</v>
          </cell>
          <cell r="H2161">
            <v>-153.84419</v>
          </cell>
          <cell r="I2161">
            <v>-153.84419</v>
          </cell>
        </row>
        <row r="2162">
          <cell r="A2162" t="str">
            <v>B130</v>
          </cell>
          <cell r="G2162">
            <v>0</v>
          </cell>
          <cell r="H2162">
            <v>47.111640000000001</v>
          </cell>
          <cell r="I2162">
            <v>47.111640000000001</v>
          </cell>
        </row>
        <row r="2163">
          <cell r="A2163" t="str">
            <v>B132</v>
          </cell>
          <cell r="G2163">
            <v>0</v>
          </cell>
          <cell r="H2163">
            <v>47.111640000000001</v>
          </cell>
          <cell r="I2163">
            <v>47.111640000000001</v>
          </cell>
        </row>
        <row r="2164">
          <cell r="A2164" t="str">
            <v>B13201</v>
          </cell>
          <cell r="H2164">
            <v>47.111640000000001</v>
          </cell>
          <cell r="I2164">
            <v>47.111640000000001</v>
          </cell>
        </row>
        <row r="2165">
          <cell r="A2165" t="str">
            <v>B13202</v>
          </cell>
          <cell r="G2165">
            <v>0</v>
          </cell>
          <cell r="I2165">
            <v>0</v>
          </cell>
        </row>
        <row r="2166">
          <cell r="A2166" t="str">
            <v>B13204</v>
          </cell>
        </row>
        <row r="2167">
          <cell r="A2167" t="str">
            <v>B13205</v>
          </cell>
          <cell r="G2167">
            <v>0</v>
          </cell>
          <cell r="I2167">
            <v>0</v>
          </cell>
        </row>
        <row r="2168">
          <cell r="A2168" t="str">
            <v>B200</v>
          </cell>
          <cell r="B2168">
            <v>-6395.2754000000004</v>
          </cell>
          <cell r="C2168">
            <v>-801.91503</v>
          </cell>
          <cell r="D2168">
            <v>-3109.3243699999998</v>
          </cell>
          <cell r="E2168">
            <v>-10306.514800000001</v>
          </cell>
          <cell r="F2168">
            <v>-387.16165999999998</v>
          </cell>
          <cell r="G2168">
            <v>4697.99532</v>
          </cell>
          <cell r="H2168">
            <v>91054.922699999996</v>
          </cell>
          <cell r="I2168">
            <v>95365.756359999999</v>
          </cell>
        </row>
        <row r="2169">
          <cell r="A2169" t="str">
            <v>B270</v>
          </cell>
          <cell r="B2169">
            <v>-6395.2754000000004</v>
          </cell>
          <cell r="C2169">
            <v>-801.91503</v>
          </cell>
          <cell r="D2169">
            <v>-3109.3243699999998</v>
          </cell>
          <cell r="E2169">
            <v>-10306.514800000001</v>
          </cell>
          <cell r="F2169">
            <v>-387.16165999999998</v>
          </cell>
          <cell r="G2169">
            <v>4697.99532</v>
          </cell>
          <cell r="H2169">
            <v>91054.922699999996</v>
          </cell>
          <cell r="I2169">
            <v>95365.756359999999</v>
          </cell>
        </row>
        <row r="2170">
          <cell r="A2170" t="str">
            <v>B250</v>
          </cell>
          <cell r="B2170">
            <v>85633.3318</v>
          </cell>
          <cell r="D2170">
            <v>-71932.028810000003</v>
          </cell>
          <cell r="E2170">
            <v>13701.30299</v>
          </cell>
          <cell r="F2170">
            <v>-60343.311450000001</v>
          </cell>
          <cell r="G2170">
            <v>-22.75723</v>
          </cell>
          <cell r="H2170">
            <v>421042.42203999998</v>
          </cell>
          <cell r="I2170">
            <v>360676.35336000001</v>
          </cell>
        </row>
        <row r="2171">
          <cell r="A2171" t="str">
            <v>B300</v>
          </cell>
          <cell r="B2171">
            <v>-47403.722269999998</v>
          </cell>
          <cell r="C2171">
            <v>-346.21203000000003</v>
          </cell>
          <cell r="D2171">
            <v>-1692.81963</v>
          </cell>
          <cell r="E2171">
            <v>-49442.753929999999</v>
          </cell>
          <cell r="F2171">
            <v>-773813.21198999998</v>
          </cell>
          <cell r="G2171">
            <v>-71678.918149999998</v>
          </cell>
          <cell r="H2171">
            <v>1097052.1532399999</v>
          </cell>
          <cell r="I2171">
            <v>251560.02309999999</v>
          </cell>
        </row>
        <row r="2172">
          <cell r="A2172" t="str">
            <v>B310</v>
          </cell>
          <cell r="B2172">
            <v>15824.71999</v>
          </cell>
          <cell r="D2172">
            <v>-2891.45156</v>
          </cell>
          <cell r="E2172">
            <v>12933.26843</v>
          </cell>
          <cell r="F2172">
            <v>35537.12543</v>
          </cell>
          <cell r="G2172">
            <v>0</v>
          </cell>
          <cell r="H2172">
            <v>7555.8004300000002</v>
          </cell>
          <cell r="I2172">
            <v>43092.925860000003</v>
          </cell>
        </row>
        <row r="2173">
          <cell r="A2173" t="str">
            <v>B320</v>
          </cell>
          <cell r="B2173">
            <v>8942.0187800000003</v>
          </cell>
          <cell r="C2173">
            <v>-344.33188000000001</v>
          </cell>
          <cell r="D2173">
            <v>11951.72911</v>
          </cell>
          <cell r="E2173">
            <v>20549.416010000001</v>
          </cell>
          <cell r="F2173">
            <v>-1788563.8468800001</v>
          </cell>
          <cell r="G2173">
            <v>-71878.6639</v>
          </cell>
          <cell r="H2173">
            <v>1910299.4558000001</v>
          </cell>
          <cell r="I2173">
            <v>49856.945019999999</v>
          </cell>
        </row>
        <row r="2174">
          <cell r="A2174" t="str">
            <v>B321</v>
          </cell>
          <cell r="B2174">
            <v>-631.95669999999996</v>
          </cell>
          <cell r="E2174">
            <v>-631.95669999999996</v>
          </cell>
          <cell r="F2174">
            <v>20446.109929999999</v>
          </cell>
          <cell r="I2174">
            <v>20446.109929999999</v>
          </cell>
        </row>
        <row r="2175">
          <cell r="A2175" t="str">
            <v>B322</v>
          </cell>
          <cell r="F2175">
            <v>-209.54013</v>
          </cell>
          <cell r="G2175">
            <v>209.54013</v>
          </cell>
          <cell r="I2175">
            <v>0</v>
          </cell>
        </row>
        <row r="2176">
          <cell r="A2176" t="str">
            <v>B330</v>
          </cell>
          <cell r="B2176">
            <v>-71538.50434</v>
          </cell>
          <cell r="C2176">
            <v>-1.88015</v>
          </cell>
          <cell r="D2176">
            <v>-10753.097180000001</v>
          </cell>
          <cell r="E2176">
            <v>-82293.481669999994</v>
          </cell>
          <cell r="F2176">
            <v>958976.93966000003</v>
          </cell>
          <cell r="G2176">
            <v>-9.7943800000000003</v>
          </cell>
          <cell r="H2176">
            <v>-820803.10299000004</v>
          </cell>
          <cell r="I2176">
            <v>138164.04229000001</v>
          </cell>
        </row>
        <row r="2177">
          <cell r="A2177" t="str">
            <v>B332</v>
          </cell>
          <cell r="B2177">
            <v>-71538.50434</v>
          </cell>
          <cell r="C2177">
            <v>-1.88015</v>
          </cell>
          <cell r="D2177">
            <v>-10753.097180000001</v>
          </cell>
          <cell r="E2177">
            <v>-82293.481669999994</v>
          </cell>
          <cell r="F2177">
            <v>958976.93966000003</v>
          </cell>
          <cell r="G2177">
            <v>-9.7943800000000003</v>
          </cell>
          <cell r="H2177">
            <v>-820803.10299000004</v>
          </cell>
          <cell r="I2177">
            <v>138164.04229000001</v>
          </cell>
        </row>
        <row r="2178">
          <cell r="A2178" t="str">
            <v>B400</v>
          </cell>
          <cell r="B2178">
            <v>-153296.42788</v>
          </cell>
          <cell r="C2178">
            <v>-3183.6409800000001</v>
          </cell>
          <cell r="D2178">
            <v>76319.160480000006</v>
          </cell>
          <cell r="E2178">
            <v>-80160.908379999993</v>
          </cell>
          <cell r="F2178">
            <v>-272759.77110000001</v>
          </cell>
          <cell r="G2178">
            <v>-59216.866499999996</v>
          </cell>
          <cell r="H2178">
            <v>119472.70036</v>
          </cell>
          <cell r="I2178">
            <v>-212503.93724</v>
          </cell>
        </row>
        <row r="2179">
          <cell r="A2179" t="str">
            <v>B410</v>
          </cell>
          <cell r="B2179">
            <v>-104572.64391</v>
          </cell>
          <cell r="C2179">
            <v>-1280.62797</v>
          </cell>
          <cell r="D2179">
            <v>34339.498</v>
          </cell>
          <cell r="E2179">
            <v>-71513.773879999993</v>
          </cell>
          <cell r="F2179">
            <v>-7978.48884</v>
          </cell>
          <cell r="G2179">
            <v>-72179.349040000001</v>
          </cell>
          <cell r="H2179">
            <v>-106094.57932</v>
          </cell>
          <cell r="I2179">
            <v>-186252.4172</v>
          </cell>
        </row>
        <row r="2180">
          <cell r="A2180" t="str">
            <v>B411</v>
          </cell>
          <cell r="B2180">
            <v>-104828.97287</v>
          </cell>
          <cell r="C2180">
            <v>-1280.62797</v>
          </cell>
          <cell r="D2180">
            <v>43550.196980000001</v>
          </cell>
          <cell r="E2180">
            <v>-62559.403859999999</v>
          </cell>
          <cell r="F2180">
            <v>-4432.3074999999999</v>
          </cell>
          <cell r="G2180">
            <v>-72179.349040000001</v>
          </cell>
          <cell r="H2180">
            <v>-89902.404639999993</v>
          </cell>
          <cell r="I2180">
            <v>-166514.06117999999</v>
          </cell>
        </row>
        <row r="2181">
          <cell r="A2181" t="str">
            <v>B413</v>
          </cell>
          <cell r="B2181">
            <v>256.32896</v>
          </cell>
          <cell r="D2181">
            <v>-9210.6989799999992</v>
          </cell>
          <cell r="E2181">
            <v>-8954.3700200000003</v>
          </cell>
          <cell r="F2181">
            <v>-3546.1813400000001</v>
          </cell>
          <cell r="H2181">
            <v>-16192.17468</v>
          </cell>
          <cell r="I2181">
            <v>-19738.356019999999</v>
          </cell>
        </row>
        <row r="2182">
          <cell r="A2182" t="str">
            <v>B420</v>
          </cell>
          <cell r="B2182">
            <v>-48723.783969999997</v>
          </cell>
          <cell r="C2182">
            <v>-1903.0130099999999</v>
          </cell>
          <cell r="D2182">
            <v>41979.662479999999</v>
          </cell>
          <cell r="E2182">
            <v>-8647.1345000000001</v>
          </cell>
          <cell r="F2182">
            <v>-264781.28226000001</v>
          </cell>
          <cell r="G2182">
            <v>12962.482540000001</v>
          </cell>
          <cell r="H2182">
            <v>225567.27968000001</v>
          </cell>
          <cell r="I2182">
            <v>-26251.520039999999</v>
          </cell>
        </row>
        <row r="2183">
          <cell r="A2183" t="str">
            <v>B421</v>
          </cell>
          <cell r="B2183">
            <v>-46270.807079999999</v>
          </cell>
          <cell r="D2183">
            <v>37623.672579999999</v>
          </cell>
          <cell r="E2183">
            <v>-8647.1345000000001</v>
          </cell>
          <cell r="F2183">
            <v>-273045.63008999999</v>
          </cell>
          <cell r="G2183">
            <v>-989.44628999999998</v>
          </cell>
          <cell r="H2183">
            <v>247783.55634000001</v>
          </cell>
          <cell r="I2183">
            <v>-26251.520039999999</v>
          </cell>
        </row>
        <row r="2184">
          <cell r="A2184" t="str">
            <v>B42101</v>
          </cell>
          <cell r="D2184">
            <v>37623.672579999999</v>
          </cell>
          <cell r="E2184">
            <v>37623.672579999999</v>
          </cell>
          <cell r="H2184">
            <v>82267.519149999993</v>
          </cell>
          <cell r="I2184">
            <v>82267.519149999993</v>
          </cell>
        </row>
        <row r="2185">
          <cell r="A2185" t="str">
            <v>B42102</v>
          </cell>
          <cell r="B2185">
            <v>-46270.807079999999</v>
          </cell>
          <cell r="E2185">
            <v>-46270.807079999999</v>
          </cell>
          <cell r="F2185">
            <v>-75082.089040000006</v>
          </cell>
          <cell r="H2185">
            <v>63.555909999999997</v>
          </cell>
          <cell r="I2185">
            <v>-75018.533129999996</v>
          </cell>
        </row>
        <row r="2186">
          <cell r="A2186" t="str">
            <v>B42103</v>
          </cell>
          <cell r="F2186">
            <v>-198971.75786000001</v>
          </cell>
          <cell r="G2186">
            <v>-989.44628999999998</v>
          </cell>
          <cell r="H2186">
            <v>165452.48128000001</v>
          </cell>
          <cell r="I2186">
            <v>-34508.722869999998</v>
          </cell>
        </row>
        <row r="2187">
          <cell r="A2187" t="str">
            <v>B42104</v>
          </cell>
          <cell r="F2187">
            <v>1008.21681</v>
          </cell>
          <cell r="I2187">
            <v>1008.21681</v>
          </cell>
        </row>
        <row r="2188">
          <cell r="A2188" t="str">
            <v>B422</v>
          </cell>
          <cell r="B2188">
            <v>-2452.9768899999999</v>
          </cell>
          <cell r="C2188">
            <v>-1903.0130099999999</v>
          </cell>
          <cell r="D2188">
            <v>4355.9898999999996</v>
          </cell>
          <cell r="E2188">
            <v>0</v>
          </cell>
          <cell r="F2188">
            <v>8264.3478300000006</v>
          </cell>
          <cell r="G2188">
            <v>13951.928830000001</v>
          </cell>
          <cell r="H2188">
            <v>-22216.27666</v>
          </cell>
          <cell r="I2188">
            <v>0</v>
          </cell>
        </row>
        <row r="2189">
          <cell r="A2189" t="str">
            <v>B500</v>
          </cell>
          <cell r="H2189">
            <v>0</v>
          </cell>
          <cell r="I2189">
            <v>0</v>
          </cell>
        </row>
        <row r="2190">
          <cell r="A2190" t="str">
            <v>B600</v>
          </cell>
          <cell r="B2190">
            <v>-1749.5265400000001</v>
          </cell>
          <cell r="D2190">
            <v>-1635.6294700000001</v>
          </cell>
          <cell r="E2190">
            <v>-3385.1560100000002</v>
          </cell>
          <cell r="F2190">
            <v>-396109.26843</v>
          </cell>
          <cell r="G2190">
            <v>0</v>
          </cell>
          <cell r="H2190">
            <v>16198.54825</v>
          </cell>
          <cell r="I2190">
            <v>-379910.72018</v>
          </cell>
        </row>
        <row r="2191">
          <cell r="A2191" t="str">
            <v>B630</v>
          </cell>
        </row>
        <row r="2192">
          <cell r="A2192" t="str">
            <v>B640</v>
          </cell>
          <cell r="B2192">
            <v>-5229.0058099999997</v>
          </cell>
          <cell r="E2192">
            <v>-5229.0058099999997</v>
          </cell>
          <cell r="F2192">
            <v>-364287.40435000003</v>
          </cell>
          <cell r="I2192">
            <v>-364287.40435000003</v>
          </cell>
        </row>
        <row r="2193">
          <cell r="A2193" t="str">
            <v>B64001</v>
          </cell>
          <cell r="F2193">
            <v>-353829.39272</v>
          </cell>
          <cell r="I2193">
            <v>-353829.39272</v>
          </cell>
        </row>
        <row r="2194">
          <cell r="A2194" t="str">
            <v>B64003</v>
          </cell>
          <cell r="B2194">
            <v>-5229.0058200000003</v>
          </cell>
          <cell r="E2194">
            <v>-5229.0058200000003</v>
          </cell>
          <cell r="F2194">
            <v>-10458.011640000001</v>
          </cell>
          <cell r="I2194">
            <v>-10458.011640000001</v>
          </cell>
        </row>
        <row r="2195">
          <cell r="A2195" t="str">
            <v>B64007</v>
          </cell>
          <cell r="B2195">
            <v>1.0000000000000001E-5</v>
          </cell>
          <cell r="E2195">
            <v>1.0000000000000001E-5</v>
          </cell>
          <cell r="F2195">
            <v>1.0000000000000001E-5</v>
          </cell>
          <cell r="I2195">
            <v>1.0000000000000001E-5</v>
          </cell>
        </row>
        <row r="2196">
          <cell r="A2196" t="str">
            <v>B650</v>
          </cell>
          <cell r="B2196">
            <v>3479.4792699999998</v>
          </cell>
          <cell r="D2196">
            <v>-1635.6294700000001</v>
          </cell>
          <cell r="E2196">
            <v>1843.8498</v>
          </cell>
          <cell r="F2196">
            <v>-31821.864079999999</v>
          </cell>
          <cell r="G2196">
            <v>0</v>
          </cell>
          <cell r="H2196">
            <v>16198.54825</v>
          </cell>
          <cell r="I2196">
            <v>-15623.31583</v>
          </cell>
        </row>
        <row r="2197">
          <cell r="A2197" t="str">
            <v>B65001</v>
          </cell>
          <cell r="B2197">
            <v>1696.23252</v>
          </cell>
          <cell r="E2197">
            <v>1696.23252</v>
          </cell>
          <cell r="F2197">
            <v>-15513.03414</v>
          </cell>
          <cell r="I2197">
            <v>-15513.03414</v>
          </cell>
        </row>
        <row r="2198">
          <cell r="A2198" t="str">
            <v>B65002</v>
          </cell>
          <cell r="F2198">
            <v>-16716.97033</v>
          </cell>
          <cell r="I2198">
            <v>-16716.97033</v>
          </cell>
        </row>
        <row r="2199">
          <cell r="A2199" t="str">
            <v>B65004</v>
          </cell>
          <cell r="B2199">
            <v>1174.57752</v>
          </cell>
          <cell r="E2199">
            <v>1174.57752</v>
          </cell>
          <cell r="F2199">
            <v>682.28119000000004</v>
          </cell>
          <cell r="I2199">
            <v>682.28119000000004</v>
          </cell>
        </row>
        <row r="2200">
          <cell r="A2200" t="str">
            <v>B65007</v>
          </cell>
          <cell r="B2200">
            <v>521.65499999999997</v>
          </cell>
          <cell r="E2200">
            <v>521.65499999999997</v>
          </cell>
          <cell r="F2200">
            <v>521.65499999999997</v>
          </cell>
          <cell r="I2200">
            <v>521.65499999999997</v>
          </cell>
        </row>
        <row r="2201">
          <cell r="A2201" t="str">
            <v>B65031P</v>
          </cell>
          <cell r="B2201">
            <v>1783.24675</v>
          </cell>
          <cell r="D2201">
            <v>-1635.6294700000001</v>
          </cell>
          <cell r="E2201">
            <v>147.61727999999999</v>
          </cell>
          <cell r="F2201">
            <v>-16308.82994</v>
          </cell>
          <cell r="G2201">
            <v>0</v>
          </cell>
          <cell r="H2201">
            <v>16198.54825</v>
          </cell>
          <cell r="I2201">
            <v>-110.28169</v>
          </cell>
        </row>
        <row r="2202">
          <cell r="A2202" t="str">
            <v>B65035</v>
          </cell>
          <cell r="F2202">
            <v>27416.678879999999</v>
          </cell>
          <cell r="H2202">
            <v>17316.062480000001</v>
          </cell>
          <cell r="I2202">
            <v>44732.74136</v>
          </cell>
        </row>
        <row r="2203">
          <cell r="A2203" t="str">
            <v>B65034</v>
          </cell>
          <cell r="B2203">
            <v>1783.24675</v>
          </cell>
          <cell r="D2203">
            <v>-1635.6294700000001</v>
          </cell>
          <cell r="E2203">
            <v>147.61727999999999</v>
          </cell>
          <cell r="F2203">
            <v>1265.69633</v>
          </cell>
          <cell r="G2203">
            <v>0</v>
          </cell>
          <cell r="H2203">
            <v>-1117.51423</v>
          </cell>
          <cell r="I2203">
            <v>148.18209999999999</v>
          </cell>
        </row>
        <row r="2204">
          <cell r="A2204" t="str">
            <v>B65031</v>
          </cell>
          <cell r="F2204">
            <v>-44991.205150000002</v>
          </cell>
          <cell r="I2204">
            <v>-44991.205150000002</v>
          </cell>
        </row>
        <row r="2205">
          <cell r="A2205" t="str">
            <v>B800</v>
          </cell>
          <cell r="B2205">
            <v>-107537.2791</v>
          </cell>
          <cell r="C2205">
            <v>3988.92488</v>
          </cell>
          <cell r="D2205">
            <v>155899.36343</v>
          </cell>
          <cell r="E2205">
            <v>52351.009209999997</v>
          </cell>
          <cell r="F2205">
            <v>2887708.3594900002</v>
          </cell>
          <cell r="G2205">
            <v>-672820.65685999999</v>
          </cell>
          <cell r="H2205">
            <v>-2503264.9670299999</v>
          </cell>
          <cell r="I2205">
            <v>-288377.26439999999</v>
          </cell>
        </row>
        <row r="2206">
          <cell r="A2206" t="str">
            <v>B810</v>
          </cell>
          <cell r="F2206">
            <v>-756.90105000000005</v>
          </cell>
          <cell r="G2206">
            <v>95000</v>
          </cell>
          <cell r="H2206">
            <v>-1475695.7324000001</v>
          </cell>
          <cell r="I2206">
            <v>-1381452.6334500001</v>
          </cell>
        </row>
        <row r="2207">
          <cell r="A2207" t="str">
            <v>B81001</v>
          </cell>
          <cell r="F2207">
            <v>-756.90105000000005</v>
          </cell>
          <cell r="G2207">
            <v>95000</v>
          </cell>
          <cell r="H2207">
            <v>-1475695.7324000001</v>
          </cell>
          <cell r="I2207">
            <v>-1381452.6334500001</v>
          </cell>
        </row>
        <row r="2208">
          <cell r="A2208" t="str">
            <v>B81004</v>
          </cell>
          <cell r="F2208">
            <v>-756.90105000000005</v>
          </cell>
          <cell r="G2208">
            <v>95000</v>
          </cell>
          <cell r="H2208">
            <v>-1475695.7324000001</v>
          </cell>
          <cell r="I2208">
            <v>-1381452.6334500001</v>
          </cell>
        </row>
        <row r="2209">
          <cell r="A2209" t="str">
            <v>B81009</v>
          </cell>
        </row>
        <row r="2210">
          <cell r="A2210" t="str">
            <v>B81025</v>
          </cell>
        </row>
        <row r="2211">
          <cell r="A2211" t="str">
            <v>B81026</v>
          </cell>
        </row>
        <row r="2212">
          <cell r="A2212" t="str">
            <v>B81010</v>
          </cell>
          <cell r="F2212">
            <v>-756.90105000000005</v>
          </cell>
          <cell r="G2212">
            <v>95000</v>
          </cell>
          <cell r="H2212">
            <v>-1475695.7324000001</v>
          </cell>
          <cell r="I2212">
            <v>-1381452.6334500001</v>
          </cell>
        </row>
        <row r="2213">
          <cell r="A2213" t="str">
            <v>B81027</v>
          </cell>
          <cell r="F2213">
            <v>-756.90105000000005</v>
          </cell>
          <cell r="G2213">
            <v>95000</v>
          </cell>
          <cell r="H2213">
            <v>-1475695.7324000001</v>
          </cell>
          <cell r="I2213">
            <v>-1381452.6334500001</v>
          </cell>
        </row>
        <row r="2214">
          <cell r="A2214" t="str">
            <v>B81028</v>
          </cell>
        </row>
        <row r="2215">
          <cell r="A2215" t="str">
            <v>B81029</v>
          </cell>
          <cell r="G2215">
            <v>0</v>
          </cell>
          <cell r="I2215">
            <v>0</v>
          </cell>
        </row>
        <row r="2216">
          <cell r="A2216" t="str">
            <v>B820</v>
          </cell>
          <cell r="B2216">
            <v>-107537.2791</v>
          </cell>
          <cell r="C2216">
            <v>3988.92488</v>
          </cell>
          <cell r="D2216">
            <v>155899.36343</v>
          </cell>
          <cell r="E2216">
            <v>52351.009209999997</v>
          </cell>
          <cell r="F2216">
            <v>2888465.2605400002</v>
          </cell>
          <cell r="G2216">
            <v>-767820.65685999999</v>
          </cell>
          <cell r="H2216">
            <v>-1027569.23463</v>
          </cell>
          <cell r="I2216">
            <v>1093075.3690500001</v>
          </cell>
        </row>
        <row r="2217">
          <cell r="A2217" t="str">
            <v>B821</v>
          </cell>
          <cell r="B2217">
            <v>-107537.2791</v>
          </cell>
          <cell r="C2217">
            <v>3988.92488</v>
          </cell>
          <cell r="D2217">
            <v>155899.36343</v>
          </cell>
          <cell r="E2217">
            <v>52351.009209999997</v>
          </cell>
          <cell r="F2217">
            <v>2888465.2605400002</v>
          </cell>
          <cell r="G2217">
            <v>-767820.65685999999</v>
          </cell>
          <cell r="H2217">
            <v>-1027569.23463</v>
          </cell>
          <cell r="I2217">
            <v>1093075.3690500001</v>
          </cell>
        </row>
        <row r="2218">
          <cell r="A2218" t="str">
            <v>B82101</v>
          </cell>
          <cell r="F2218">
            <v>3287832.5976499999</v>
          </cell>
          <cell r="G2218">
            <v>-770796.81995999999</v>
          </cell>
          <cell r="H2218">
            <v>-1786059.22753</v>
          </cell>
          <cell r="I2218">
            <v>730976.55015999998</v>
          </cell>
        </row>
        <row r="2219">
          <cell r="A2219" t="str">
            <v>B82102</v>
          </cell>
          <cell r="B2219">
            <v>-107492.2142</v>
          </cell>
          <cell r="C2219">
            <v>3988.9248899999998</v>
          </cell>
          <cell r="D2219">
            <v>155854.29852000001</v>
          </cell>
          <cell r="E2219">
            <v>52351.009209999997</v>
          </cell>
          <cell r="F2219">
            <v>-399322.27221000002</v>
          </cell>
          <cell r="G2219">
            <v>2976.16311</v>
          </cell>
          <cell r="H2219">
            <v>233636.54850999999</v>
          </cell>
          <cell r="I2219">
            <v>-162709.56059000001</v>
          </cell>
        </row>
        <row r="2220">
          <cell r="A2220" t="str">
            <v>B82115</v>
          </cell>
          <cell r="B2220">
            <v>-45.064900000000002</v>
          </cell>
          <cell r="C2220">
            <v>-1.0000000000000001E-5</v>
          </cell>
          <cell r="D2220">
            <v>45.064909999999998</v>
          </cell>
          <cell r="E2220">
            <v>0</v>
          </cell>
          <cell r="F2220">
            <v>-45.064900000000002</v>
          </cell>
          <cell r="G2220">
            <v>-1.0000000000000001E-5</v>
          </cell>
          <cell r="H2220">
            <v>524853.44438999996</v>
          </cell>
          <cell r="I2220">
            <v>524808.37948</v>
          </cell>
        </row>
        <row r="2221">
          <cell r="A2221" t="str">
            <v>B900</v>
          </cell>
          <cell r="B2221">
            <v>182478.66982000001</v>
          </cell>
          <cell r="C2221">
            <v>481.75292000000002</v>
          </cell>
          <cell r="D2221">
            <v>-169484.29996</v>
          </cell>
          <cell r="E2221">
            <v>13476.12278</v>
          </cell>
          <cell r="F2221">
            <v>-3044405.72108</v>
          </cell>
          <cell r="G2221">
            <v>795078.46918000001</v>
          </cell>
          <cell r="H2221">
            <v>738134.50363000005</v>
          </cell>
          <cell r="I2221">
            <v>-1511192.7482700001</v>
          </cell>
        </row>
        <row r="2222">
          <cell r="A2222" t="str">
            <v>B910</v>
          </cell>
          <cell r="B2222">
            <v>162040.81980999999</v>
          </cell>
          <cell r="C2222">
            <v>481.75292000000002</v>
          </cell>
          <cell r="D2222">
            <v>-149065.70527000001</v>
          </cell>
          <cell r="E2222">
            <v>13456.867459999999</v>
          </cell>
          <cell r="F2222">
            <v>-3287366.0848699999</v>
          </cell>
          <cell r="G2222">
            <v>794998.31799999997</v>
          </cell>
          <cell r="H2222">
            <v>1065124.4188300001</v>
          </cell>
          <cell r="I2222">
            <v>-1427243.3480400001</v>
          </cell>
        </row>
        <row r="2223">
          <cell r="A2223" t="str">
            <v>B912</v>
          </cell>
          <cell r="B2223">
            <v>162040.81980999999</v>
          </cell>
          <cell r="C2223">
            <v>481.75292000000002</v>
          </cell>
          <cell r="D2223">
            <v>-169484.29996</v>
          </cell>
          <cell r="E2223">
            <v>-6961.7272300000004</v>
          </cell>
          <cell r="F2223">
            <v>-2917002.35244</v>
          </cell>
          <cell r="G2223">
            <v>794998.31799999997</v>
          </cell>
          <cell r="H2223">
            <v>1130243.96863</v>
          </cell>
          <cell r="I2223">
            <v>-991760.06580999994</v>
          </cell>
        </row>
        <row r="2224">
          <cell r="A2224" t="str">
            <v>B91201</v>
          </cell>
          <cell r="B2224">
            <v>161788.00656000001</v>
          </cell>
          <cell r="C2224">
            <v>1148.5908099999999</v>
          </cell>
          <cell r="D2224">
            <v>-146803.67274000001</v>
          </cell>
          <cell r="E2224">
            <v>16132.92463</v>
          </cell>
          <cell r="F2224">
            <v>-4657032.1337000001</v>
          </cell>
          <cell r="G2224">
            <v>679484.91553999996</v>
          </cell>
          <cell r="H2224">
            <v>3042147.03052</v>
          </cell>
          <cell r="I2224">
            <v>-935400.18764000002</v>
          </cell>
        </row>
        <row r="2225">
          <cell r="A2225" t="str">
            <v>B91202</v>
          </cell>
          <cell r="B2225">
            <v>252.81325000000001</v>
          </cell>
          <cell r="C2225">
            <v>-666.83789000000002</v>
          </cell>
          <cell r="D2225">
            <v>-22680.627219999998</v>
          </cell>
          <cell r="E2225">
            <v>-23094.651860000002</v>
          </cell>
          <cell r="F2225">
            <v>1740029.7812600001</v>
          </cell>
          <cell r="G2225">
            <v>115513.40246</v>
          </cell>
          <cell r="H2225">
            <v>-1911903.06189</v>
          </cell>
          <cell r="I2225">
            <v>-56359.878170000004</v>
          </cell>
        </row>
        <row r="2226">
          <cell r="A2226" t="str">
            <v>B913P</v>
          </cell>
          <cell r="D2226">
            <v>20418.594690000002</v>
          </cell>
          <cell r="E2226">
            <v>20418.594690000002</v>
          </cell>
          <cell r="F2226">
            <v>-370363.73242999997</v>
          </cell>
          <cell r="H2226">
            <v>-65119.549800000001</v>
          </cell>
          <cell r="I2226">
            <v>-435483.28223000001</v>
          </cell>
        </row>
        <row r="2227">
          <cell r="A2227" t="str">
            <v>B91301</v>
          </cell>
          <cell r="F2227">
            <v>-370363.73242999997</v>
          </cell>
          <cell r="H2227">
            <v>-104899.70086</v>
          </cell>
          <cell r="I2227">
            <v>-475263.43329000002</v>
          </cell>
        </row>
        <row r="2228">
          <cell r="A2228" t="str">
            <v>B91302</v>
          </cell>
        </row>
        <row r="2229">
          <cell r="A2229" t="str">
            <v>B91305</v>
          </cell>
          <cell r="D2229">
            <v>20418.594690000002</v>
          </cell>
          <cell r="E2229">
            <v>20418.594690000002</v>
          </cell>
          <cell r="H2229">
            <v>39780.151059999997</v>
          </cell>
          <cell r="I2229">
            <v>39780.151059999997</v>
          </cell>
        </row>
        <row r="2230">
          <cell r="A2230" t="str">
            <v>B920</v>
          </cell>
          <cell r="B2230">
            <v>20437.850009999998</v>
          </cell>
          <cell r="D2230">
            <v>-20418.594690000002</v>
          </cell>
          <cell r="E2230">
            <v>19.255320000000001</v>
          </cell>
          <cell r="F2230">
            <v>242960.36379</v>
          </cell>
          <cell r="G2230">
            <v>80.151179999999997</v>
          </cell>
          <cell r="H2230">
            <v>-326989.91519999999</v>
          </cell>
          <cell r="I2230">
            <v>-83949.400229999999</v>
          </cell>
        </row>
        <row r="2231">
          <cell r="A2231" t="str">
            <v>B92001</v>
          </cell>
          <cell r="F2231">
            <v>0.27742</v>
          </cell>
          <cell r="G2231">
            <v>1.7780000000000001E-2</v>
          </cell>
          <cell r="H2231">
            <v>-0.29520000000000002</v>
          </cell>
          <cell r="I2231">
            <v>0</v>
          </cell>
        </row>
        <row r="2232">
          <cell r="A2232" t="str">
            <v>B92013P</v>
          </cell>
          <cell r="F2232">
            <v>0.27742</v>
          </cell>
          <cell r="G2232">
            <v>1.7780000000000001E-2</v>
          </cell>
          <cell r="H2232">
            <v>-0.29520000000000002</v>
          </cell>
          <cell r="I2232">
            <v>0</v>
          </cell>
        </row>
        <row r="2233">
          <cell r="A2233" t="str">
            <v>B92015</v>
          </cell>
          <cell r="F2233">
            <v>0.27742</v>
          </cell>
          <cell r="G2233">
            <v>1.7780000000000001E-2</v>
          </cell>
          <cell r="H2233">
            <v>-0.29520000000000002</v>
          </cell>
          <cell r="I2233">
            <v>0</v>
          </cell>
        </row>
        <row r="2234">
          <cell r="A2234" t="str">
            <v>B92016</v>
          </cell>
        </row>
        <row r="2235">
          <cell r="A2235" t="str">
            <v>B92002</v>
          </cell>
          <cell r="B2235">
            <v>20437.850009999998</v>
          </cell>
          <cell r="D2235">
            <v>-20418.594690000002</v>
          </cell>
          <cell r="E2235">
            <v>19.255320000000001</v>
          </cell>
          <cell r="F2235">
            <v>242960.08637</v>
          </cell>
          <cell r="G2235">
            <v>80.133399999999995</v>
          </cell>
          <cell r="H2235">
            <v>-326989.62</v>
          </cell>
          <cell r="I2235">
            <v>-83949.400229999999</v>
          </cell>
        </row>
        <row r="2236">
          <cell r="A2236" t="str">
            <v>B92004</v>
          </cell>
          <cell r="B2236">
            <v>-2.19137</v>
          </cell>
          <cell r="E2236">
            <v>-2.19137</v>
          </cell>
          <cell r="F2236">
            <v>16062.07302</v>
          </cell>
          <cell r="H2236">
            <v>3500</v>
          </cell>
          <cell r="I2236">
            <v>19562.07302</v>
          </cell>
        </row>
        <row r="2237">
          <cell r="A2237" t="str">
            <v>B92005</v>
          </cell>
          <cell r="B2237">
            <v>20440.041379999999</v>
          </cell>
          <cell r="D2237">
            <v>-20418.594690000002</v>
          </cell>
          <cell r="E2237">
            <v>21.44669</v>
          </cell>
          <cell r="F2237">
            <v>20440.041379999999</v>
          </cell>
          <cell r="H2237">
            <v>-39780.151059999997</v>
          </cell>
          <cell r="I2237">
            <v>-19340.109680000001</v>
          </cell>
        </row>
        <row r="2238">
          <cell r="A2238" t="str">
            <v>B92009</v>
          </cell>
          <cell r="F2238">
            <v>206457.97197000001</v>
          </cell>
          <cell r="G2238">
            <v>80.133399999999995</v>
          </cell>
          <cell r="H2238">
            <v>-298189.41029999999</v>
          </cell>
          <cell r="I2238">
            <v>-91651.304929999998</v>
          </cell>
        </row>
        <row r="2239">
          <cell r="A2239" t="str">
            <v>B92020</v>
          </cell>
          <cell r="H2239">
            <v>7479.9413599999998</v>
          </cell>
          <cell r="I2239">
            <v>7479.9413599999998</v>
          </cell>
        </row>
        <row r="2240">
          <cell r="A2240" t="str">
            <v>PL</v>
          </cell>
          <cell r="B2240">
            <v>-19573.640210000041</v>
          </cell>
          <cell r="C2240">
            <v>2267.3752599999998</v>
          </cell>
          <cell r="D2240">
            <v>12627.213820000004</v>
          </cell>
          <cell r="E2240">
            <v>-4679.0511300000071</v>
          </cell>
          <cell r="F2240">
            <v>-399322.27221000002</v>
          </cell>
          <cell r="G2240">
            <v>2976.16311</v>
          </cell>
          <cell r="H2240">
            <v>233636.54850999999</v>
          </cell>
          <cell r="I2240">
            <v>-162709.56059000001</v>
          </cell>
        </row>
        <row r="2241">
          <cell r="A2241" t="str">
            <v>P7</v>
          </cell>
          <cell r="B2241">
            <v>-19573.640210000041</v>
          </cell>
          <cell r="C2241">
            <v>2267.3752599999998</v>
          </cell>
          <cell r="D2241">
            <v>12627.213820000004</v>
          </cell>
          <cell r="E2241">
            <v>-4679.0511300000071</v>
          </cell>
          <cell r="F2241">
            <v>-399322.27221000002</v>
          </cell>
          <cell r="G2241">
            <v>2976.16311</v>
          </cell>
          <cell r="H2241">
            <v>233636.54850999999</v>
          </cell>
          <cell r="I2241">
            <v>-162709.56059000001</v>
          </cell>
        </row>
        <row r="2242">
          <cell r="A2242" t="str">
            <v>P5</v>
          </cell>
          <cell r="B2242">
            <v>-19573.640210000041</v>
          </cell>
          <cell r="C2242">
            <v>2267.3752599999998</v>
          </cell>
          <cell r="D2242">
            <v>12627.213820000004</v>
          </cell>
          <cell r="E2242">
            <v>-4679.0511300000071</v>
          </cell>
          <cell r="F2242">
            <v>-399322.27221000002</v>
          </cell>
          <cell r="G2242">
            <v>2976.16311</v>
          </cell>
          <cell r="H2242">
            <v>233636.54850999999</v>
          </cell>
          <cell r="I2242">
            <v>-162709.56059000001</v>
          </cell>
        </row>
        <row r="2243">
          <cell r="A2243" t="str">
            <v>P3</v>
          </cell>
          <cell r="B2243">
            <v>-23191.135810000007</v>
          </cell>
          <cell r="C2243">
            <v>2267.3752599999998</v>
          </cell>
          <cell r="D2243">
            <v>4937.0974900000147</v>
          </cell>
          <cell r="E2243">
            <v>-15986.663059999992</v>
          </cell>
          <cell r="F2243">
            <v>-471910.51837000001</v>
          </cell>
          <cell r="G2243">
            <v>2976.16311</v>
          </cell>
          <cell r="H2243">
            <v>173600.00224</v>
          </cell>
          <cell r="I2243">
            <v>-295334.35301999998</v>
          </cell>
        </row>
        <row r="2244">
          <cell r="A2244" t="str">
            <v>P2</v>
          </cell>
          <cell r="B2244">
            <v>-33062.86699000001</v>
          </cell>
          <cell r="C2244">
            <v>2267.5186199999998</v>
          </cell>
          <cell r="D2244">
            <v>1536.3471499999869</v>
          </cell>
          <cell r="E2244">
            <v>-29259.001220000035</v>
          </cell>
          <cell r="F2244">
            <v>-438139.69744000002</v>
          </cell>
          <cell r="G2244">
            <v>3056.5418599999998</v>
          </cell>
          <cell r="H2244">
            <v>138314.72527</v>
          </cell>
          <cell r="I2244">
            <v>-296768.43031000003</v>
          </cell>
        </row>
        <row r="2245">
          <cell r="A2245" t="str">
            <v>P100</v>
          </cell>
          <cell r="B2245">
            <v>-80758.110549999983</v>
          </cell>
          <cell r="C2245">
            <v>0</v>
          </cell>
          <cell r="D2245">
            <v>0</v>
          </cell>
          <cell r="E2245">
            <v>-80758.110549999983</v>
          </cell>
          <cell r="F2245">
            <v>-707646.75422</v>
          </cell>
          <cell r="H2245">
            <v>0</v>
          </cell>
          <cell r="I2245">
            <v>-707646.75422</v>
          </cell>
        </row>
        <row r="2246">
          <cell r="A2246" t="str">
            <v>P110</v>
          </cell>
          <cell r="B2246">
            <v>-80758.110549999983</v>
          </cell>
          <cell r="C2246">
            <v>0</v>
          </cell>
          <cell r="D2246">
            <v>0</v>
          </cell>
          <cell r="E2246">
            <v>-80758.110549999983</v>
          </cell>
          <cell r="F2246">
            <v>-707646.75419999997</v>
          </cell>
          <cell r="H2246">
            <v>0</v>
          </cell>
          <cell r="I2246">
            <v>-707646.75419999997</v>
          </cell>
        </row>
        <row r="2247">
          <cell r="A2247" t="str">
            <v>P111</v>
          </cell>
          <cell r="B2247">
            <v>-251.48188000000005</v>
          </cell>
          <cell r="C2247">
            <v>0</v>
          </cell>
          <cell r="D2247">
            <v>0</v>
          </cell>
          <cell r="E2247">
            <v>-251.48188000000005</v>
          </cell>
          <cell r="F2247">
            <v>-1719.6653200000001</v>
          </cell>
          <cell r="I2247">
            <v>-1719.6653200000001</v>
          </cell>
        </row>
        <row r="2248">
          <cell r="A2248" t="str">
            <v>P11102</v>
          </cell>
          <cell r="B2248">
            <v>-251.48188000000005</v>
          </cell>
          <cell r="C2248">
            <v>0</v>
          </cell>
          <cell r="D2248">
            <v>0</v>
          </cell>
          <cell r="E2248">
            <v>-251.48188000000005</v>
          </cell>
          <cell r="F2248">
            <v>-1719.6653200000001</v>
          </cell>
          <cell r="I2248">
            <v>-1719.6653200000001</v>
          </cell>
        </row>
        <row r="2249">
          <cell r="A2249" t="str">
            <v>P112</v>
          </cell>
          <cell r="B2249">
            <v>-122370.87818999996</v>
          </cell>
          <cell r="C2249">
            <v>0</v>
          </cell>
          <cell r="D2249">
            <v>0</v>
          </cell>
          <cell r="E2249">
            <v>-122370.87818999996</v>
          </cell>
          <cell r="F2249">
            <v>-737579.60967999999</v>
          </cell>
          <cell r="H2249">
            <v>0</v>
          </cell>
          <cell r="I2249">
            <v>-737579.60967999999</v>
          </cell>
        </row>
        <row r="2250">
          <cell r="A2250" t="str">
            <v>P11201</v>
          </cell>
          <cell r="B2250">
            <v>-122370.87818999996</v>
          </cell>
          <cell r="C2250">
            <v>0</v>
          </cell>
          <cell r="D2250">
            <v>0</v>
          </cell>
          <cell r="E2250">
            <v>-122370.87818999996</v>
          </cell>
          <cell r="F2250">
            <v>-737579.60967999999</v>
          </cell>
          <cell r="H2250">
            <v>0</v>
          </cell>
          <cell r="I2250">
            <v>-737579.60967999999</v>
          </cell>
        </row>
        <row r="2251">
          <cell r="A2251" t="str">
            <v>P113</v>
          </cell>
          <cell r="B2251">
            <v>11722.282609999998</v>
          </cell>
          <cell r="C2251">
            <v>0</v>
          </cell>
          <cell r="D2251">
            <v>0</v>
          </cell>
          <cell r="E2251">
            <v>11722.282609999998</v>
          </cell>
          <cell r="F2251">
            <v>2990.48758</v>
          </cell>
          <cell r="I2251">
            <v>2990.48758</v>
          </cell>
        </row>
        <row r="2252">
          <cell r="A2252" t="str">
            <v>P115</v>
          </cell>
          <cell r="B2252">
            <v>30141.966910000003</v>
          </cell>
          <cell r="C2252">
            <v>0</v>
          </cell>
          <cell r="D2252">
            <v>0</v>
          </cell>
          <cell r="E2252">
            <v>30141.966910000003</v>
          </cell>
          <cell r="F2252">
            <v>28662.033220000001</v>
          </cell>
          <cell r="I2252">
            <v>28662.033220000001</v>
          </cell>
        </row>
        <row r="2253">
          <cell r="A2253" t="str">
            <v>P120</v>
          </cell>
          <cell r="B2253">
            <v>0</v>
          </cell>
          <cell r="C2253">
            <v>0</v>
          </cell>
          <cell r="D2253">
            <v>0</v>
          </cell>
          <cell r="E2253">
            <v>0</v>
          </cell>
          <cell r="F2253">
            <v>-2.0000000000000002E-5</v>
          </cell>
          <cell r="I2253">
            <v>-2.0000000000000002E-5</v>
          </cell>
        </row>
        <row r="2254">
          <cell r="A2254" t="str">
            <v>P12002</v>
          </cell>
          <cell r="B2254">
            <v>0</v>
          </cell>
          <cell r="C2254">
            <v>0</v>
          </cell>
          <cell r="D2254">
            <v>0</v>
          </cell>
          <cell r="E2254">
            <v>0</v>
          </cell>
          <cell r="F2254">
            <v>-2.0000000000000002E-5</v>
          </cell>
          <cell r="I2254">
            <v>-2.0000000000000002E-5</v>
          </cell>
        </row>
        <row r="2255">
          <cell r="A2255" t="str">
            <v>P200</v>
          </cell>
          <cell r="B2255">
            <v>47695.243559999974</v>
          </cell>
          <cell r="C2255">
            <v>2267.5186199999998</v>
          </cell>
          <cell r="D2255">
            <v>1536.3471499999869</v>
          </cell>
          <cell r="E2255">
            <v>51499.109329999948</v>
          </cell>
          <cell r="F2255">
            <v>269507.05677999998</v>
          </cell>
          <cell r="G2255">
            <v>3056.5418599999998</v>
          </cell>
          <cell r="H2255">
            <v>138314.72527</v>
          </cell>
          <cell r="I2255">
            <v>410878.32390999998</v>
          </cell>
        </row>
        <row r="2256">
          <cell r="A2256" t="str">
            <v>P220</v>
          </cell>
          <cell r="B2256">
            <v>9600.5434800000003</v>
          </cell>
          <cell r="C2256">
            <v>0</v>
          </cell>
          <cell r="D2256">
            <v>0</v>
          </cell>
          <cell r="E2256">
            <v>9600.5434800000003</v>
          </cell>
          <cell r="F2256">
            <v>74383.558239999998</v>
          </cell>
          <cell r="I2256">
            <v>74383.558239999998</v>
          </cell>
        </row>
        <row r="2257">
          <cell r="A2257" t="str">
            <v>P220</v>
          </cell>
          <cell r="B2257">
            <v>-64783.014759999998</v>
          </cell>
          <cell r="C2257">
            <v>0</v>
          </cell>
          <cell r="D2257">
            <v>0</v>
          </cell>
          <cell r="E2257">
            <v>-64783.014759999998</v>
          </cell>
        </row>
        <row r="2258">
          <cell r="A2258" t="str">
            <v>P22001</v>
          </cell>
          <cell r="B2258">
            <v>9526.8221699999995</v>
          </cell>
          <cell r="C2258">
            <v>0</v>
          </cell>
          <cell r="D2258">
            <v>0</v>
          </cell>
          <cell r="E2258">
            <v>9526.8221699999995</v>
          </cell>
          <cell r="F2258">
            <v>73950.151740000001</v>
          </cell>
          <cell r="I2258">
            <v>73950.151740000001</v>
          </cell>
        </row>
        <row r="2259">
          <cell r="A2259" t="str">
            <v>P22002</v>
          </cell>
          <cell r="B2259">
            <v>73.721310000000017</v>
          </cell>
          <cell r="C2259">
            <v>0</v>
          </cell>
          <cell r="D2259">
            <v>0</v>
          </cell>
          <cell r="E2259">
            <v>73.721310000000017</v>
          </cell>
          <cell r="F2259">
            <v>433.40649999999999</v>
          </cell>
          <cell r="I2259">
            <v>433.40649999999999</v>
          </cell>
        </row>
        <row r="2260">
          <cell r="A2260" t="str">
            <v>P230</v>
          </cell>
          <cell r="B2260">
            <v>14370.087220000001</v>
          </cell>
          <cell r="C2260">
            <v>234.78764999999999</v>
          </cell>
          <cell r="D2260">
            <v>863.00286000000051</v>
          </cell>
          <cell r="E2260">
            <v>15467.877730000007</v>
          </cell>
          <cell r="F2260">
            <v>77468.51771</v>
          </cell>
          <cell r="G2260">
            <v>815.29872</v>
          </cell>
          <cell r="H2260">
            <v>23594.61923</v>
          </cell>
          <cell r="I2260">
            <v>101878.43566</v>
          </cell>
        </row>
        <row r="2261">
          <cell r="A2261" t="str">
            <v>P231</v>
          </cell>
          <cell r="B2261">
            <v>2600.1116299999994</v>
          </cell>
          <cell r="C2261">
            <v>0</v>
          </cell>
          <cell r="D2261">
            <v>0</v>
          </cell>
          <cell r="E2261">
            <v>2600.1116299999994</v>
          </cell>
          <cell r="F2261">
            <v>20924.371999999999</v>
          </cell>
          <cell r="I2261">
            <v>20924.371999999999</v>
          </cell>
        </row>
        <row r="2262">
          <cell r="A2262" t="str">
            <v>P232</v>
          </cell>
          <cell r="B2262">
            <v>2664.9919900000004</v>
          </cell>
          <cell r="C2262">
            <v>0</v>
          </cell>
          <cell r="D2262">
            <v>0</v>
          </cell>
          <cell r="E2262">
            <v>2664.9919900000004</v>
          </cell>
          <cell r="F2262">
            <v>7232.14174</v>
          </cell>
          <cell r="I2262">
            <v>7232.14174</v>
          </cell>
        </row>
        <row r="2263">
          <cell r="A2263" t="str">
            <v>P233</v>
          </cell>
          <cell r="B2263">
            <v>2523.6571000000004</v>
          </cell>
          <cell r="C2263">
            <v>0</v>
          </cell>
          <cell r="D2263">
            <v>0</v>
          </cell>
          <cell r="E2263">
            <v>2523.6571000000004</v>
          </cell>
          <cell r="F2263">
            <v>32388.5272</v>
          </cell>
          <cell r="I2263">
            <v>32388.5272</v>
          </cell>
        </row>
        <row r="2264">
          <cell r="A2264" t="str">
            <v>P235</v>
          </cell>
          <cell r="B2264">
            <v>5439.7903299999998</v>
          </cell>
          <cell r="C2264">
            <v>67.976040000000012</v>
          </cell>
          <cell r="D2264">
            <v>-32.442849999999993</v>
          </cell>
          <cell r="E2264">
            <v>5475.3235199999999</v>
          </cell>
          <cell r="F2264">
            <v>13309.08742</v>
          </cell>
          <cell r="G2264">
            <v>617.76076999999998</v>
          </cell>
          <cell r="H2264">
            <v>85.958950000000002</v>
          </cell>
          <cell r="I2264">
            <v>14012.807140000001</v>
          </cell>
        </row>
        <row r="2265">
          <cell r="A2265" t="str">
            <v>P236</v>
          </cell>
          <cell r="B2265">
            <v>1141.5361699999999</v>
          </cell>
          <cell r="C2265">
            <v>166.81161</v>
          </cell>
          <cell r="D2265">
            <v>1114.7206100000003</v>
          </cell>
          <cell r="E2265">
            <v>2423.0683900000004</v>
          </cell>
          <cell r="F2265">
            <v>3658.3369499999999</v>
          </cell>
          <cell r="G2265">
            <v>216.76185000000001</v>
          </cell>
          <cell r="H2265">
            <v>20329.421320000001</v>
          </cell>
          <cell r="I2265">
            <v>24204.520120000001</v>
          </cell>
        </row>
        <row r="2266">
          <cell r="A2266" t="str">
            <v>P237</v>
          </cell>
          <cell r="B2266">
            <v>0</v>
          </cell>
          <cell r="C2266">
            <v>0</v>
          </cell>
          <cell r="D2266">
            <v>-219.27489999999989</v>
          </cell>
          <cell r="E2266">
            <v>-219.27489999999989</v>
          </cell>
          <cell r="F2266">
            <v>-36.95579</v>
          </cell>
          <cell r="G2266">
            <v>-19.2239</v>
          </cell>
          <cell r="H2266">
            <v>3179.2389600000001</v>
          </cell>
          <cell r="I2266">
            <v>3123.0592700000002</v>
          </cell>
        </row>
        <row r="2267">
          <cell r="A2267" t="str">
            <v>P238</v>
          </cell>
          <cell r="B2267">
            <v>0</v>
          </cell>
          <cell r="C2267">
            <v>0</v>
          </cell>
          <cell r="D2267">
            <v>0</v>
          </cell>
          <cell r="E2267">
            <v>0</v>
          </cell>
          <cell r="F2267">
            <v>-6.9918100000000001</v>
          </cell>
          <cell r="I2267">
            <v>-6.9918100000000001</v>
          </cell>
        </row>
        <row r="2268">
          <cell r="A2268" t="str">
            <v>P240</v>
          </cell>
          <cell r="B2268">
            <v>1881.4051300000001</v>
          </cell>
          <cell r="C2268">
            <v>474.29255000000001</v>
          </cell>
          <cell r="D2268">
            <v>168.39197000000013</v>
          </cell>
          <cell r="E2268">
            <v>2524.0896499999999</v>
          </cell>
          <cell r="F2268">
            <v>7063.6554800000004</v>
          </cell>
          <cell r="G2268">
            <v>922.83050000000003</v>
          </cell>
          <cell r="H2268">
            <v>3658.3300800000002</v>
          </cell>
          <cell r="I2268">
            <v>11644.816059999999</v>
          </cell>
        </row>
        <row r="2269">
          <cell r="A2269" t="str">
            <v>P241</v>
          </cell>
          <cell r="B2269">
            <v>48.58867</v>
          </cell>
          <cell r="C2269">
            <v>0</v>
          </cell>
          <cell r="D2269">
            <v>0</v>
          </cell>
          <cell r="E2269">
            <v>48.58867</v>
          </cell>
          <cell r="F2269">
            <v>82.407240000000002</v>
          </cell>
          <cell r="I2269">
            <v>82.407240000000002</v>
          </cell>
        </row>
        <row r="2270">
          <cell r="A2270" t="str">
            <v>P24102</v>
          </cell>
          <cell r="B2270">
            <v>48.58867</v>
          </cell>
          <cell r="C2270">
            <v>0</v>
          </cell>
          <cell r="D2270">
            <v>0</v>
          </cell>
          <cell r="E2270">
            <v>48.58867</v>
          </cell>
          <cell r="F2270">
            <v>82.407240000000002</v>
          </cell>
          <cell r="I2270">
            <v>82.407240000000002</v>
          </cell>
        </row>
        <row r="2271">
          <cell r="A2271" t="str">
            <v>P242</v>
          </cell>
          <cell r="B2271">
            <v>1815.0208700000003</v>
          </cell>
          <cell r="C2271">
            <v>0</v>
          </cell>
          <cell r="D2271">
            <v>0</v>
          </cell>
          <cell r="E2271">
            <v>1815.0208700000003</v>
          </cell>
          <cell r="F2271">
            <v>6925.5663199999999</v>
          </cell>
          <cell r="I2271">
            <v>6925.5663199999999</v>
          </cell>
        </row>
        <row r="2272">
          <cell r="A2272" t="str">
            <v>P243</v>
          </cell>
          <cell r="B2272">
            <v>0</v>
          </cell>
          <cell r="C2272">
            <v>472.70472000000007</v>
          </cell>
          <cell r="D2272">
            <v>627.11472999999978</v>
          </cell>
          <cell r="E2272">
            <v>1099.81945</v>
          </cell>
          <cell r="G2272">
            <v>1042.1920600000001</v>
          </cell>
          <cell r="H2272">
            <v>3386.77126</v>
          </cell>
          <cell r="I2272">
            <v>4428.9633199999998</v>
          </cell>
        </row>
        <row r="2273">
          <cell r="A2273" t="str">
            <v>P24310</v>
          </cell>
          <cell r="B2273">
            <v>0</v>
          </cell>
          <cell r="C2273">
            <v>472.70472000000007</v>
          </cell>
          <cell r="D2273">
            <v>47.932150000000036</v>
          </cell>
          <cell r="E2273">
            <v>520.63686999999993</v>
          </cell>
          <cell r="G2273">
            <v>1042.1920600000001</v>
          </cell>
          <cell r="H2273">
            <v>267.14577000000003</v>
          </cell>
          <cell r="I2273">
            <v>1309.3378299999999</v>
          </cell>
        </row>
        <row r="2274">
          <cell r="A2274" t="str">
            <v>P24311</v>
          </cell>
          <cell r="B2274">
            <v>0</v>
          </cell>
          <cell r="C2274">
            <v>472.70472000000007</v>
          </cell>
          <cell r="D2274">
            <v>47.932150000000036</v>
          </cell>
          <cell r="E2274">
            <v>520.63686999999993</v>
          </cell>
          <cell r="G2274">
            <v>1042.1920600000001</v>
          </cell>
          <cell r="H2274">
            <v>267.14577000000003</v>
          </cell>
          <cell r="I2274">
            <v>1309.3378299999999</v>
          </cell>
        </row>
        <row r="2275">
          <cell r="A2275" t="str">
            <v>P24320</v>
          </cell>
          <cell r="B2275">
            <v>0</v>
          </cell>
          <cell r="C2275">
            <v>0</v>
          </cell>
          <cell r="D2275">
            <v>579.18257999999969</v>
          </cell>
          <cell r="E2275">
            <v>579.18257999999969</v>
          </cell>
          <cell r="H2275">
            <v>3119.6254899999999</v>
          </cell>
          <cell r="I2275">
            <v>3119.6254899999999</v>
          </cell>
        </row>
        <row r="2276">
          <cell r="A2276" t="str">
            <v>P24313</v>
          </cell>
          <cell r="B2276">
            <v>0</v>
          </cell>
          <cell r="C2276">
            <v>0</v>
          </cell>
          <cell r="D2276">
            <v>579.18257999999969</v>
          </cell>
          <cell r="E2276">
            <v>579.18257999999969</v>
          </cell>
          <cell r="H2276">
            <v>3119.6254899999999</v>
          </cell>
          <cell r="I2276">
            <v>3119.6254899999999</v>
          </cell>
        </row>
        <row r="2277">
          <cell r="A2277" t="str">
            <v>P244P</v>
          </cell>
          <cell r="B2277">
            <v>17.795589999999997</v>
          </cell>
          <cell r="C2277">
            <v>1.5878299999999967</v>
          </cell>
          <cell r="D2277">
            <v>-458.72275999999994</v>
          </cell>
          <cell r="E2277">
            <v>-439.33933999999999</v>
          </cell>
          <cell r="F2277">
            <v>55.681919999999998</v>
          </cell>
          <cell r="G2277">
            <v>-119.36156</v>
          </cell>
          <cell r="H2277">
            <v>271.55882000000003</v>
          </cell>
          <cell r="I2277">
            <v>207.87917999999999</v>
          </cell>
        </row>
        <row r="2278">
          <cell r="A2278" t="str">
            <v>P24401</v>
          </cell>
          <cell r="B2278">
            <v>17.795589999999997</v>
          </cell>
          <cell r="C2278">
            <v>1.5878299999999967</v>
          </cell>
          <cell r="D2278">
            <v>-458.72275999999994</v>
          </cell>
          <cell r="E2278">
            <v>-439.33933999999999</v>
          </cell>
          <cell r="F2278">
            <v>55.681919999999998</v>
          </cell>
          <cell r="G2278">
            <v>-119.36156</v>
          </cell>
          <cell r="H2278">
            <v>271.55882000000003</v>
          </cell>
          <cell r="I2278">
            <v>207.87917999999999</v>
          </cell>
        </row>
        <row r="2279">
          <cell r="A2279" t="str">
            <v>P250</v>
          </cell>
          <cell r="B2279">
            <v>1703.5312799999992</v>
          </cell>
          <cell r="C2279">
            <v>1505.0847100000001</v>
          </cell>
          <cell r="D2279">
            <v>0</v>
          </cell>
          <cell r="E2279">
            <v>3208.6159900000002</v>
          </cell>
          <cell r="F2279">
            <v>10755.14279</v>
          </cell>
          <cell r="G2279">
            <v>5156.8495000000003</v>
          </cell>
          <cell r="I2279">
            <v>15911.99229</v>
          </cell>
        </row>
        <row r="2280">
          <cell r="A2280" t="str">
            <v>P251</v>
          </cell>
          <cell r="B2280">
            <v>1725.0906400000003</v>
          </cell>
          <cell r="C2280">
            <v>1505.0847100000001</v>
          </cell>
          <cell r="D2280">
            <v>0</v>
          </cell>
          <cell r="E2280">
            <v>3230.1753499999995</v>
          </cell>
          <cell r="F2280">
            <v>10099.46385</v>
          </cell>
          <cell r="G2280">
            <v>5156.8495000000003</v>
          </cell>
          <cell r="I2280">
            <v>15256.31335</v>
          </cell>
        </row>
        <row r="2281">
          <cell r="A2281" t="str">
            <v>P253</v>
          </cell>
          <cell r="B2281">
            <v>-21.55935999999997</v>
          </cell>
          <cell r="C2281">
            <v>0</v>
          </cell>
          <cell r="D2281">
            <v>0</v>
          </cell>
          <cell r="E2281">
            <v>-21.55935999999997</v>
          </cell>
          <cell r="F2281">
            <v>655.67894000000001</v>
          </cell>
          <cell r="I2281">
            <v>655.67894000000001</v>
          </cell>
        </row>
        <row r="2282">
          <cell r="A2282" t="str">
            <v>P260</v>
          </cell>
          <cell r="B2282">
            <v>20642.743270000006</v>
          </cell>
          <cell r="C2282">
            <v>46.291380000000004</v>
          </cell>
          <cell r="D2282">
            <v>69.180610000000001</v>
          </cell>
          <cell r="E2282">
            <v>20758.215259999997</v>
          </cell>
          <cell r="F2282">
            <v>152464.70634999999</v>
          </cell>
          <cell r="G2282">
            <v>279.00069999999999</v>
          </cell>
          <cell r="H2282">
            <v>392.89132999999998</v>
          </cell>
          <cell r="I2282">
            <v>153136.59838000001</v>
          </cell>
        </row>
        <row r="2283">
          <cell r="A2283" t="str">
            <v>P261</v>
          </cell>
          <cell r="B2283">
            <v>20642.742270000017</v>
          </cell>
          <cell r="C2283">
            <v>46.291380000000004</v>
          </cell>
          <cell r="D2283">
            <v>69.180610000000001</v>
          </cell>
          <cell r="E2283">
            <v>20758.214259999979</v>
          </cell>
          <cell r="F2283">
            <v>152464.70535</v>
          </cell>
          <cell r="G2283">
            <v>279.00069999999999</v>
          </cell>
          <cell r="H2283">
            <v>392.89132999999998</v>
          </cell>
          <cell r="I2283">
            <v>153136.59737999999</v>
          </cell>
        </row>
        <row r="2284">
          <cell r="A2284" t="str">
            <v>P26101</v>
          </cell>
          <cell r="B2284">
            <v>16732.155560000014</v>
          </cell>
          <cell r="C2284">
            <v>46.291380000000004</v>
          </cell>
          <cell r="D2284">
            <v>69.180610000000001</v>
          </cell>
          <cell r="E2284">
            <v>16847.62754999999</v>
          </cell>
          <cell r="F2284">
            <v>117110.45248000001</v>
          </cell>
          <cell r="G2284">
            <v>279.00069999999999</v>
          </cell>
          <cell r="H2284">
            <v>392.89132999999998</v>
          </cell>
          <cell r="I2284">
            <v>117782.34451</v>
          </cell>
        </row>
        <row r="2285">
          <cell r="A2285" t="str">
            <v>P26105</v>
          </cell>
          <cell r="B2285">
            <v>3910.5867099999959</v>
          </cell>
          <cell r="C2285">
            <v>0</v>
          </cell>
          <cell r="D2285">
            <v>0</v>
          </cell>
          <cell r="E2285">
            <v>3910.5867099999959</v>
          </cell>
          <cell r="F2285">
            <v>35354.252869999997</v>
          </cell>
          <cell r="I2285">
            <v>35354.252869999997</v>
          </cell>
        </row>
        <row r="2286">
          <cell r="A2286" t="str">
            <v>P263</v>
          </cell>
          <cell r="B2286">
            <v>1E-3</v>
          </cell>
          <cell r="C2286">
            <v>0</v>
          </cell>
          <cell r="D2286">
            <v>0</v>
          </cell>
          <cell r="E2286">
            <v>1E-3</v>
          </cell>
          <cell r="F2286">
            <v>1E-3</v>
          </cell>
          <cell r="I2286">
            <v>1E-3</v>
          </cell>
        </row>
        <row r="2287">
          <cell r="A2287" t="str">
            <v>P26301</v>
          </cell>
          <cell r="B2287">
            <v>1E-3</v>
          </cell>
          <cell r="C2287">
            <v>0</v>
          </cell>
          <cell r="D2287">
            <v>0</v>
          </cell>
          <cell r="E2287">
            <v>1E-3</v>
          </cell>
          <cell r="F2287">
            <v>1E-3</v>
          </cell>
          <cell r="I2287">
            <v>1E-3</v>
          </cell>
        </row>
        <row r="2288">
          <cell r="A2288" t="str">
            <v>P275</v>
          </cell>
          <cell r="B2288">
            <v>-503.06682000000001</v>
          </cell>
          <cell r="C2288">
            <v>7.0623299999997471</v>
          </cell>
          <cell r="D2288">
            <v>361.57241999999678</v>
          </cell>
          <cell r="E2288">
            <v>-134.43206999999529</v>
          </cell>
          <cell r="F2288">
            <v>-52628.523789999999</v>
          </cell>
          <cell r="G2288">
            <v>-4117.4375600000003</v>
          </cell>
          <cell r="H2288">
            <v>103015.17869</v>
          </cell>
          <cell r="I2288">
            <v>46269.217340000003</v>
          </cell>
        </row>
        <row r="2289">
          <cell r="A2289" t="str">
            <v>P280</v>
          </cell>
          <cell r="B2289">
            <v>0</v>
          </cell>
          <cell r="C2289">
            <v>0</v>
          </cell>
          <cell r="D2289">
            <v>74.199289999999564</v>
          </cell>
          <cell r="E2289">
            <v>74.199289999999564</v>
          </cell>
          <cell r="H2289">
            <v>7653.7059399999998</v>
          </cell>
          <cell r="I2289">
            <v>7653.7059399999998</v>
          </cell>
        </row>
        <row r="2290">
          <cell r="A2290" t="str">
            <v>P300</v>
          </cell>
          <cell r="B2290">
            <v>9871.7311799999952</v>
          </cell>
          <cell r="C2290">
            <v>-0.14336000000000126</v>
          </cell>
          <cell r="D2290">
            <v>3400.7503399999987</v>
          </cell>
          <cell r="E2290">
            <v>13272.338159999999</v>
          </cell>
          <cell r="F2290">
            <v>-33770.820930000002</v>
          </cell>
          <cell r="G2290">
            <v>-80.378749999999997</v>
          </cell>
          <cell r="H2290">
            <v>35285.276969999999</v>
          </cell>
          <cell r="I2290">
            <v>1434.0772899999999</v>
          </cell>
        </row>
        <row r="2291">
          <cell r="A2291" t="str">
            <v>P340</v>
          </cell>
          <cell r="B2291">
            <v>0</v>
          </cell>
          <cell r="C2291">
            <v>0</v>
          </cell>
          <cell r="D2291">
            <v>0</v>
          </cell>
          <cell r="E2291">
            <v>0</v>
          </cell>
          <cell r="F2291">
            <v>-96649.244600000005</v>
          </cell>
          <cell r="G2291">
            <v>-12.67952</v>
          </cell>
          <cell r="I2291">
            <v>-96661.924119999996</v>
          </cell>
        </row>
        <row r="2292">
          <cell r="A2292" t="str">
            <v>P342</v>
          </cell>
          <cell r="B2292">
            <v>0</v>
          </cell>
          <cell r="C2292">
            <v>0</v>
          </cell>
          <cell r="D2292">
            <v>0</v>
          </cell>
          <cell r="E2292">
            <v>0</v>
          </cell>
          <cell r="F2292">
            <v>-96649.244600000005</v>
          </cell>
          <cell r="G2292">
            <v>-12.67952</v>
          </cell>
          <cell r="I2292">
            <v>-96661.924119999996</v>
          </cell>
        </row>
        <row r="2293">
          <cell r="A2293" t="str">
            <v>P26103</v>
          </cell>
          <cell r="B2293">
            <v>0</v>
          </cell>
          <cell r="C2293">
            <v>0</v>
          </cell>
          <cell r="D2293">
            <v>0</v>
          </cell>
          <cell r="E2293">
            <v>0</v>
          </cell>
          <cell r="F2293">
            <v>-96649.244600000005</v>
          </cell>
          <cell r="G2293">
            <v>-12.67952</v>
          </cell>
          <cell r="I2293">
            <v>-96661.924119999996</v>
          </cell>
        </row>
        <row r="2294">
          <cell r="A2294" t="str">
            <v>P26302</v>
          </cell>
          <cell r="B2294">
            <v>0</v>
          </cell>
          <cell r="C2294">
            <v>0</v>
          </cell>
          <cell r="D2294">
            <v>0</v>
          </cell>
          <cell r="E2294">
            <v>0</v>
          </cell>
        </row>
        <row r="2295">
          <cell r="A2295" t="str">
            <v>P310</v>
          </cell>
          <cell r="B2295">
            <v>-0.29289000000000004</v>
          </cell>
          <cell r="C2295">
            <v>0</v>
          </cell>
          <cell r="D2295">
            <v>-31.45987999999943</v>
          </cell>
          <cell r="E2295">
            <v>-31.752770000000055</v>
          </cell>
          <cell r="F2295">
            <v>-0.29803000000000002</v>
          </cell>
          <cell r="H2295">
            <v>-6284.0358399999996</v>
          </cell>
          <cell r="I2295">
            <v>-6284.3338700000004</v>
          </cell>
        </row>
        <row r="2296">
          <cell r="A2296" t="str">
            <v>P311</v>
          </cell>
          <cell r="B2296">
            <v>-0.29289000000000004</v>
          </cell>
          <cell r="C2296">
            <v>0</v>
          </cell>
          <cell r="D2296">
            <v>-31.45987999999943</v>
          </cell>
          <cell r="E2296">
            <v>-31.752770000000055</v>
          </cell>
          <cell r="F2296">
            <v>-0.29803000000000002</v>
          </cell>
          <cell r="H2296">
            <v>-6284.0358399999996</v>
          </cell>
          <cell r="I2296">
            <v>-6284.3338700000004</v>
          </cell>
        </row>
        <row r="2297">
          <cell r="A2297" t="str">
            <v>P320</v>
          </cell>
          <cell r="B2297">
            <v>9831.1128700000045</v>
          </cell>
          <cell r="C2297">
            <v>0</v>
          </cell>
          <cell r="D2297">
            <v>3847.8375100000012</v>
          </cell>
          <cell r="E2297">
            <v>13678.950379999995</v>
          </cell>
          <cell r="F2297">
            <v>62995.066440000002</v>
          </cell>
          <cell r="G2297">
            <v>7.2700000000000004E-3</v>
          </cell>
          <cell r="H2297">
            <v>24654.93562</v>
          </cell>
          <cell r="I2297">
            <v>87650.009330000001</v>
          </cell>
        </row>
        <row r="2298">
          <cell r="A2298" t="str">
            <v>P321</v>
          </cell>
          <cell r="B2298">
            <v>996.49423999999999</v>
          </cell>
          <cell r="C2298">
            <v>0</v>
          </cell>
          <cell r="D2298">
            <v>3731.9094399999994</v>
          </cell>
          <cell r="E2298">
            <v>4728.4036799999994</v>
          </cell>
          <cell r="F2298">
            <v>6374.1581100000003</v>
          </cell>
          <cell r="H2298">
            <v>22786.41705</v>
          </cell>
          <cell r="I2298">
            <v>29160.57516</v>
          </cell>
        </row>
        <row r="2299">
          <cell r="A2299" t="str">
            <v>P32103</v>
          </cell>
          <cell r="B2299">
            <v>1008.6058699999994</v>
          </cell>
          <cell r="C2299">
            <v>0</v>
          </cell>
          <cell r="D2299">
            <v>3731.9094399999994</v>
          </cell>
          <cell r="E2299">
            <v>4740.5153099999989</v>
          </cell>
          <cell r="F2299">
            <v>6546.2818399999996</v>
          </cell>
          <cell r="H2299">
            <v>22786.41705</v>
          </cell>
          <cell r="I2299">
            <v>29332.69889</v>
          </cell>
        </row>
        <row r="2300">
          <cell r="A2300" t="str">
            <v>P32104</v>
          </cell>
          <cell r="B2300">
            <v>-12.111629999999991</v>
          </cell>
          <cell r="C2300">
            <v>0</v>
          </cell>
          <cell r="D2300">
            <v>0</v>
          </cell>
          <cell r="E2300">
            <v>-12.111629999999991</v>
          </cell>
          <cell r="F2300">
            <v>-172.12372999999999</v>
          </cell>
          <cell r="I2300">
            <v>-172.12372999999999</v>
          </cell>
        </row>
        <row r="2301">
          <cell r="A2301" t="str">
            <v>P322</v>
          </cell>
          <cell r="B2301">
            <v>7582.988320000004</v>
          </cell>
          <cell r="C2301">
            <v>0</v>
          </cell>
          <cell r="D2301">
            <v>115.92806999999993</v>
          </cell>
          <cell r="E2301">
            <v>7698.9163899999985</v>
          </cell>
          <cell r="F2301">
            <v>47408.934690000002</v>
          </cell>
          <cell r="G2301">
            <v>7.2700000000000004E-3</v>
          </cell>
          <cell r="H2301">
            <v>1868.51857</v>
          </cell>
          <cell r="I2301">
            <v>49277.460529999997</v>
          </cell>
        </row>
        <row r="2302">
          <cell r="A2302" t="str">
            <v>P323</v>
          </cell>
          <cell r="B2302">
            <v>-491.37162999999998</v>
          </cell>
          <cell r="C2302">
            <v>0</v>
          </cell>
          <cell r="D2302">
            <v>0</v>
          </cell>
          <cell r="E2302">
            <v>-491.37162999999998</v>
          </cell>
          <cell r="F2302">
            <v>-1246.038</v>
          </cell>
          <cell r="I2302">
            <v>-1246.038</v>
          </cell>
        </row>
        <row r="2303">
          <cell r="A2303" t="str">
            <v>P324</v>
          </cell>
          <cell r="B2303">
            <v>1743.0019400000001</v>
          </cell>
          <cell r="C2303">
            <v>0</v>
          </cell>
          <cell r="D2303">
            <v>0</v>
          </cell>
          <cell r="E2303">
            <v>1743.0019400000001</v>
          </cell>
          <cell r="F2303">
            <v>10458.011640000001</v>
          </cell>
          <cell r="I2303">
            <v>10458.011640000001</v>
          </cell>
        </row>
        <row r="2304">
          <cell r="A2304" t="str">
            <v>P330</v>
          </cell>
          <cell r="B2304">
            <v>40.911200000000008</v>
          </cell>
          <cell r="C2304">
            <v>-0.14336000000000126</v>
          </cell>
          <cell r="D2304">
            <v>-415.62729000000036</v>
          </cell>
          <cell r="E2304">
            <v>-374.85944999999992</v>
          </cell>
          <cell r="F2304">
            <v>-116.34474</v>
          </cell>
          <cell r="G2304">
            <v>-67.706500000000005</v>
          </cell>
          <cell r="H2304">
            <v>16914.377189999999</v>
          </cell>
          <cell r="I2304">
            <v>16730.325949999999</v>
          </cell>
        </row>
        <row r="2305">
          <cell r="A2305" t="str">
            <v>P331</v>
          </cell>
          <cell r="B2305">
            <v>0</v>
          </cell>
          <cell r="C2305">
            <v>0</v>
          </cell>
          <cell r="D2305">
            <v>-141.91924000000017</v>
          </cell>
          <cell r="E2305">
            <v>-141.91924000000017</v>
          </cell>
          <cell r="F2305">
            <v>-2.0000000000000001E-4</v>
          </cell>
          <cell r="H2305">
            <v>5451.6717399999998</v>
          </cell>
          <cell r="I2305">
            <v>5451.6715400000003</v>
          </cell>
        </row>
        <row r="2306">
          <cell r="A2306" t="str">
            <v>P333</v>
          </cell>
          <cell r="B2306">
            <v>1.57542</v>
          </cell>
          <cell r="C2306">
            <v>0</v>
          </cell>
          <cell r="D2306">
            <v>-483.60261999999784</v>
          </cell>
          <cell r="E2306">
            <v>-482.02720000000045</v>
          </cell>
          <cell r="F2306">
            <v>1.57542</v>
          </cell>
          <cell r="H2306">
            <v>19489.957040000001</v>
          </cell>
          <cell r="I2306">
            <v>19491.532459999999</v>
          </cell>
        </row>
        <row r="2307">
          <cell r="A2307" t="str">
            <v>P338</v>
          </cell>
          <cell r="B2307">
            <v>39.33578</v>
          </cell>
          <cell r="C2307">
            <v>-0.14336000000000126</v>
          </cell>
          <cell r="D2307">
            <v>209.89457000000039</v>
          </cell>
          <cell r="E2307">
            <v>249.08698999999979</v>
          </cell>
          <cell r="F2307">
            <v>-117.91996</v>
          </cell>
          <cell r="G2307">
            <v>-67.706500000000005</v>
          </cell>
          <cell r="H2307">
            <v>-8027.2515899999999</v>
          </cell>
          <cell r="I2307">
            <v>-8212.8780499999993</v>
          </cell>
        </row>
        <row r="2308">
          <cell r="A2308" t="str">
            <v>P400</v>
          </cell>
          <cell r="B2308">
            <v>3617.4955999999947</v>
          </cell>
          <cell r="C2308">
            <v>0</v>
          </cell>
          <cell r="D2308">
            <v>7690.1163299999971</v>
          </cell>
          <cell r="E2308">
            <v>11307.611929999999</v>
          </cell>
          <cell r="F2308">
            <v>72588.246159999995</v>
          </cell>
          <cell r="H2308">
            <v>60036.546269999999</v>
          </cell>
          <cell r="I2308">
            <v>132624.79243</v>
          </cell>
        </row>
        <row r="2309">
          <cell r="A2309" t="str">
            <v>P410</v>
          </cell>
          <cell r="B2309">
            <v>18010.020069999999</v>
          </cell>
          <cell r="C2309">
            <v>0</v>
          </cell>
          <cell r="D2309">
            <v>2353.4643099999998</v>
          </cell>
          <cell r="E2309">
            <v>20363.484380000002</v>
          </cell>
          <cell r="F2309">
            <v>79867.466469999999</v>
          </cell>
          <cell r="H2309">
            <v>2289.9083999999998</v>
          </cell>
          <cell r="I2309">
            <v>82157.37487</v>
          </cell>
        </row>
        <row r="2310">
          <cell r="A2310" t="str">
            <v>P411</v>
          </cell>
          <cell r="B2310">
            <v>-1176.7321500000007</v>
          </cell>
          <cell r="C2310">
            <v>0</v>
          </cell>
          <cell r="D2310">
            <v>2353.4643099999998</v>
          </cell>
          <cell r="E2310">
            <v>1176.7321599999996</v>
          </cell>
          <cell r="F2310">
            <v>4785.3774299999995</v>
          </cell>
          <cell r="H2310">
            <v>2353.4643099999998</v>
          </cell>
          <cell r="I2310">
            <v>7138.8417399999998</v>
          </cell>
        </row>
        <row r="2311">
          <cell r="A2311" t="str">
            <v>P412</v>
          </cell>
          <cell r="B2311">
            <v>0</v>
          </cell>
          <cell r="C2311">
            <v>0</v>
          </cell>
          <cell r="D2311">
            <v>0</v>
          </cell>
          <cell r="E2311">
            <v>0</v>
          </cell>
          <cell r="F2311">
            <v>10616.921979999999</v>
          </cell>
          <cell r="I2311">
            <v>10616.921979999999</v>
          </cell>
        </row>
        <row r="2312">
          <cell r="A2312" t="str">
            <v>P413</v>
          </cell>
          <cell r="B2312">
            <v>19186.752220000002</v>
          </cell>
          <cell r="C2312">
            <v>0</v>
          </cell>
          <cell r="D2312">
            <v>0</v>
          </cell>
          <cell r="E2312">
            <v>19186.752219999995</v>
          </cell>
          <cell r="F2312">
            <v>64465.16706</v>
          </cell>
          <cell r="H2312">
            <v>-63.555909999999997</v>
          </cell>
          <cell r="I2312">
            <v>64401.611149999997</v>
          </cell>
        </row>
        <row r="2313">
          <cell r="A2313" t="str">
            <v>P420</v>
          </cell>
          <cell r="B2313">
            <v>-14392.52447</v>
          </cell>
          <cell r="C2313">
            <v>0</v>
          </cell>
          <cell r="D2313">
            <v>5336.6520200000014</v>
          </cell>
          <cell r="E2313">
            <v>-9055.8724499999953</v>
          </cell>
          <cell r="F2313">
            <v>-7279.2203099999997</v>
          </cell>
          <cell r="H2313">
            <v>57746.637869999999</v>
          </cell>
          <cell r="I2313">
            <v>50467.417560000002</v>
          </cell>
        </row>
        <row r="2314">
          <cell r="A2314" t="str">
            <v>P421</v>
          </cell>
          <cell r="B2314">
            <v>-3945.2020699999994</v>
          </cell>
          <cell r="C2314">
            <v>0</v>
          </cell>
          <cell r="D2314">
            <v>0</v>
          </cell>
          <cell r="E2314">
            <v>-3945.2020699999994</v>
          </cell>
          <cell r="F2314">
            <v>-42590.121330000002</v>
          </cell>
          <cell r="H2314">
            <v>-425.97719000000001</v>
          </cell>
          <cell r="I2314">
            <v>-43016.09852</v>
          </cell>
        </row>
        <row r="2315">
          <cell r="A2315" t="str">
            <v>P422</v>
          </cell>
          <cell r="B2315">
            <v>-10447.322400000005</v>
          </cell>
          <cell r="C2315">
            <v>0</v>
          </cell>
          <cell r="D2315">
            <v>5336.6520199999941</v>
          </cell>
          <cell r="E2315">
            <v>-5110.6703799999959</v>
          </cell>
          <cell r="F2315">
            <v>35310.901019999998</v>
          </cell>
          <cell r="H2315">
            <v>58172.615059999996</v>
          </cell>
          <cell r="I2315">
            <v>93483.516080000001</v>
          </cell>
        </row>
        <row r="2316">
          <cell r="A2316" t="str">
            <v>P8H</v>
          </cell>
          <cell r="B2316">
            <v>-23757.167379999999</v>
          </cell>
          <cell r="C2316">
            <v>2267.5186200000003</v>
          </cell>
          <cell r="D2316">
            <v>9152.2641900000162</v>
          </cell>
          <cell r="E2316">
            <v>-12337.384569999995</v>
          </cell>
          <cell r="F2316">
            <v>-419769.48489000002</v>
          </cell>
          <cell r="G2316">
            <v>3043.8623400000001</v>
          </cell>
          <cell r="H2316">
            <v>191123.54279000001</v>
          </cell>
          <cell r="I2316">
            <v>-225602.07975999999</v>
          </cell>
        </row>
        <row r="2317">
          <cell r="A2317" t="str">
            <v>P8</v>
          </cell>
          <cell r="B2317">
            <v>-23757.167379999999</v>
          </cell>
          <cell r="C2317">
            <v>2267.5186200000003</v>
          </cell>
          <cell r="D2317">
            <v>9152.2641900000162</v>
          </cell>
          <cell r="E2317">
            <v>-12337.384569999995</v>
          </cell>
          <cell r="F2317">
            <v>-419769.48489000002</v>
          </cell>
          <cell r="G2317">
            <v>3043.8623400000001</v>
          </cell>
          <cell r="H2317">
            <v>191123.54279000001</v>
          </cell>
          <cell r="I2317">
            <v>-225602.07975999999</v>
          </cell>
        </row>
        <row r="2318">
          <cell r="A2318" t="str">
            <v>P8</v>
          </cell>
          <cell r="B2318">
            <v>396012.31751000002</v>
          </cell>
          <cell r="C2318">
            <v>-776.34371999999996</v>
          </cell>
          <cell r="D2318">
            <v>-181971.27859999999</v>
          </cell>
          <cell r="E2318">
            <v>213264.69519</v>
          </cell>
          <cell r="F2318">
            <v>0</v>
          </cell>
          <cell r="G2318">
            <v>0</v>
          </cell>
          <cell r="H2318">
            <v>0</v>
          </cell>
          <cell r="I2318">
            <v>0</v>
          </cell>
        </row>
        <row r="2319">
          <cell r="A2319" t="str">
            <v>P5</v>
          </cell>
          <cell r="B2319">
            <v>-19573.640210000041</v>
          </cell>
          <cell r="C2319">
            <v>2267.3752599999998</v>
          </cell>
          <cell r="D2319">
            <v>12627.213820000004</v>
          </cell>
          <cell r="E2319">
            <v>-4679.0511300000071</v>
          </cell>
          <cell r="F2319">
            <v>-399322.27221000002</v>
          </cell>
          <cell r="G2319">
            <v>2976.16311</v>
          </cell>
          <cell r="H2319">
            <v>233636.54850999999</v>
          </cell>
          <cell r="I2319">
            <v>-162709.56059000001</v>
          </cell>
        </row>
        <row r="2320">
          <cell r="A2320" t="str">
            <v>P3</v>
          </cell>
          <cell r="B2320">
            <v>-23191.135810000007</v>
          </cell>
          <cell r="C2320">
            <v>2267.3752599999998</v>
          </cell>
          <cell r="D2320">
            <v>4937.0974900000147</v>
          </cell>
          <cell r="E2320">
            <v>-15986.663059999992</v>
          </cell>
          <cell r="F2320">
            <v>-471910.51837000001</v>
          </cell>
          <cell r="G2320">
            <v>2976.16311</v>
          </cell>
          <cell r="H2320">
            <v>173600.00224</v>
          </cell>
          <cell r="I2320">
            <v>-295334.35301999998</v>
          </cell>
        </row>
        <row r="2321">
          <cell r="A2321" t="str">
            <v>P2</v>
          </cell>
          <cell r="B2321">
            <v>-33062.86699000001</v>
          </cell>
          <cell r="C2321">
            <v>2267.5186199999998</v>
          </cell>
          <cell r="D2321">
            <v>1536.3471499999869</v>
          </cell>
          <cell r="E2321">
            <v>-29259.001220000035</v>
          </cell>
          <cell r="F2321">
            <v>-438139.69744000002</v>
          </cell>
          <cell r="G2321">
            <v>3056.5418599999998</v>
          </cell>
          <cell r="H2321">
            <v>138314.72527</v>
          </cell>
          <cell r="I2321">
            <v>-296768.43031000003</v>
          </cell>
        </row>
        <row r="2322">
          <cell r="A2322" t="str">
            <v>P100</v>
          </cell>
          <cell r="B2322">
            <v>-80758.110549999983</v>
          </cell>
          <cell r="C2322">
            <v>0</v>
          </cell>
          <cell r="D2322">
            <v>0</v>
          </cell>
          <cell r="E2322">
            <v>-80758.110549999983</v>
          </cell>
          <cell r="F2322">
            <v>-707646.75422</v>
          </cell>
          <cell r="H2322">
            <v>0</v>
          </cell>
          <cell r="I2322">
            <v>-707646.75422</v>
          </cell>
        </row>
        <row r="2323">
          <cell r="A2323" t="str">
            <v>P110</v>
          </cell>
          <cell r="B2323">
            <v>-80758.110549999983</v>
          </cell>
          <cell r="C2323">
            <v>0</v>
          </cell>
          <cell r="D2323">
            <v>0</v>
          </cell>
          <cell r="E2323">
            <v>-80758.110549999983</v>
          </cell>
          <cell r="F2323">
            <v>-707646.75419999997</v>
          </cell>
          <cell r="H2323">
            <v>0</v>
          </cell>
          <cell r="I2323">
            <v>-707646.75419999997</v>
          </cell>
        </row>
        <row r="2324">
          <cell r="A2324" t="str">
            <v>P111</v>
          </cell>
          <cell r="B2324">
            <v>-251.48188000000005</v>
          </cell>
          <cell r="C2324">
            <v>0</v>
          </cell>
          <cell r="D2324">
            <v>0</v>
          </cell>
          <cell r="E2324">
            <v>-251.48188000000005</v>
          </cell>
          <cell r="F2324">
            <v>-1719.6653200000001</v>
          </cell>
          <cell r="I2324">
            <v>-1719.6653200000001</v>
          </cell>
        </row>
        <row r="2325">
          <cell r="A2325" t="str">
            <v>P11102</v>
          </cell>
          <cell r="B2325">
            <v>-251.48188000000005</v>
          </cell>
          <cell r="C2325">
            <v>0</v>
          </cell>
          <cell r="D2325">
            <v>0</v>
          </cell>
          <cell r="E2325">
            <v>-251.48188000000005</v>
          </cell>
          <cell r="F2325">
            <v>-1719.6653200000001</v>
          </cell>
          <cell r="I2325">
            <v>-1719.6653200000001</v>
          </cell>
        </row>
        <row r="2326">
          <cell r="A2326" t="str">
            <v>P112</v>
          </cell>
          <cell r="B2326">
            <v>-122370.87818999996</v>
          </cell>
          <cell r="C2326">
            <v>0</v>
          </cell>
          <cell r="D2326">
            <v>0</v>
          </cell>
          <cell r="E2326">
            <v>-122370.87818999996</v>
          </cell>
          <cell r="F2326">
            <v>-737579.60967999999</v>
          </cell>
          <cell r="H2326">
            <v>0</v>
          </cell>
          <cell r="I2326">
            <v>-737579.60967999999</v>
          </cell>
        </row>
        <row r="2327">
          <cell r="A2327" t="str">
            <v>P11201</v>
          </cell>
          <cell r="B2327">
            <v>-122370.87818999996</v>
          </cell>
          <cell r="C2327">
            <v>0</v>
          </cell>
          <cell r="D2327">
            <v>0</v>
          </cell>
          <cell r="E2327">
            <v>-122370.87818999996</v>
          </cell>
          <cell r="F2327">
            <v>-737579.60967999999</v>
          </cell>
          <cell r="H2327">
            <v>0</v>
          </cell>
          <cell r="I2327">
            <v>-737579.60967999999</v>
          </cell>
        </row>
        <row r="2328">
          <cell r="A2328" t="str">
            <v>P113</v>
          </cell>
          <cell r="B2328">
            <v>11722.282609999998</v>
          </cell>
          <cell r="C2328">
            <v>0</v>
          </cell>
          <cell r="D2328">
            <v>0</v>
          </cell>
          <cell r="E2328">
            <v>11722.282609999998</v>
          </cell>
          <cell r="F2328">
            <v>2990.48758</v>
          </cell>
          <cell r="I2328">
            <v>2990.48758</v>
          </cell>
        </row>
        <row r="2329">
          <cell r="A2329" t="str">
            <v>P115</v>
          </cell>
          <cell r="B2329">
            <v>30141.966910000003</v>
          </cell>
          <cell r="C2329">
            <v>0</v>
          </cell>
          <cell r="D2329">
            <v>0</v>
          </cell>
          <cell r="E2329">
            <v>30141.966910000003</v>
          </cell>
          <cell r="F2329">
            <v>28662.033220000001</v>
          </cell>
          <cell r="I2329">
            <v>28662.033220000001</v>
          </cell>
        </row>
        <row r="2330">
          <cell r="A2330" t="str">
            <v>P120</v>
          </cell>
          <cell r="B2330">
            <v>0</v>
          </cell>
          <cell r="C2330">
            <v>0</v>
          </cell>
          <cell r="D2330">
            <v>0</v>
          </cell>
          <cell r="E2330">
            <v>0</v>
          </cell>
          <cell r="F2330">
            <v>-2.0000000000000002E-5</v>
          </cell>
          <cell r="I2330">
            <v>-2.0000000000000002E-5</v>
          </cell>
        </row>
        <row r="2331">
          <cell r="A2331" t="str">
            <v>P12002</v>
          </cell>
          <cell r="B2331">
            <v>0</v>
          </cell>
          <cell r="C2331">
            <v>0</v>
          </cell>
          <cell r="D2331">
            <v>0</v>
          </cell>
          <cell r="E2331">
            <v>0</v>
          </cell>
          <cell r="F2331">
            <v>-2.0000000000000002E-5</v>
          </cell>
          <cell r="I2331">
            <v>-2.0000000000000002E-5</v>
          </cell>
        </row>
        <row r="2332">
          <cell r="A2332" t="str">
            <v>P200</v>
          </cell>
          <cell r="B2332">
            <v>47695.243559999974</v>
          </cell>
          <cell r="C2332">
            <v>2267.5186199999998</v>
          </cell>
          <cell r="D2332">
            <v>1536.3471499999869</v>
          </cell>
          <cell r="E2332">
            <v>51499.109329999948</v>
          </cell>
          <cell r="F2332">
            <v>269507.05677999998</v>
          </cell>
          <cell r="G2332">
            <v>3056.5418599999998</v>
          </cell>
          <cell r="H2332">
            <v>138314.72527</v>
          </cell>
          <cell r="I2332">
            <v>410878.32390999998</v>
          </cell>
        </row>
        <row r="2333">
          <cell r="A2333" t="str">
            <v>P220</v>
          </cell>
          <cell r="B2333">
            <v>9600.5434800000003</v>
          </cell>
          <cell r="C2333">
            <v>0</v>
          </cell>
          <cell r="D2333">
            <v>0</v>
          </cell>
          <cell r="E2333">
            <v>9600.5434800000003</v>
          </cell>
          <cell r="F2333">
            <v>74383.558239999998</v>
          </cell>
          <cell r="I2333">
            <v>74383.558239999998</v>
          </cell>
        </row>
        <row r="2334">
          <cell r="A2334" t="str">
            <v>P220</v>
          </cell>
          <cell r="B2334">
            <v>-64783.014759999998</v>
          </cell>
          <cell r="C2334">
            <v>0</v>
          </cell>
          <cell r="D2334">
            <v>0</v>
          </cell>
          <cell r="E2334">
            <v>-64783.014759999998</v>
          </cell>
        </row>
        <row r="2335">
          <cell r="A2335" t="str">
            <v>P22001</v>
          </cell>
          <cell r="B2335">
            <v>9526.8221699999995</v>
          </cell>
          <cell r="C2335">
            <v>0</v>
          </cell>
          <cell r="D2335">
            <v>0</v>
          </cell>
          <cell r="E2335">
            <v>9526.8221699999995</v>
          </cell>
          <cell r="F2335">
            <v>73950.151740000001</v>
          </cell>
          <cell r="I2335">
            <v>73950.151740000001</v>
          </cell>
        </row>
        <row r="2336">
          <cell r="A2336" t="str">
            <v>P22002</v>
          </cell>
          <cell r="B2336">
            <v>73.721310000000017</v>
          </cell>
          <cell r="C2336">
            <v>0</v>
          </cell>
          <cell r="D2336">
            <v>0</v>
          </cell>
          <cell r="E2336">
            <v>73.721310000000017</v>
          </cell>
          <cell r="F2336">
            <v>433.40649999999999</v>
          </cell>
          <cell r="I2336">
            <v>433.40649999999999</v>
          </cell>
        </row>
        <row r="2337">
          <cell r="A2337" t="str">
            <v>P230</v>
          </cell>
          <cell r="B2337">
            <v>14370.087220000001</v>
          </cell>
          <cell r="C2337">
            <v>234.78764999999999</v>
          </cell>
          <cell r="D2337">
            <v>863.00286000000051</v>
          </cell>
          <cell r="E2337">
            <v>15467.877730000007</v>
          </cell>
          <cell r="F2337">
            <v>77468.51771</v>
          </cell>
          <cell r="G2337">
            <v>815.29872</v>
          </cell>
          <cell r="H2337">
            <v>23594.61923</v>
          </cell>
          <cell r="I2337">
            <v>101878.43566</v>
          </cell>
        </row>
        <row r="2338">
          <cell r="A2338" t="str">
            <v>P231</v>
          </cell>
          <cell r="B2338">
            <v>2600.1116299999994</v>
          </cell>
          <cell r="C2338">
            <v>0</v>
          </cell>
          <cell r="D2338">
            <v>0</v>
          </cell>
          <cell r="E2338">
            <v>2600.1116299999994</v>
          </cell>
          <cell r="F2338">
            <v>20924.371999999999</v>
          </cell>
          <cell r="I2338">
            <v>20924.371999999999</v>
          </cell>
        </row>
        <row r="2339">
          <cell r="A2339" t="str">
            <v>P232</v>
          </cell>
          <cell r="B2339">
            <v>2664.9919900000004</v>
          </cell>
          <cell r="C2339">
            <v>0</v>
          </cell>
          <cell r="D2339">
            <v>0</v>
          </cell>
          <cell r="E2339">
            <v>2664.9919900000004</v>
          </cell>
          <cell r="F2339">
            <v>7232.14174</v>
          </cell>
          <cell r="I2339">
            <v>7232.14174</v>
          </cell>
        </row>
        <row r="2340">
          <cell r="A2340" t="str">
            <v>P233</v>
          </cell>
          <cell r="B2340">
            <v>2523.6571000000004</v>
          </cell>
          <cell r="C2340">
            <v>0</v>
          </cell>
          <cell r="D2340">
            <v>0</v>
          </cell>
          <cell r="E2340">
            <v>2523.6571000000004</v>
          </cell>
          <cell r="F2340">
            <v>32388.5272</v>
          </cell>
          <cell r="I2340">
            <v>32388.5272</v>
          </cell>
        </row>
        <row r="2341">
          <cell r="A2341" t="str">
            <v>P235</v>
          </cell>
          <cell r="B2341">
            <v>5439.7903299999998</v>
          </cell>
          <cell r="C2341">
            <v>67.976040000000012</v>
          </cell>
          <cell r="D2341">
            <v>-32.442849999999993</v>
          </cell>
          <cell r="E2341">
            <v>5475.3235199999999</v>
          </cell>
          <cell r="F2341">
            <v>13309.08742</v>
          </cell>
          <cell r="G2341">
            <v>617.76076999999998</v>
          </cell>
          <cell r="H2341">
            <v>85.958950000000002</v>
          </cell>
          <cell r="I2341">
            <v>14012.807140000001</v>
          </cell>
        </row>
        <row r="2342">
          <cell r="A2342" t="str">
            <v>P236</v>
          </cell>
          <cell r="B2342">
            <v>1141.5361699999999</v>
          </cell>
          <cell r="C2342">
            <v>166.81161</v>
          </cell>
          <cell r="D2342">
            <v>1114.7206100000003</v>
          </cell>
          <cell r="E2342">
            <v>2423.0683900000004</v>
          </cell>
          <cell r="F2342">
            <v>3658.3369499999999</v>
          </cell>
          <cell r="G2342">
            <v>216.76185000000001</v>
          </cell>
          <cell r="H2342">
            <v>20329.421320000001</v>
          </cell>
          <cell r="I2342">
            <v>24204.520120000001</v>
          </cell>
        </row>
        <row r="2343">
          <cell r="A2343" t="str">
            <v>P237</v>
          </cell>
          <cell r="B2343">
            <v>0</v>
          </cell>
          <cell r="C2343">
            <v>0</v>
          </cell>
          <cell r="D2343">
            <v>-219.27489999999989</v>
          </cell>
          <cell r="E2343">
            <v>-219.27489999999989</v>
          </cell>
          <cell r="F2343">
            <v>-36.95579</v>
          </cell>
          <cell r="G2343">
            <v>-19.2239</v>
          </cell>
          <cell r="H2343">
            <v>3179.2389600000001</v>
          </cell>
          <cell r="I2343">
            <v>3123.0592700000002</v>
          </cell>
        </row>
        <row r="2344">
          <cell r="A2344" t="str">
            <v>P238</v>
          </cell>
          <cell r="B2344">
            <v>0</v>
          </cell>
          <cell r="C2344">
            <v>0</v>
          </cell>
          <cell r="D2344">
            <v>0</v>
          </cell>
          <cell r="E2344">
            <v>0</v>
          </cell>
          <cell r="F2344">
            <v>-6.9918100000000001</v>
          </cell>
          <cell r="I2344">
            <v>-6.9918100000000001</v>
          </cell>
        </row>
        <row r="2345">
          <cell r="A2345" t="str">
            <v>P240</v>
          </cell>
          <cell r="B2345">
            <v>1881.4051300000001</v>
          </cell>
          <cell r="C2345">
            <v>474.29255000000001</v>
          </cell>
          <cell r="D2345">
            <v>168.39197000000013</v>
          </cell>
          <cell r="E2345">
            <v>2524.0896499999999</v>
          </cell>
          <cell r="F2345">
            <v>7063.6554800000004</v>
          </cell>
          <cell r="G2345">
            <v>922.83050000000003</v>
          </cell>
          <cell r="H2345">
            <v>3658.3300800000002</v>
          </cell>
          <cell r="I2345">
            <v>11644.816059999999</v>
          </cell>
        </row>
        <row r="2346">
          <cell r="A2346" t="str">
            <v>P241</v>
          </cell>
          <cell r="B2346">
            <v>48.58867</v>
          </cell>
          <cell r="C2346">
            <v>0</v>
          </cell>
          <cell r="D2346">
            <v>0</v>
          </cell>
          <cell r="E2346">
            <v>48.58867</v>
          </cell>
          <cell r="F2346">
            <v>82.407240000000002</v>
          </cell>
          <cell r="I2346">
            <v>82.407240000000002</v>
          </cell>
        </row>
        <row r="2347">
          <cell r="A2347" t="str">
            <v>P24102</v>
          </cell>
          <cell r="B2347">
            <v>48.58867</v>
          </cell>
          <cell r="C2347">
            <v>0</v>
          </cell>
          <cell r="D2347">
            <v>0</v>
          </cell>
          <cell r="E2347">
            <v>48.58867</v>
          </cell>
          <cell r="F2347">
            <v>82.407240000000002</v>
          </cell>
          <cell r="I2347">
            <v>82.407240000000002</v>
          </cell>
        </row>
        <row r="2348">
          <cell r="A2348" t="str">
            <v>P242</v>
          </cell>
          <cell r="B2348">
            <v>1815.0208700000003</v>
          </cell>
          <cell r="C2348">
            <v>0</v>
          </cell>
          <cell r="D2348">
            <v>0</v>
          </cell>
          <cell r="E2348">
            <v>1815.0208700000003</v>
          </cell>
          <cell r="F2348">
            <v>6925.5663199999999</v>
          </cell>
          <cell r="I2348">
            <v>6925.5663199999999</v>
          </cell>
        </row>
        <row r="2349">
          <cell r="A2349" t="str">
            <v>P243</v>
          </cell>
          <cell r="B2349">
            <v>0</v>
          </cell>
          <cell r="C2349">
            <v>472.70472000000007</v>
          </cell>
          <cell r="D2349">
            <v>627.11472999999978</v>
          </cell>
          <cell r="E2349">
            <v>1099.81945</v>
          </cell>
          <cell r="G2349">
            <v>1042.1920600000001</v>
          </cell>
          <cell r="H2349">
            <v>3386.77126</v>
          </cell>
          <cell r="I2349">
            <v>4428.9633199999998</v>
          </cell>
        </row>
        <row r="2350">
          <cell r="A2350" t="str">
            <v>P24310</v>
          </cell>
          <cell r="B2350">
            <v>0</v>
          </cell>
          <cell r="C2350">
            <v>472.70472000000007</v>
          </cell>
          <cell r="D2350">
            <v>47.932150000000036</v>
          </cell>
          <cell r="E2350">
            <v>520.63686999999993</v>
          </cell>
          <cell r="G2350">
            <v>1042.1920600000001</v>
          </cell>
          <cell r="H2350">
            <v>267.14577000000003</v>
          </cell>
          <cell r="I2350">
            <v>1309.3378299999999</v>
          </cell>
        </row>
        <row r="2351">
          <cell r="A2351" t="str">
            <v>P24311</v>
          </cell>
          <cell r="B2351">
            <v>0</v>
          </cell>
          <cell r="C2351">
            <v>472.70472000000007</v>
          </cell>
          <cell r="D2351">
            <v>47.932150000000036</v>
          </cell>
          <cell r="E2351">
            <v>520.63686999999993</v>
          </cell>
          <cell r="G2351">
            <v>1042.1920600000001</v>
          </cell>
          <cell r="H2351">
            <v>267.14577000000003</v>
          </cell>
          <cell r="I2351">
            <v>1309.3378299999999</v>
          </cell>
        </row>
        <row r="2352">
          <cell r="A2352" t="str">
            <v>P24320</v>
          </cell>
          <cell r="B2352">
            <v>0</v>
          </cell>
          <cell r="C2352">
            <v>0</v>
          </cell>
          <cell r="D2352">
            <v>579.18257999999969</v>
          </cell>
          <cell r="E2352">
            <v>579.18257999999969</v>
          </cell>
          <cell r="H2352">
            <v>3119.6254899999999</v>
          </cell>
          <cell r="I2352">
            <v>3119.6254899999999</v>
          </cell>
        </row>
        <row r="2353">
          <cell r="A2353" t="str">
            <v>P24313</v>
          </cell>
          <cell r="B2353">
            <v>0</v>
          </cell>
          <cell r="C2353">
            <v>0</v>
          </cell>
          <cell r="D2353">
            <v>579.18257999999969</v>
          </cell>
          <cell r="E2353">
            <v>579.18257999999969</v>
          </cell>
          <cell r="H2353">
            <v>3119.6254899999999</v>
          </cell>
          <cell r="I2353">
            <v>3119.6254899999999</v>
          </cell>
        </row>
        <row r="2354">
          <cell r="A2354" t="str">
            <v>P244P</v>
          </cell>
          <cell r="B2354">
            <v>17.795589999999997</v>
          </cell>
          <cell r="C2354">
            <v>1.5878299999999967</v>
          </cell>
          <cell r="D2354">
            <v>-458.72275999999994</v>
          </cell>
          <cell r="E2354">
            <v>-439.33933999999999</v>
          </cell>
          <cell r="F2354">
            <v>55.681919999999998</v>
          </cell>
          <cell r="G2354">
            <v>-119.36156</v>
          </cell>
          <cell r="H2354">
            <v>271.55882000000003</v>
          </cell>
          <cell r="I2354">
            <v>207.87917999999999</v>
          </cell>
        </row>
        <row r="2355">
          <cell r="A2355" t="str">
            <v>P24401</v>
          </cell>
          <cell r="B2355">
            <v>17.795589999999997</v>
          </cell>
          <cell r="C2355">
            <v>1.5878299999999967</v>
          </cell>
          <cell r="D2355">
            <v>-458.72275999999994</v>
          </cell>
          <cell r="E2355">
            <v>-439.33933999999999</v>
          </cell>
          <cell r="F2355">
            <v>55.681919999999998</v>
          </cell>
          <cell r="G2355">
            <v>-119.36156</v>
          </cell>
          <cell r="H2355">
            <v>271.55882000000003</v>
          </cell>
          <cell r="I2355">
            <v>207.87917999999999</v>
          </cell>
        </row>
        <row r="2356">
          <cell r="A2356" t="str">
            <v>P250</v>
          </cell>
          <cell r="B2356">
            <v>1703.5312799999992</v>
          </cell>
          <cell r="C2356">
            <v>1505.0847100000001</v>
          </cell>
          <cell r="D2356">
            <v>0</v>
          </cell>
          <cell r="E2356">
            <v>3208.6159900000002</v>
          </cell>
          <cell r="F2356">
            <v>10755.14279</v>
          </cell>
          <cell r="G2356">
            <v>5156.8495000000003</v>
          </cell>
          <cell r="I2356">
            <v>15911.99229</v>
          </cell>
        </row>
        <row r="2357">
          <cell r="A2357" t="str">
            <v>P251</v>
          </cell>
          <cell r="B2357">
            <v>1725.0906400000003</v>
          </cell>
          <cell r="C2357">
            <v>1505.0847100000001</v>
          </cell>
          <cell r="D2357">
            <v>0</v>
          </cell>
          <cell r="E2357">
            <v>3230.1753499999995</v>
          </cell>
          <cell r="F2357">
            <v>10099.46385</v>
          </cell>
          <cell r="G2357">
            <v>5156.8495000000003</v>
          </cell>
          <cell r="I2357">
            <v>15256.31335</v>
          </cell>
        </row>
        <row r="2358">
          <cell r="A2358" t="str">
            <v>P253</v>
          </cell>
          <cell r="B2358">
            <v>-21.55935999999997</v>
          </cell>
          <cell r="C2358">
            <v>0</v>
          </cell>
          <cell r="D2358">
            <v>0</v>
          </cell>
          <cell r="E2358">
            <v>-21.55935999999997</v>
          </cell>
          <cell r="F2358">
            <v>655.67894000000001</v>
          </cell>
          <cell r="I2358">
            <v>655.67894000000001</v>
          </cell>
        </row>
        <row r="2359">
          <cell r="A2359" t="str">
            <v>P260</v>
          </cell>
          <cell r="B2359">
            <v>20642.743270000006</v>
          </cell>
          <cell r="C2359">
            <v>46.291380000000004</v>
          </cell>
          <cell r="D2359">
            <v>69.180610000000001</v>
          </cell>
          <cell r="E2359">
            <v>20758.215259999997</v>
          </cell>
          <cell r="F2359">
            <v>152464.70634999999</v>
          </cell>
          <cell r="G2359">
            <v>279.00069999999999</v>
          </cell>
          <cell r="H2359">
            <v>392.89132999999998</v>
          </cell>
          <cell r="I2359">
            <v>153136.59838000001</v>
          </cell>
        </row>
        <row r="2360">
          <cell r="A2360" t="str">
            <v>P261</v>
          </cell>
          <cell r="B2360">
            <v>20642.742270000017</v>
          </cell>
          <cell r="C2360">
            <v>46.291380000000004</v>
          </cell>
          <cell r="D2360">
            <v>69.180610000000001</v>
          </cell>
          <cell r="E2360">
            <v>20758.214259999979</v>
          </cell>
          <cell r="F2360">
            <v>152464.70535</v>
          </cell>
          <cell r="G2360">
            <v>279.00069999999999</v>
          </cell>
          <cell r="H2360">
            <v>392.89132999999998</v>
          </cell>
          <cell r="I2360">
            <v>153136.59737999999</v>
          </cell>
        </row>
        <row r="2361">
          <cell r="A2361" t="str">
            <v>P26101</v>
          </cell>
          <cell r="B2361">
            <v>16732.155560000014</v>
          </cell>
          <cell r="C2361">
            <v>46.291380000000004</v>
          </cell>
          <cell r="D2361">
            <v>69.180610000000001</v>
          </cell>
          <cell r="E2361">
            <v>16847.62754999999</v>
          </cell>
          <cell r="F2361">
            <v>117110.45248000001</v>
          </cell>
          <cell r="G2361">
            <v>279.00069999999999</v>
          </cell>
          <cell r="H2361">
            <v>392.89132999999998</v>
          </cell>
          <cell r="I2361">
            <v>117782.34451</v>
          </cell>
        </row>
        <row r="2362">
          <cell r="A2362" t="str">
            <v>P26105</v>
          </cell>
          <cell r="B2362">
            <v>3910.5867099999959</v>
          </cell>
          <cell r="C2362">
            <v>0</v>
          </cell>
          <cell r="D2362">
            <v>0</v>
          </cell>
          <cell r="E2362">
            <v>3910.5867099999959</v>
          </cell>
          <cell r="F2362">
            <v>35354.252869999997</v>
          </cell>
          <cell r="I2362">
            <v>35354.252869999997</v>
          </cell>
        </row>
        <row r="2363">
          <cell r="A2363" t="str">
            <v>P263</v>
          </cell>
          <cell r="B2363">
            <v>1E-3</v>
          </cell>
          <cell r="C2363">
            <v>0</v>
          </cell>
          <cell r="D2363">
            <v>0</v>
          </cell>
          <cell r="E2363">
            <v>1E-3</v>
          </cell>
          <cell r="F2363">
            <v>1E-3</v>
          </cell>
          <cell r="I2363">
            <v>1E-3</v>
          </cell>
        </row>
        <row r="2364">
          <cell r="A2364" t="str">
            <v>P26301</v>
          </cell>
          <cell r="B2364">
            <v>1E-3</v>
          </cell>
          <cell r="C2364">
            <v>0</v>
          </cell>
          <cell r="D2364">
            <v>0</v>
          </cell>
          <cell r="E2364">
            <v>1E-3</v>
          </cell>
          <cell r="F2364">
            <v>1E-3</v>
          </cell>
          <cell r="I2364">
            <v>1E-3</v>
          </cell>
        </row>
        <row r="2365">
          <cell r="A2365" t="str">
            <v>P275</v>
          </cell>
          <cell r="B2365">
            <v>-503.06682000000001</v>
          </cell>
          <cell r="C2365">
            <v>7.0623299999997471</v>
          </cell>
          <cell r="D2365">
            <v>361.57241999999678</v>
          </cell>
          <cell r="E2365">
            <v>-134.43206999999529</v>
          </cell>
          <cell r="F2365">
            <v>-52628.523789999999</v>
          </cell>
          <cell r="G2365">
            <v>-4117.4375600000003</v>
          </cell>
          <cell r="H2365">
            <v>103015.17869</v>
          </cell>
          <cell r="I2365">
            <v>46269.217340000003</v>
          </cell>
        </row>
        <row r="2366">
          <cell r="A2366" t="str">
            <v>P280</v>
          </cell>
          <cell r="B2366">
            <v>0</v>
          </cell>
          <cell r="C2366">
            <v>0</v>
          </cell>
          <cell r="D2366">
            <v>74.199289999999564</v>
          </cell>
          <cell r="E2366">
            <v>74.199289999999564</v>
          </cell>
          <cell r="H2366">
            <v>7653.7059399999998</v>
          </cell>
          <cell r="I2366">
            <v>7653.7059399999998</v>
          </cell>
        </row>
        <row r="2367">
          <cell r="A2367" t="str">
            <v>P300</v>
          </cell>
          <cell r="B2367">
            <v>9871.7311799999952</v>
          </cell>
          <cell r="C2367">
            <v>-0.14336000000000126</v>
          </cell>
          <cell r="D2367">
            <v>3400.7503399999987</v>
          </cell>
          <cell r="E2367">
            <v>13272.338159999999</v>
          </cell>
          <cell r="F2367">
            <v>-33770.820930000002</v>
          </cell>
          <cell r="G2367">
            <v>-80.378749999999997</v>
          </cell>
          <cell r="H2367">
            <v>35285.276969999999</v>
          </cell>
          <cell r="I2367">
            <v>1434.0772899999999</v>
          </cell>
        </row>
        <row r="2368">
          <cell r="A2368" t="str">
            <v>P340</v>
          </cell>
          <cell r="B2368">
            <v>0</v>
          </cell>
          <cell r="C2368">
            <v>0</v>
          </cell>
          <cell r="D2368">
            <v>0</v>
          </cell>
          <cell r="E2368">
            <v>0</v>
          </cell>
          <cell r="F2368">
            <v>-96649.244600000005</v>
          </cell>
          <cell r="G2368">
            <v>-12.67952</v>
          </cell>
          <cell r="I2368">
            <v>-96661.924119999996</v>
          </cell>
        </row>
        <row r="2369">
          <cell r="A2369" t="str">
            <v>P342</v>
          </cell>
          <cell r="B2369">
            <v>0</v>
          </cell>
          <cell r="C2369">
            <v>0</v>
          </cell>
          <cell r="D2369">
            <v>0</v>
          </cell>
          <cell r="E2369">
            <v>0</v>
          </cell>
          <cell r="F2369">
            <v>-96649.244600000005</v>
          </cell>
          <cell r="G2369">
            <v>-12.67952</v>
          </cell>
          <cell r="I2369">
            <v>-96661.924119999996</v>
          </cell>
        </row>
        <row r="2370">
          <cell r="A2370" t="str">
            <v>P26103</v>
          </cell>
          <cell r="B2370">
            <v>0</v>
          </cell>
          <cell r="C2370">
            <v>0</v>
          </cell>
          <cell r="D2370">
            <v>0</v>
          </cell>
          <cell r="E2370">
            <v>0</v>
          </cell>
          <cell r="F2370">
            <v>-96649.244600000005</v>
          </cell>
          <cell r="G2370">
            <v>-12.67952</v>
          </cell>
          <cell r="I2370">
            <v>-96661.924119999996</v>
          </cell>
        </row>
        <row r="2371">
          <cell r="A2371" t="str">
            <v>P26302</v>
          </cell>
          <cell r="B2371">
            <v>0</v>
          </cell>
          <cell r="C2371">
            <v>0</v>
          </cell>
          <cell r="D2371">
            <v>0</v>
          </cell>
          <cell r="E2371">
            <v>0</v>
          </cell>
        </row>
        <row r="2372">
          <cell r="A2372" t="str">
            <v>P310</v>
          </cell>
          <cell r="B2372">
            <v>-0.29289000000000004</v>
          </cell>
          <cell r="C2372">
            <v>0</v>
          </cell>
          <cell r="D2372">
            <v>-31.45987999999943</v>
          </cell>
          <cell r="E2372">
            <v>-31.752770000000055</v>
          </cell>
          <cell r="F2372">
            <v>-0.29803000000000002</v>
          </cell>
          <cell r="H2372">
            <v>-6284.0358399999996</v>
          </cell>
          <cell r="I2372">
            <v>-6284.3338700000004</v>
          </cell>
        </row>
        <row r="2373">
          <cell r="A2373" t="str">
            <v>P311</v>
          </cell>
          <cell r="B2373">
            <v>-0.29289000000000004</v>
          </cell>
          <cell r="C2373">
            <v>0</v>
          </cell>
          <cell r="D2373">
            <v>-31.45987999999943</v>
          </cell>
          <cell r="E2373">
            <v>-31.752770000000055</v>
          </cell>
          <cell r="F2373">
            <v>-0.29803000000000002</v>
          </cell>
          <cell r="H2373">
            <v>-6284.0358399999996</v>
          </cell>
          <cell r="I2373">
            <v>-6284.3338700000004</v>
          </cell>
        </row>
        <row r="2374">
          <cell r="A2374" t="str">
            <v>P320</v>
          </cell>
          <cell r="B2374">
            <v>9831.1128700000045</v>
          </cell>
          <cell r="C2374">
            <v>0</v>
          </cell>
          <cell r="D2374">
            <v>3847.8375100000012</v>
          </cell>
          <cell r="E2374">
            <v>13678.950379999995</v>
          </cell>
          <cell r="F2374">
            <v>62995.066440000002</v>
          </cell>
          <cell r="G2374">
            <v>7.2700000000000004E-3</v>
          </cell>
          <cell r="H2374">
            <v>24654.93562</v>
          </cell>
          <cell r="I2374">
            <v>87650.009330000001</v>
          </cell>
        </row>
        <row r="2375">
          <cell r="A2375" t="str">
            <v>P321</v>
          </cell>
          <cell r="B2375">
            <v>996.49423999999999</v>
          </cell>
          <cell r="C2375">
            <v>0</v>
          </cell>
          <cell r="D2375">
            <v>3731.9094399999994</v>
          </cell>
          <cell r="E2375">
            <v>4728.4036799999994</v>
          </cell>
          <cell r="F2375">
            <v>6374.1581100000003</v>
          </cell>
          <cell r="H2375">
            <v>22786.41705</v>
          </cell>
          <cell r="I2375">
            <v>29160.57516</v>
          </cell>
        </row>
        <row r="2376">
          <cell r="A2376" t="str">
            <v>P32103</v>
          </cell>
          <cell r="B2376">
            <v>1008.6058699999994</v>
          </cell>
          <cell r="C2376">
            <v>0</v>
          </cell>
          <cell r="D2376">
            <v>3731.9094399999994</v>
          </cell>
          <cell r="E2376">
            <v>4740.5153099999989</v>
          </cell>
          <cell r="F2376">
            <v>6546.2818399999996</v>
          </cell>
          <cell r="H2376">
            <v>22786.41705</v>
          </cell>
          <cell r="I2376">
            <v>29332.69889</v>
          </cell>
        </row>
        <row r="2377">
          <cell r="A2377" t="str">
            <v>P32104</v>
          </cell>
          <cell r="B2377">
            <v>-12.111629999999991</v>
          </cell>
          <cell r="C2377">
            <v>0</v>
          </cell>
          <cell r="D2377">
            <v>0</v>
          </cell>
          <cell r="E2377">
            <v>-12.111629999999991</v>
          </cell>
          <cell r="F2377">
            <v>-172.12372999999999</v>
          </cell>
          <cell r="I2377">
            <v>-172.12372999999999</v>
          </cell>
        </row>
        <row r="2378">
          <cell r="A2378" t="str">
            <v>P322</v>
          </cell>
          <cell r="B2378">
            <v>7582.988320000004</v>
          </cell>
          <cell r="C2378">
            <v>0</v>
          </cell>
          <cell r="D2378">
            <v>115.92806999999993</v>
          </cell>
          <cell r="E2378">
            <v>7698.9163899999985</v>
          </cell>
          <cell r="F2378">
            <v>47408.934690000002</v>
          </cell>
          <cell r="G2378">
            <v>7.2700000000000004E-3</v>
          </cell>
          <cell r="H2378">
            <v>1868.51857</v>
          </cell>
          <cell r="I2378">
            <v>49277.460529999997</v>
          </cell>
        </row>
        <row r="2379">
          <cell r="A2379" t="str">
            <v>P323</v>
          </cell>
          <cell r="B2379">
            <v>-491.37162999999998</v>
          </cell>
          <cell r="C2379">
            <v>0</v>
          </cell>
          <cell r="D2379">
            <v>0</v>
          </cell>
          <cell r="E2379">
            <v>-491.37162999999998</v>
          </cell>
          <cell r="F2379">
            <v>-1246.038</v>
          </cell>
          <cell r="I2379">
            <v>-1246.038</v>
          </cell>
        </row>
        <row r="2380">
          <cell r="A2380" t="str">
            <v>P324</v>
          </cell>
          <cell r="B2380">
            <v>1743.0019400000001</v>
          </cell>
          <cell r="C2380">
            <v>0</v>
          </cell>
          <cell r="D2380">
            <v>0</v>
          </cell>
          <cell r="E2380">
            <v>1743.0019400000001</v>
          </cell>
          <cell r="F2380">
            <v>10458.011640000001</v>
          </cell>
          <cell r="I2380">
            <v>10458.011640000001</v>
          </cell>
        </row>
        <row r="2381">
          <cell r="A2381" t="str">
            <v>P330</v>
          </cell>
          <cell r="B2381">
            <v>40.911200000000008</v>
          </cell>
          <cell r="C2381">
            <v>-0.14336000000000126</v>
          </cell>
          <cell r="D2381">
            <v>-415.62729000000036</v>
          </cell>
          <cell r="E2381">
            <v>-374.85944999999992</v>
          </cell>
          <cell r="F2381">
            <v>-116.34474</v>
          </cell>
          <cell r="G2381">
            <v>-67.706500000000005</v>
          </cell>
          <cell r="H2381">
            <v>16914.377189999999</v>
          </cell>
          <cell r="I2381">
            <v>16730.325949999999</v>
          </cell>
        </row>
        <row r="2382">
          <cell r="A2382" t="str">
            <v>P331</v>
          </cell>
          <cell r="B2382">
            <v>0</v>
          </cell>
          <cell r="C2382">
            <v>0</v>
          </cell>
          <cell r="D2382">
            <v>-141.91924000000017</v>
          </cell>
          <cell r="E2382">
            <v>-141.91924000000017</v>
          </cell>
          <cell r="F2382">
            <v>-2.0000000000000001E-4</v>
          </cell>
          <cell r="H2382">
            <v>5451.6717399999998</v>
          </cell>
          <cell r="I2382">
            <v>5451.6715400000003</v>
          </cell>
        </row>
        <row r="2383">
          <cell r="A2383" t="str">
            <v>P333</v>
          </cell>
          <cell r="B2383">
            <v>1.57542</v>
          </cell>
          <cell r="C2383">
            <v>0</v>
          </cell>
          <cell r="D2383">
            <v>-483.60261999999784</v>
          </cell>
          <cell r="E2383">
            <v>-482.02720000000045</v>
          </cell>
          <cell r="F2383">
            <v>1.57542</v>
          </cell>
          <cell r="H2383">
            <v>19489.957040000001</v>
          </cell>
          <cell r="I2383">
            <v>19491.532459999999</v>
          </cell>
        </row>
        <row r="2384">
          <cell r="A2384" t="str">
            <v>P338</v>
          </cell>
          <cell r="B2384">
            <v>39.33578</v>
          </cell>
          <cell r="C2384">
            <v>-0.14336000000000126</v>
          </cell>
          <cell r="D2384">
            <v>209.89457000000039</v>
          </cell>
          <cell r="E2384">
            <v>249.08698999999979</v>
          </cell>
          <cell r="F2384">
            <v>-117.91996</v>
          </cell>
          <cell r="G2384">
            <v>-67.706500000000005</v>
          </cell>
          <cell r="H2384">
            <v>-8027.2515899999999</v>
          </cell>
          <cell r="I2384">
            <v>-8212.8780499999993</v>
          </cell>
        </row>
        <row r="2385">
          <cell r="A2385" t="str">
            <v>P400</v>
          </cell>
          <cell r="B2385">
            <v>3617.4955999999947</v>
          </cell>
          <cell r="C2385">
            <v>0</v>
          </cell>
          <cell r="D2385">
            <v>7690.1163299999971</v>
          </cell>
          <cell r="E2385">
            <v>11307.611929999999</v>
          </cell>
          <cell r="F2385">
            <v>72588.246159999995</v>
          </cell>
          <cell r="H2385">
            <v>60036.546269999999</v>
          </cell>
          <cell r="I2385">
            <v>132624.79243</v>
          </cell>
        </row>
        <row r="2386">
          <cell r="A2386" t="str">
            <v>P410</v>
          </cell>
          <cell r="B2386">
            <v>18010.020069999999</v>
          </cell>
          <cell r="C2386">
            <v>0</v>
          </cell>
          <cell r="D2386">
            <v>2353.4643099999998</v>
          </cell>
          <cell r="E2386">
            <v>20363.484380000002</v>
          </cell>
          <cell r="F2386">
            <v>79867.466469999999</v>
          </cell>
          <cell r="H2386">
            <v>2289.9083999999998</v>
          </cell>
          <cell r="I2386">
            <v>82157.37487</v>
          </cell>
        </row>
        <row r="2387">
          <cell r="A2387" t="str">
            <v>P411</v>
          </cell>
          <cell r="B2387">
            <v>-1176.7321500000007</v>
          </cell>
          <cell r="C2387">
            <v>0</v>
          </cell>
          <cell r="D2387">
            <v>2353.4643099999998</v>
          </cell>
          <cell r="E2387">
            <v>1176.7321599999996</v>
          </cell>
          <cell r="F2387">
            <v>4785.3774299999995</v>
          </cell>
          <cell r="H2387">
            <v>2353.4643099999998</v>
          </cell>
          <cell r="I2387">
            <v>7138.8417399999998</v>
          </cell>
        </row>
        <row r="2388">
          <cell r="A2388" t="str">
            <v>P412</v>
          </cell>
          <cell r="B2388">
            <v>0</v>
          </cell>
          <cell r="C2388">
            <v>0</v>
          </cell>
          <cell r="D2388">
            <v>0</v>
          </cell>
          <cell r="E2388">
            <v>0</v>
          </cell>
          <cell r="F2388">
            <v>10616.921979999999</v>
          </cell>
          <cell r="I2388">
            <v>10616.921979999999</v>
          </cell>
        </row>
        <row r="2389">
          <cell r="A2389" t="str">
            <v>P413</v>
          </cell>
          <cell r="B2389">
            <v>19186.752220000002</v>
          </cell>
          <cell r="C2389">
            <v>0</v>
          </cell>
          <cell r="D2389">
            <v>0</v>
          </cell>
          <cell r="E2389">
            <v>19186.752219999995</v>
          </cell>
          <cell r="F2389">
            <v>64465.16706</v>
          </cell>
          <cell r="H2389">
            <v>-63.555909999999997</v>
          </cell>
          <cell r="I2389">
            <v>64401.611149999997</v>
          </cell>
        </row>
        <row r="2390">
          <cell r="A2390" t="str">
            <v>P420</v>
          </cell>
          <cell r="B2390">
            <v>-14392.52447</v>
          </cell>
          <cell r="C2390">
            <v>0</v>
          </cell>
          <cell r="D2390">
            <v>5336.6520200000014</v>
          </cell>
          <cell r="E2390">
            <v>-9055.8724499999953</v>
          </cell>
          <cell r="F2390">
            <v>-7279.2203099999997</v>
          </cell>
          <cell r="H2390">
            <v>57746.637869999999</v>
          </cell>
          <cell r="I2390">
            <v>50467.417560000002</v>
          </cell>
        </row>
        <row r="2391">
          <cell r="A2391" t="str">
            <v>P421</v>
          </cell>
          <cell r="B2391">
            <v>-3945.2020699999994</v>
          </cell>
          <cell r="C2391">
            <v>0</v>
          </cell>
          <cell r="D2391">
            <v>0</v>
          </cell>
          <cell r="E2391">
            <v>-3945.2020699999994</v>
          </cell>
          <cell r="F2391">
            <v>-42590.121330000002</v>
          </cell>
          <cell r="H2391">
            <v>-425.97719000000001</v>
          </cell>
          <cell r="I2391">
            <v>-43016.09852</v>
          </cell>
        </row>
        <row r="2392">
          <cell r="A2392" t="str">
            <v>P422</v>
          </cell>
          <cell r="B2392">
            <v>-10447.322400000005</v>
          </cell>
          <cell r="C2392">
            <v>0</v>
          </cell>
          <cell r="D2392">
            <v>5336.6520199999941</v>
          </cell>
          <cell r="E2392">
            <v>-5110.6703799999959</v>
          </cell>
          <cell r="F2392">
            <v>35310.901019999998</v>
          </cell>
          <cell r="H2392">
            <v>58172.615059999996</v>
          </cell>
          <cell r="I2392">
            <v>93483.516080000001</v>
          </cell>
        </row>
        <row r="2393">
          <cell r="A2393" t="str">
            <v>P802</v>
          </cell>
          <cell r="B2393">
            <v>-40.911200000000008</v>
          </cell>
          <cell r="C2393">
            <v>0.14336000000000126</v>
          </cell>
          <cell r="D2393">
            <v>415.62729000000036</v>
          </cell>
          <cell r="E2393">
            <v>374.85944999999992</v>
          </cell>
          <cell r="F2393">
            <v>116.34474</v>
          </cell>
          <cell r="G2393">
            <v>67.706500000000005</v>
          </cell>
          <cell r="H2393">
            <v>-16914.377189999999</v>
          </cell>
          <cell r="I2393">
            <v>-16730.325949999999</v>
          </cell>
        </row>
        <row r="2394">
          <cell r="A2394" t="str">
            <v>P331S</v>
          </cell>
          <cell r="B2394">
            <v>0</v>
          </cell>
          <cell r="C2394">
            <v>0</v>
          </cell>
          <cell r="D2394">
            <v>141.91924000000017</v>
          </cell>
          <cell r="E2394">
            <v>141.91924000000017</v>
          </cell>
          <cell r="F2394">
            <v>2.0000000000000001E-4</v>
          </cell>
          <cell r="H2394">
            <v>-5451.6717399999998</v>
          </cell>
          <cell r="I2394">
            <v>-5451.6715400000003</v>
          </cell>
        </row>
        <row r="2395">
          <cell r="A2395" t="str">
            <v>P333S</v>
          </cell>
          <cell r="B2395">
            <v>-1.57542</v>
          </cell>
          <cell r="C2395">
            <v>0</v>
          </cell>
          <cell r="D2395">
            <v>483.60261999999784</v>
          </cell>
          <cell r="E2395">
            <v>482.02720000000045</v>
          </cell>
          <cell r="F2395">
            <v>-1.57542</v>
          </cell>
          <cell r="H2395">
            <v>-19489.957040000001</v>
          </cell>
          <cell r="I2395">
            <v>-19491.532459999999</v>
          </cell>
        </row>
        <row r="2396">
          <cell r="A2396" t="str">
            <v>P338S</v>
          </cell>
          <cell r="B2396">
            <v>-39.33578</v>
          </cell>
          <cell r="C2396">
            <v>0.14336000000000126</v>
          </cell>
          <cell r="D2396">
            <v>-209.89457000000039</v>
          </cell>
          <cell r="E2396">
            <v>-249.08698999999979</v>
          </cell>
          <cell r="F2396">
            <v>117.91996</v>
          </cell>
          <cell r="G2396">
            <v>67.706500000000005</v>
          </cell>
          <cell r="H2396">
            <v>8027.2515899999999</v>
          </cell>
          <cell r="I2396">
            <v>8212.8780499999993</v>
          </cell>
        </row>
        <row r="2397">
          <cell r="A2397" t="str">
            <v>P803</v>
          </cell>
          <cell r="B2397">
            <v>-8087.8180399999983</v>
          </cell>
          <cell r="C2397">
            <v>0</v>
          </cell>
          <cell r="D2397">
            <v>-3816.377629999999</v>
          </cell>
          <cell r="E2397">
            <v>-11904.195670000001</v>
          </cell>
          <cell r="F2397">
            <v>-52536.75677</v>
          </cell>
          <cell r="G2397">
            <v>-7.2700000000000004E-3</v>
          </cell>
          <cell r="H2397">
            <v>-18370.89978</v>
          </cell>
          <cell r="I2397">
            <v>-70907.663820000002</v>
          </cell>
        </row>
        <row r="2398">
          <cell r="A2398" t="str">
            <v>P311S</v>
          </cell>
          <cell r="B2398">
            <v>0.29289000000000004</v>
          </cell>
          <cell r="C2398">
            <v>0</v>
          </cell>
          <cell r="D2398">
            <v>31.45987999999943</v>
          </cell>
          <cell r="E2398">
            <v>31.752770000000055</v>
          </cell>
          <cell r="F2398">
            <v>0.29803000000000002</v>
          </cell>
          <cell r="H2398">
            <v>6284.0358399999996</v>
          </cell>
          <cell r="I2398">
            <v>6284.3338700000004</v>
          </cell>
        </row>
        <row r="2399">
          <cell r="A2399" t="str">
            <v>P320S</v>
          </cell>
          <cell r="B2399">
            <v>-8088.1109299999953</v>
          </cell>
          <cell r="C2399">
            <v>0</v>
          </cell>
          <cell r="D2399">
            <v>-3847.8375100000012</v>
          </cell>
          <cell r="E2399">
            <v>-11935.948440000007</v>
          </cell>
          <cell r="F2399">
            <v>-52537.054799999998</v>
          </cell>
          <cell r="G2399">
            <v>-7.2700000000000004E-3</v>
          </cell>
          <cell r="H2399">
            <v>-24654.93562</v>
          </cell>
          <cell r="I2399">
            <v>-77191.997690000004</v>
          </cell>
        </row>
        <row r="2400">
          <cell r="A2400" t="str">
            <v>P321S</v>
          </cell>
          <cell r="B2400">
            <v>-996.49423999999999</v>
          </cell>
          <cell r="C2400">
            <v>0</v>
          </cell>
          <cell r="D2400">
            <v>-3731.9094399999994</v>
          </cell>
          <cell r="E2400">
            <v>-4728.4036799999994</v>
          </cell>
          <cell r="F2400">
            <v>-6374.1581100000003</v>
          </cell>
          <cell r="H2400">
            <v>-22786.41705</v>
          </cell>
          <cell r="I2400">
            <v>-29160.57516</v>
          </cell>
        </row>
        <row r="2401">
          <cell r="A2401" t="str">
            <v>P32103S</v>
          </cell>
          <cell r="B2401">
            <v>-1008.6058699999994</v>
          </cell>
          <cell r="C2401">
            <v>0</v>
          </cell>
          <cell r="D2401">
            <v>-3731.9094399999994</v>
          </cell>
          <cell r="E2401">
            <v>-4740.5153099999989</v>
          </cell>
          <cell r="F2401">
            <v>-6546.2818399999996</v>
          </cell>
          <cell r="H2401">
            <v>-22786.41705</v>
          </cell>
          <cell r="I2401">
            <v>-29332.69889</v>
          </cell>
        </row>
        <row r="2402">
          <cell r="A2402" t="str">
            <v>P32104S</v>
          </cell>
          <cell r="B2402">
            <v>12.111629999999991</v>
          </cell>
          <cell r="C2402">
            <v>0</v>
          </cell>
          <cell r="D2402">
            <v>0</v>
          </cell>
          <cell r="E2402">
            <v>12.111629999999991</v>
          </cell>
          <cell r="F2402">
            <v>172.12372999999999</v>
          </cell>
          <cell r="I2402">
            <v>172.12372999999999</v>
          </cell>
        </row>
        <row r="2403">
          <cell r="A2403" t="str">
            <v>P322S</v>
          </cell>
          <cell r="B2403">
            <v>-7582.988320000004</v>
          </cell>
          <cell r="C2403">
            <v>0</v>
          </cell>
          <cell r="D2403">
            <v>-115.92806999999993</v>
          </cell>
          <cell r="E2403">
            <v>-7698.9163899999985</v>
          </cell>
          <cell r="F2403">
            <v>-47408.934690000002</v>
          </cell>
          <cell r="G2403">
            <v>-7.2700000000000004E-3</v>
          </cell>
          <cell r="H2403">
            <v>-1868.51857</v>
          </cell>
          <cell r="I2403">
            <v>-49277.460529999997</v>
          </cell>
        </row>
        <row r="2404">
          <cell r="A2404" t="str">
            <v>P323S</v>
          </cell>
          <cell r="B2404">
            <v>491.37162999999998</v>
          </cell>
          <cell r="C2404">
            <v>0</v>
          </cell>
          <cell r="D2404">
            <v>0</v>
          </cell>
          <cell r="E2404">
            <v>491.37162999999998</v>
          </cell>
          <cell r="F2404">
            <v>1246.038</v>
          </cell>
          <cell r="I2404">
            <v>1246.038</v>
          </cell>
        </row>
        <row r="2405">
          <cell r="A2405" t="str">
            <v>P804</v>
          </cell>
          <cell r="B2405">
            <v>3945.2020699999994</v>
          </cell>
          <cell r="C2405">
            <v>0</v>
          </cell>
          <cell r="D2405">
            <v>0</v>
          </cell>
          <cell r="E2405">
            <v>3945.2020699999994</v>
          </cell>
          <cell r="F2405">
            <v>31973.199349999999</v>
          </cell>
          <cell r="H2405">
            <v>425.97719000000001</v>
          </cell>
          <cell r="I2405">
            <v>32399.17654</v>
          </cell>
        </row>
        <row r="2406">
          <cell r="A2406" t="str">
            <v>P412S</v>
          </cell>
          <cell r="B2406">
            <v>0</v>
          </cell>
          <cell r="C2406">
            <v>0</v>
          </cell>
          <cell r="D2406">
            <v>0</v>
          </cell>
          <cell r="E2406">
            <v>0</v>
          </cell>
          <cell r="F2406">
            <v>-10616.921979999999</v>
          </cell>
          <cell r="I2406">
            <v>-10616.921979999999</v>
          </cell>
        </row>
        <row r="2407">
          <cell r="A2407" t="str">
            <v>P421S</v>
          </cell>
          <cell r="B2407">
            <v>3945.2020699999994</v>
          </cell>
          <cell r="C2407">
            <v>0</v>
          </cell>
          <cell r="D2407">
            <v>0</v>
          </cell>
          <cell r="E2407">
            <v>3945.2020699999994</v>
          </cell>
          <cell r="F2407">
            <v>42590.121330000002</v>
          </cell>
          <cell r="H2407">
            <v>425.97719000000001</v>
          </cell>
          <cell r="I2407">
            <v>43016.09852</v>
          </cell>
        </row>
        <row r="2408">
          <cell r="A2408" t="str">
            <v>P805</v>
          </cell>
          <cell r="B2408">
            <v>0</v>
          </cell>
          <cell r="C2408">
            <v>0</v>
          </cell>
          <cell r="D2408">
            <v>-74.199289999999564</v>
          </cell>
          <cell r="E2408">
            <v>-74.199289999999564</v>
          </cell>
          <cell r="H2408">
            <v>-7653.7059399999998</v>
          </cell>
          <cell r="I2408">
            <v>-7653.7059399999998</v>
          </cell>
        </row>
        <row r="2409">
          <cell r="A2409" t="str">
            <v>P280S</v>
          </cell>
          <cell r="B2409">
            <v>0</v>
          </cell>
          <cell r="C2409">
            <v>0</v>
          </cell>
          <cell r="D2409">
            <v>-74.199289999999564</v>
          </cell>
          <cell r="E2409">
            <v>-74.199289999999564</v>
          </cell>
          <cell r="H2409">
            <v>-7653.7059399999998</v>
          </cell>
          <cell r="I2409">
            <v>-7653.7059399999998</v>
          </cell>
        </row>
        <row r="2410">
          <cell r="A2410" t="str">
            <v>AF</v>
          </cell>
          <cell r="B2410">
            <v>-27948.357929999998</v>
          </cell>
          <cell r="C2410">
            <v>-1505.0847100000001</v>
          </cell>
          <cell r="D2410">
            <v>5872.1465700000008</v>
          </cell>
          <cell r="E2410">
            <v>-23581.296069999997</v>
          </cell>
          <cell r="F2410">
            <v>-112419.65959</v>
          </cell>
          <cell r="G2410">
            <v>-5156.8495000000003</v>
          </cell>
          <cell r="H2410">
            <v>32163.001759999999</v>
          </cell>
          <cell r="I2410">
            <v>-85413.507329999993</v>
          </cell>
        </row>
        <row r="2411">
          <cell r="A2411" t="str">
            <v>C212_C2E</v>
          </cell>
          <cell r="B2411">
            <v>464.81502</v>
          </cell>
          <cell r="C2411">
            <v>0</v>
          </cell>
          <cell r="D2411">
            <v>0</v>
          </cell>
          <cell r="E2411">
            <v>464.81502</v>
          </cell>
          <cell r="F2411">
            <v>1624.5344600000001</v>
          </cell>
          <cell r="H2411">
            <v>-0.17111999999999999</v>
          </cell>
          <cell r="I2411">
            <v>1624.3633400000001</v>
          </cell>
        </row>
        <row r="2412">
          <cell r="A2412" t="str">
            <v>C212_TRUE</v>
          </cell>
          <cell r="B2412">
            <v>-28413.172950000007</v>
          </cell>
          <cell r="C2412">
            <v>-1505.0847100000001</v>
          </cell>
          <cell r="D2412">
            <v>0</v>
          </cell>
          <cell r="E2412">
            <v>-29918.257660000003</v>
          </cell>
          <cell r="F2412">
            <v>-114044.19405000001</v>
          </cell>
          <cell r="G2412">
            <v>-5156.8495000000003</v>
          </cell>
          <cell r="I2412">
            <v>-119201.04355</v>
          </cell>
        </row>
        <row r="2413">
          <cell r="A2413" t="str">
            <v>P400N</v>
          </cell>
          <cell r="B2413">
            <v>0</v>
          </cell>
          <cell r="C2413">
            <v>0</v>
          </cell>
          <cell r="D2413">
            <v>5872.1465699999972</v>
          </cell>
          <cell r="E2413">
            <v>5872.1465699999972</v>
          </cell>
          <cell r="H2413">
            <v>32163.172879999998</v>
          </cell>
          <cell r="I2413">
            <v>32163.172879999998</v>
          </cell>
        </row>
        <row r="2414">
          <cell r="A2414" t="str">
            <v>CF</v>
          </cell>
          <cell r="B2414">
            <v>0</v>
          </cell>
          <cell r="C2414">
            <v>0</v>
          </cell>
          <cell r="D2414">
            <v>0</v>
          </cell>
          <cell r="E2414">
            <v>0</v>
          </cell>
          <cell r="F2414">
            <v>-1E-3</v>
          </cell>
          <cell r="G2414">
            <v>0</v>
          </cell>
          <cell r="H2414">
            <v>0</v>
          </cell>
          <cell r="I2414">
            <v>-1E-3</v>
          </cell>
        </row>
        <row r="2415">
          <cell r="A2415" t="str">
            <v>BBCFCHK</v>
          </cell>
          <cell r="B2415">
            <v>44987.266139999963</v>
          </cell>
          <cell r="C2415">
            <v>3.7603200000000001</v>
          </cell>
          <cell r="D2415">
            <v>-38750.686959999846</v>
          </cell>
          <cell r="E2415">
            <v>6240.3395000000019</v>
          </cell>
          <cell r="F2415">
            <v>-479454.15506000002</v>
          </cell>
          <cell r="G2415">
            <v>3.7603200000000001</v>
          </cell>
          <cell r="H2415">
            <v>1152442.87684</v>
          </cell>
          <cell r="I2415">
            <v>672992.48210000002</v>
          </cell>
        </row>
        <row r="2416">
          <cell r="A2416" t="str">
            <v>C7</v>
          </cell>
          <cell r="B2416">
            <v>-22493.633069999982</v>
          </cell>
          <cell r="C2416">
            <v>-1.8801600000000001</v>
          </cell>
          <cell r="D2416">
            <v>19375.343479999923</v>
          </cell>
          <cell r="E2416">
            <v>-3120.1697500000009</v>
          </cell>
          <cell r="F2416">
            <v>239727.07753000001</v>
          </cell>
          <cell r="G2416">
            <v>-1.8801600000000001</v>
          </cell>
          <cell r="H2416">
            <v>-576221.43842000002</v>
          </cell>
          <cell r="I2416">
            <v>-336496.24105000001</v>
          </cell>
        </row>
        <row r="2417">
          <cell r="A2417" t="str">
            <v>C710</v>
          </cell>
          <cell r="B2417">
            <v>-22493.633069999982</v>
          </cell>
          <cell r="C2417">
            <v>-1.8801600000000001</v>
          </cell>
          <cell r="D2417">
            <v>19375.343479999923</v>
          </cell>
          <cell r="E2417">
            <v>-3120.1697500000009</v>
          </cell>
          <cell r="F2417">
            <v>239727.07753000001</v>
          </cell>
          <cell r="G2417">
            <v>-1.8801600000000001</v>
          </cell>
          <cell r="H2417">
            <v>-576221.43842000002</v>
          </cell>
          <cell r="I2417">
            <v>-336496.24105000001</v>
          </cell>
        </row>
        <row r="2418">
          <cell r="A2418" t="str">
            <v>C6</v>
          </cell>
          <cell r="B2418">
            <v>-22493.633070000011</v>
          </cell>
          <cell r="C2418">
            <v>-1.8801600000000001</v>
          </cell>
          <cell r="D2418">
            <v>19375.343479999923</v>
          </cell>
          <cell r="E2418">
            <v>-3120.1697500000009</v>
          </cell>
          <cell r="F2418">
            <v>239727.07652999999</v>
          </cell>
          <cell r="G2418">
            <v>-1.8801600000000001</v>
          </cell>
          <cell r="H2418">
            <v>-576221.43842000002</v>
          </cell>
          <cell r="I2418">
            <v>-336496.24205</v>
          </cell>
        </row>
        <row r="2419">
          <cell r="A2419" t="str">
            <v>C3</v>
          </cell>
          <cell r="B2419">
            <v>-2391.3987800000468</v>
          </cell>
          <cell r="C2419">
            <v>798.99555999999995</v>
          </cell>
          <cell r="D2419">
            <v>-47856.371540000022</v>
          </cell>
          <cell r="E2419">
            <v>-49448.77476</v>
          </cell>
          <cell r="F2419">
            <v>630968.72028999997</v>
          </cell>
          <cell r="G2419">
            <v>676.24788999999998</v>
          </cell>
          <cell r="H2419">
            <v>-293925.41207000002</v>
          </cell>
          <cell r="I2419">
            <v>337719.55611</v>
          </cell>
        </row>
        <row r="2420">
          <cell r="A2420" t="str">
            <v>C3</v>
          </cell>
          <cell r="B2420">
            <v>-633360.11907000002</v>
          </cell>
          <cell r="C2420">
            <v>122.74767</v>
          </cell>
          <cell r="D2420">
            <v>246069.04053</v>
          </cell>
          <cell r="E2420">
            <v>-387168.33087000001</v>
          </cell>
          <cell r="F2420">
            <v>0</v>
          </cell>
          <cell r="G2420">
            <v>0</v>
          </cell>
          <cell r="H2420">
            <v>0</v>
          </cell>
          <cell r="I2420">
            <v>0</v>
          </cell>
        </row>
        <row r="2421">
          <cell r="A2421" t="str">
            <v>C1</v>
          </cell>
          <cell r="B2421">
            <v>33318.095310000004</v>
          </cell>
          <cell r="C2421">
            <v>798.99555999999995</v>
          </cell>
          <cell r="D2421">
            <v>-48350.787460000021</v>
          </cell>
          <cell r="E2421">
            <v>-14233.696590000007</v>
          </cell>
          <cell r="F2421">
            <v>616227.73268000002</v>
          </cell>
          <cell r="G2421">
            <v>663.60068999999999</v>
          </cell>
          <cell r="H2421">
            <v>-300357.94728000002</v>
          </cell>
          <cell r="I2421">
            <v>316533.38608999999</v>
          </cell>
        </row>
        <row r="2422">
          <cell r="A2422" t="str">
            <v>C110</v>
          </cell>
          <cell r="B2422">
            <v>19573.640210000041</v>
          </cell>
          <cell r="C2422">
            <v>-2267.3752599999998</v>
          </cell>
          <cell r="D2422">
            <v>-12627.213820000004</v>
          </cell>
          <cell r="E2422">
            <v>4679.0511300000071</v>
          </cell>
          <cell r="F2422">
            <v>399322.27221000002</v>
          </cell>
          <cell r="G2422">
            <v>-2976.16311</v>
          </cell>
          <cell r="H2422">
            <v>-233636.54850999999</v>
          </cell>
          <cell r="I2422">
            <v>162709.56059000001</v>
          </cell>
        </row>
        <row r="2423">
          <cell r="A2423" t="str">
            <v>C120</v>
          </cell>
          <cell r="B2423">
            <v>20642.743269999999</v>
          </cell>
          <cell r="C2423">
            <v>46.291380000000032</v>
          </cell>
          <cell r="D2423">
            <v>69.180610000000001</v>
          </cell>
          <cell r="E2423">
            <v>20758.215259999997</v>
          </cell>
          <cell r="F2423">
            <v>55815.461750000002</v>
          </cell>
          <cell r="G2423">
            <v>266.32118000000003</v>
          </cell>
          <cell r="H2423">
            <v>392.89132999999998</v>
          </cell>
          <cell r="I2423">
            <v>56474.67426</v>
          </cell>
        </row>
        <row r="2424">
          <cell r="A2424" t="str">
            <v>C130</v>
          </cell>
          <cell r="B2424">
            <v>-14545.489609999997</v>
          </cell>
          <cell r="C2424">
            <v>3038.0127400000001</v>
          </cell>
          <cell r="D2424">
            <v>-14818.918949999999</v>
          </cell>
          <cell r="E2424">
            <v>-26326.395819999998</v>
          </cell>
          <cell r="F2424">
            <v>44699.15094</v>
          </cell>
          <cell r="G2424">
            <v>2775.00252</v>
          </cell>
          <cell r="H2424">
            <v>-28643.64301</v>
          </cell>
          <cell r="I2424">
            <v>18830.510450000002</v>
          </cell>
        </row>
        <row r="2425">
          <cell r="A2425" t="str">
            <v>C131</v>
          </cell>
          <cell r="B2425">
            <v>2835.5473099999945</v>
          </cell>
          <cell r="C2425">
            <v>-121.05896999999999</v>
          </cell>
          <cell r="D2425">
            <v>-2779.8869600000035</v>
          </cell>
          <cell r="E2425">
            <v>-65.398619999992661</v>
          </cell>
          <cell r="F2425">
            <v>45115.336949999997</v>
          </cell>
          <cell r="G2425">
            <v>296.77672000000001</v>
          </cell>
          <cell r="H2425">
            <v>223251.18771</v>
          </cell>
          <cell r="I2425">
            <v>268663.30138000002</v>
          </cell>
        </row>
        <row r="2426">
          <cell r="A2426" t="str">
            <v>C132P</v>
          </cell>
          <cell r="B2426">
            <v>-28563.173689999996</v>
          </cell>
          <cell r="C2426">
            <v>2946.2281600000001</v>
          </cell>
          <cell r="D2426">
            <v>-13612.566590000002</v>
          </cell>
          <cell r="E2426">
            <v>-39229.512119999999</v>
          </cell>
          <cell r="F2426">
            <v>75610.029320000001</v>
          </cell>
          <cell r="G2426">
            <v>2170.9249100000002</v>
          </cell>
          <cell r="H2426">
            <v>-334808.02558000002</v>
          </cell>
          <cell r="I2426">
            <v>-257027.07135000001</v>
          </cell>
        </row>
        <row r="2427">
          <cell r="A2427" t="str">
            <v>C13201</v>
          </cell>
          <cell r="B2427">
            <v>-28602.509470000005</v>
          </cell>
          <cell r="C2427">
            <v>2946.3715199999997</v>
          </cell>
          <cell r="D2427">
            <v>-13822.461160000006</v>
          </cell>
          <cell r="E2427">
            <v>-39478.59911000001</v>
          </cell>
          <cell r="F2427">
            <v>75727.949280000001</v>
          </cell>
          <cell r="G2427">
            <v>2238.63141</v>
          </cell>
          <cell r="H2427">
            <v>-326780.77399000002</v>
          </cell>
          <cell r="I2427">
            <v>-248814.19330000001</v>
          </cell>
        </row>
        <row r="2428">
          <cell r="A2428" t="str">
            <v>C13204</v>
          </cell>
          <cell r="B2428">
            <v>39.33578</v>
          </cell>
          <cell r="C2428">
            <v>-0.14336000000000126</v>
          </cell>
          <cell r="D2428">
            <v>209.89457000000039</v>
          </cell>
          <cell r="E2428">
            <v>249.08698999999979</v>
          </cell>
          <cell r="F2428">
            <v>-117.91996</v>
          </cell>
          <cell r="G2428">
            <v>-67.706500000000005</v>
          </cell>
          <cell r="H2428">
            <v>-8027.2515899999999</v>
          </cell>
          <cell r="I2428">
            <v>-8212.8780499999993</v>
          </cell>
        </row>
        <row r="2429">
          <cell r="A2429" t="str">
            <v>C133</v>
          </cell>
          <cell r="B2429">
            <v>-573.77963999999338</v>
          </cell>
          <cell r="C2429">
            <v>212.84354999999999</v>
          </cell>
          <cell r="D2429">
            <v>261.1241699999955</v>
          </cell>
          <cell r="E2429">
            <v>-99.8119200000001</v>
          </cell>
          <cell r="F2429">
            <v>-100044.46133999999</v>
          </cell>
          <cell r="G2429">
            <v>307.09796999999998</v>
          </cell>
          <cell r="H2429">
            <v>89698.36378</v>
          </cell>
          <cell r="I2429">
            <v>-10038.999589999999</v>
          </cell>
        </row>
        <row r="2430">
          <cell r="A2430" t="str">
            <v>C134</v>
          </cell>
          <cell r="B2430">
            <v>11755.91641</v>
          </cell>
          <cell r="C2430">
            <v>0</v>
          </cell>
          <cell r="D2430">
            <v>1312.4104299999999</v>
          </cell>
          <cell r="E2430">
            <v>13068.326840000002</v>
          </cell>
          <cell r="F2430">
            <v>2915.9470000000001</v>
          </cell>
          <cell r="G2430">
            <v>0.20291999999999999</v>
          </cell>
          <cell r="H2430">
            <v>-6785.1689200000001</v>
          </cell>
          <cell r="I2430">
            <v>-3869.0189999999998</v>
          </cell>
        </row>
        <row r="2431">
          <cell r="A2431" t="str">
            <v>C135</v>
          </cell>
          <cell r="B2431">
            <v>0</v>
          </cell>
          <cell r="C2431">
            <v>0</v>
          </cell>
          <cell r="D2431">
            <v>0</v>
          </cell>
          <cell r="E2431">
            <v>0</v>
          </cell>
          <cell r="F2431">
            <v>21102.299009999999</v>
          </cell>
          <cell r="G2431">
            <v>0</v>
          </cell>
          <cell r="I2431">
            <v>21102.299009999999</v>
          </cell>
        </row>
        <row r="2432">
          <cell r="A2432" t="str">
            <v>C150</v>
          </cell>
          <cell r="B2432">
            <v>-14376.78665</v>
          </cell>
          <cell r="C2432">
            <v>0</v>
          </cell>
          <cell r="D2432">
            <v>5203.8297200000015</v>
          </cell>
          <cell r="E2432">
            <v>-9172.9569300000003</v>
          </cell>
          <cell r="F2432">
            <v>-9748.8528399999996</v>
          </cell>
          <cell r="G2432">
            <v>0</v>
          </cell>
          <cell r="H2432">
            <v>58864.152099999999</v>
          </cell>
          <cell r="I2432">
            <v>49115.29926</v>
          </cell>
        </row>
        <row r="2433">
          <cell r="A2433" t="str">
            <v>C15001</v>
          </cell>
          <cell r="B2433">
            <v>1743.0019400000001</v>
          </cell>
          <cell r="C2433">
            <v>0</v>
          </cell>
          <cell r="D2433">
            <v>0</v>
          </cell>
          <cell r="E2433">
            <v>1743.0019400000001</v>
          </cell>
          <cell r="F2433">
            <v>10458.011630000001</v>
          </cell>
          <cell r="I2433">
            <v>10458.011630000001</v>
          </cell>
        </row>
        <row r="2434">
          <cell r="A2434" t="str">
            <v>C15002</v>
          </cell>
          <cell r="B2434">
            <v>-14392.52447</v>
          </cell>
          <cell r="C2434">
            <v>0</v>
          </cell>
          <cell r="D2434">
            <v>5336.6520200000014</v>
          </cell>
          <cell r="E2434">
            <v>-9055.8724499999953</v>
          </cell>
          <cell r="F2434">
            <v>-7279.2203099999997</v>
          </cell>
          <cell r="G2434">
            <v>0</v>
          </cell>
          <cell r="H2434">
            <v>57746.637869999999</v>
          </cell>
          <cell r="I2434">
            <v>50467.417560000002</v>
          </cell>
        </row>
        <row r="2435">
          <cell r="A2435" t="str">
            <v>C15003</v>
          </cell>
          <cell r="B2435">
            <v>-1727.2641199999998</v>
          </cell>
          <cell r="C2435">
            <v>0</v>
          </cell>
          <cell r="D2435">
            <v>-132.82230000000004</v>
          </cell>
          <cell r="E2435">
            <v>-1860.0864199999996</v>
          </cell>
          <cell r="F2435">
            <v>-12927.64416</v>
          </cell>
          <cell r="G2435">
            <v>0</v>
          </cell>
          <cell r="H2435">
            <v>1117.51423</v>
          </cell>
          <cell r="I2435">
            <v>-11810.129929999999</v>
          </cell>
        </row>
        <row r="2436">
          <cell r="A2436" t="str">
            <v>C15004</v>
          </cell>
          <cell r="B2436">
            <v>0</v>
          </cell>
          <cell r="C2436">
            <v>0</v>
          </cell>
          <cell r="D2436">
            <v>0</v>
          </cell>
          <cell r="E2436">
            <v>0</v>
          </cell>
        </row>
        <row r="2437">
          <cell r="A2437" t="str">
            <v>C160</v>
          </cell>
          <cell r="B2437">
            <v>-5816.85196</v>
          </cell>
          <cell r="C2437">
            <v>-17.933300000000031</v>
          </cell>
          <cell r="D2437">
            <v>-18771.983349999999</v>
          </cell>
          <cell r="E2437">
            <v>-24606.768609999999</v>
          </cell>
          <cell r="F2437">
            <v>-16722.53426</v>
          </cell>
          <cell r="G2437">
            <v>598.43282999999997</v>
          </cell>
          <cell r="H2437">
            <v>-35728.088219999998</v>
          </cell>
          <cell r="I2437">
            <v>-51852.18965</v>
          </cell>
        </row>
        <row r="2438">
          <cell r="A2438" t="str">
            <v>C16001</v>
          </cell>
          <cell r="B2438">
            <v>-41.55648999999994</v>
          </cell>
          <cell r="C2438">
            <v>-17.933300000000031</v>
          </cell>
          <cell r="D2438">
            <v>-123.04403000000093</v>
          </cell>
          <cell r="E2438">
            <v>-182.53381999999874</v>
          </cell>
          <cell r="F2438">
            <v>7847.20561</v>
          </cell>
          <cell r="G2438">
            <v>598.43282999999997</v>
          </cell>
          <cell r="H2438">
            <v>-17079.1489</v>
          </cell>
          <cell r="I2438">
            <v>-8633.5104599999995</v>
          </cell>
        </row>
        <row r="2439">
          <cell r="A2439" t="str">
            <v>C16002</v>
          </cell>
          <cell r="B2439">
            <v>-21.55935999999997</v>
          </cell>
          <cell r="C2439">
            <v>0</v>
          </cell>
          <cell r="D2439">
            <v>0</v>
          </cell>
          <cell r="E2439">
            <v>-21.55935999999997</v>
          </cell>
          <cell r="F2439">
            <v>655.67894000000001</v>
          </cell>
          <cell r="I2439">
            <v>655.67894000000001</v>
          </cell>
        </row>
        <row r="2440">
          <cell r="A2440" t="str">
            <v>C16003</v>
          </cell>
          <cell r="B2440">
            <v>-6930.4682599999996</v>
          </cell>
          <cell r="C2440">
            <v>0</v>
          </cell>
          <cell r="D2440">
            <v>0</v>
          </cell>
          <cell r="E2440">
            <v>-6930.4682599999996</v>
          </cell>
          <cell r="F2440">
            <v>-20440.041379999999</v>
          </cell>
          <cell r="I2440">
            <v>-20440.041379999999</v>
          </cell>
        </row>
        <row r="2441">
          <cell r="A2441" t="str">
            <v>C16004</v>
          </cell>
          <cell r="B2441">
            <v>0</v>
          </cell>
          <cell r="C2441">
            <v>0</v>
          </cell>
          <cell r="D2441">
            <v>-16295.47501</v>
          </cell>
          <cell r="E2441">
            <v>-16295.47501</v>
          </cell>
          <cell r="G2441">
            <v>0</v>
          </cell>
          <cell r="H2441">
            <v>-16295.47501</v>
          </cell>
          <cell r="I2441">
            <v>-16295.47501</v>
          </cell>
        </row>
        <row r="2442">
          <cell r="A2442" t="str">
            <v>C16006</v>
          </cell>
          <cell r="B2442">
            <v>1176.7321499999998</v>
          </cell>
          <cell r="C2442">
            <v>0</v>
          </cell>
          <cell r="D2442">
            <v>-2353.4643099999998</v>
          </cell>
          <cell r="E2442">
            <v>-1176.7321600000005</v>
          </cell>
          <cell r="F2442">
            <v>-4683.0784199999998</v>
          </cell>
          <cell r="G2442">
            <v>0</v>
          </cell>
          <cell r="H2442">
            <v>-2353.4643099999998</v>
          </cell>
          <cell r="I2442">
            <v>-7036.5427300000001</v>
          </cell>
        </row>
        <row r="2443">
          <cell r="A2443" t="str">
            <v>C16007</v>
          </cell>
          <cell r="B2443">
            <v>0</v>
          </cell>
          <cell r="C2443">
            <v>0</v>
          </cell>
          <cell r="D2443">
            <v>0</v>
          </cell>
          <cell r="E2443">
            <v>0</v>
          </cell>
          <cell r="G2443">
            <v>0</v>
          </cell>
          <cell r="I2443">
            <v>0</v>
          </cell>
        </row>
        <row r="2444">
          <cell r="A2444" t="str">
            <v>C16008</v>
          </cell>
          <cell r="B2444">
            <v>0</v>
          </cell>
          <cell r="C2444">
            <v>0</v>
          </cell>
          <cell r="D2444">
            <v>0</v>
          </cell>
          <cell r="E2444">
            <v>0</v>
          </cell>
          <cell r="F2444">
            <v>-102.29901</v>
          </cell>
          <cell r="G2444">
            <v>0</v>
          </cell>
          <cell r="I2444">
            <v>-102.29901</v>
          </cell>
        </row>
        <row r="2445">
          <cell r="A2445" t="str">
            <v>C16009</v>
          </cell>
          <cell r="B2445">
            <v>0</v>
          </cell>
          <cell r="C2445">
            <v>0</v>
          </cell>
          <cell r="D2445">
            <v>0</v>
          </cell>
          <cell r="E2445">
            <v>0</v>
          </cell>
          <cell r="F2445">
            <v>-102.29901</v>
          </cell>
          <cell r="G2445">
            <v>0</v>
          </cell>
          <cell r="I2445">
            <v>-102.29901</v>
          </cell>
        </row>
        <row r="2446">
          <cell r="A2446" t="str">
            <v>C170</v>
          </cell>
          <cell r="B2446">
            <v>27840.840049999999</v>
          </cell>
          <cell r="C2446">
            <v>0</v>
          </cell>
          <cell r="D2446">
            <v>6169.8419400000002</v>
          </cell>
          <cell r="E2446">
            <v>34010.681989999997</v>
          </cell>
          <cell r="F2446">
            <v>142862.23488</v>
          </cell>
          <cell r="G2446">
            <v>7.2700000000000004E-3</v>
          </cell>
          <cell r="H2446">
            <v>20660.80818</v>
          </cell>
          <cell r="I2446">
            <v>163523.05033</v>
          </cell>
        </row>
        <row r="2447">
          <cell r="A2447" t="str">
            <v>C17001</v>
          </cell>
          <cell r="B2447">
            <v>18010.020069999999</v>
          </cell>
          <cell r="C2447">
            <v>0</v>
          </cell>
          <cell r="D2447">
            <v>2353.4643099999998</v>
          </cell>
          <cell r="E2447">
            <v>20363.484380000002</v>
          </cell>
          <cell r="F2447">
            <v>79867.466469999999</v>
          </cell>
          <cell r="H2447">
            <v>2289.9083999999998</v>
          </cell>
          <cell r="I2447">
            <v>82157.37487</v>
          </cell>
        </row>
        <row r="2448">
          <cell r="A2448" t="str">
            <v>C17002</v>
          </cell>
          <cell r="B2448">
            <v>9831.1128700000045</v>
          </cell>
          <cell r="C2448">
            <v>0</v>
          </cell>
          <cell r="D2448">
            <v>3847.8375100000012</v>
          </cell>
          <cell r="E2448">
            <v>13678.950379999995</v>
          </cell>
          <cell r="F2448">
            <v>62995.066440000002</v>
          </cell>
          <cell r="G2448">
            <v>7.2700000000000004E-3</v>
          </cell>
          <cell r="H2448">
            <v>24654.93562</v>
          </cell>
          <cell r="I2448">
            <v>87650.009330000001</v>
          </cell>
        </row>
        <row r="2449">
          <cell r="A2449" t="str">
            <v>C17003</v>
          </cell>
          <cell r="B2449">
            <v>-0.29289000000000004</v>
          </cell>
          <cell r="C2449">
            <v>0</v>
          </cell>
          <cell r="D2449">
            <v>-31.45987999999943</v>
          </cell>
          <cell r="E2449">
            <v>-31.752770000000055</v>
          </cell>
          <cell r="F2449">
            <v>-0.29803000000000002</v>
          </cell>
          <cell r="H2449">
            <v>-6284.0358399999996</v>
          </cell>
          <cell r="I2449">
            <v>-6284.3338700000004</v>
          </cell>
        </row>
        <row r="2450">
          <cell r="A2450" t="str">
            <v>C180</v>
          </cell>
          <cell r="B2450">
            <v>0</v>
          </cell>
          <cell r="C2450">
            <v>0</v>
          </cell>
          <cell r="D2450">
            <v>-13575.523609999989</v>
          </cell>
          <cell r="E2450">
            <v>-13575.523609999989</v>
          </cell>
          <cell r="H2450">
            <v>-82267.519149999993</v>
          </cell>
          <cell r="I2450">
            <v>-82267.519149999993</v>
          </cell>
        </row>
        <row r="2451">
          <cell r="A2451" t="str">
            <v>C2</v>
          </cell>
          <cell r="B2451">
            <v>-35709.494089999993</v>
          </cell>
          <cell r="C2451">
            <v>0</v>
          </cell>
          <cell r="D2451">
            <v>494.41592000000037</v>
          </cell>
          <cell r="E2451">
            <v>-35215.078169999993</v>
          </cell>
          <cell r="F2451">
            <v>14740.98761</v>
          </cell>
          <cell r="G2451">
            <v>12.6472</v>
          </cell>
          <cell r="H2451">
            <v>6432.53521</v>
          </cell>
          <cell r="I2451">
            <v>21186.170020000001</v>
          </cell>
        </row>
        <row r="2452">
          <cell r="A2452" t="str">
            <v>C210</v>
          </cell>
          <cell r="B2452">
            <v>-36201.158609999984</v>
          </cell>
          <cell r="C2452">
            <v>0</v>
          </cell>
          <cell r="D2452">
            <v>462.95604000000003</v>
          </cell>
          <cell r="E2452">
            <v>-35738.202569999994</v>
          </cell>
          <cell r="F2452">
            <v>-175505.34841999999</v>
          </cell>
          <cell r="G2452">
            <v>-3.2320000000000002E-2</v>
          </cell>
          <cell r="H2452">
            <v>7628.4407300000003</v>
          </cell>
          <cell r="I2452">
            <v>-167876.94000999999</v>
          </cell>
        </row>
        <row r="2453">
          <cell r="A2453" t="str">
            <v>C211</v>
          </cell>
          <cell r="B2453">
            <v>-9977.8913200000025</v>
          </cell>
          <cell r="C2453">
            <v>0</v>
          </cell>
          <cell r="D2453">
            <v>462.95604000000003</v>
          </cell>
          <cell r="E2453">
            <v>-9514.9352799999979</v>
          </cell>
          <cell r="F2453">
            <v>-73185.152679999999</v>
          </cell>
          <cell r="G2453">
            <v>-3.2320000000000002E-2</v>
          </cell>
          <cell r="H2453">
            <v>7628.6118500000002</v>
          </cell>
          <cell r="I2453">
            <v>-65556.573149999997</v>
          </cell>
        </row>
        <row r="2454">
          <cell r="A2454" t="str">
            <v>C21101</v>
          </cell>
          <cell r="B2454">
            <v>-2169.5814800000007</v>
          </cell>
          <cell r="C2454">
            <v>0</v>
          </cell>
          <cell r="D2454">
            <v>462.95604000000003</v>
          </cell>
          <cell r="E2454">
            <v>-1706.6254399999998</v>
          </cell>
          <cell r="F2454">
            <v>-19273.693950000001</v>
          </cell>
          <cell r="G2454">
            <v>-3.2320000000000002E-2</v>
          </cell>
          <cell r="H2454">
            <v>7628.6118500000002</v>
          </cell>
          <cell r="I2454">
            <v>-11645.11442</v>
          </cell>
        </row>
        <row r="2455">
          <cell r="A2455" t="str">
            <v>C21102</v>
          </cell>
          <cell r="B2455">
            <v>-7316.9382100000003</v>
          </cell>
          <cell r="C2455">
            <v>0</v>
          </cell>
          <cell r="D2455">
            <v>0</v>
          </cell>
          <cell r="E2455">
            <v>-7316.9382100000003</v>
          </cell>
          <cell r="F2455">
            <v>-52665.420729999998</v>
          </cell>
          <cell r="I2455">
            <v>-52665.420729999998</v>
          </cell>
        </row>
        <row r="2456">
          <cell r="A2456" t="str">
            <v>C21103</v>
          </cell>
          <cell r="B2456">
            <v>-491.37162999999998</v>
          </cell>
          <cell r="C2456">
            <v>0</v>
          </cell>
          <cell r="D2456">
            <v>0</v>
          </cell>
          <cell r="E2456">
            <v>-491.37162999999998</v>
          </cell>
          <cell r="F2456">
            <v>-1246.038</v>
          </cell>
          <cell r="I2456">
            <v>-1246.038</v>
          </cell>
        </row>
        <row r="2457">
          <cell r="A2457" t="str">
            <v>C212</v>
          </cell>
          <cell r="B2457">
            <v>-27948.357929999998</v>
          </cell>
          <cell r="C2457">
            <v>-1505.0847100000001</v>
          </cell>
          <cell r="D2457">
            <v>0</v>
          </cell>
          <cell r="E2457">
            <v>-29453.442640000008</v>
          </cell>
          <cell r="F2457">
            <v>-112419.65959</v>
          </cell>
          <cell r="G2457">
            <v>-5156.8495000000003</v>
          </cell>
          <cell r="H2457">
            <v>-0.17111999999999999</v>
          </cell>
          <cell r="I2457">
            <v>-117576.68021000001</v>
          </cell>
        </row>
        <row r="2458">
          <cell r="A2458" t="str">
            <v>C21201</v>
          </cell>
          <cell r="B2458">
            <v>0</v>
          </cell>
          <cell r="C2458">
            <v>0</v>
          </cell>
          <cell r="D2458">
            <v>0</v>
          </cell>
          <cell r="E2458">
            <v>0</v>
          </cell>
        </row>
        <row r="2459">
          <cell r="A2459" t="str">
            <v>C21202</v>
          </cell>
          <cell r="B2459">
            <v>29.739180000000005</v>
          </cell>
          <cell r="C2459">
            <v>-173.36950000000002</v>
          </cell>
          <cell r="D2459">
            <v>0</v>
          </cell>
          <cell r="E2459">
            <v>-143.63031999999998</v>
          </cell>
          <cell r="F2459">
            <v>260.45215999999999</v>
          </cell>
          <cell r="G2459">
            <v>565.22717999999998</v>
          </cell>
          <cell r="I2459">
            <v>825.67934000000002</v>
          </cell>
        </row>
        <row r="2460">
          <cell r="A2460" t="str">
            <v>C21203</v>
          </cell>
          <cell r="B2460">
            <v>77.673329999999964</v>
          </cell>
          <cell r="C2460">
            <v>0</v>
          </cell>
          <cell r="D2460">
            <v>0</v>
          </cell>
          <cell r="E2460">
            <v>77.673330000000078</v>
          </cell>
          <cell r="F2460">
            <v>-777.47199999999998</v>
          </cell>
          <cell r="H2460">
            <v>-0.17111999999999999</v>
          </cell>
          <cell r="I2460">
            <v>-777.64311999999995</v>
          </cell>
        </row>
        <row r="2461">
          <cell r="A2461" t="str">
            <v>C21204</v>
          </cell>
          <cell r="B2461">
            <v>-26300.940620000008</v>
          </cell>
          <cell r="C2461">
            <v>0</v>
          </cell>
          <cell r="D2461">
            <v>0</v>
          </cell>
          <cell r="E2461">
            <v>-26300.940620000008</v>
          </cell>
          <cell r="F2461">
            <v>-101542.72374</v>
          </cell>
          <cell r="I2461">
            <v>-101542.72374</v>
          </cell>
        </row>
        <row r="2462">
          <cell r="A2462" t="str">
            <v>C21205</v>
          </cell>
          <cell r="B2462">
            <v>-628.03577000000041</v>
          </cell>
          <cell r="C2462">
            <v>-147.77014000000008</v>
          </cell>
          <cell r="D2462">
            <v>0</v>
          </cell>
          <cell r="E2462">
            <v>-775.80591000000004</v>
          </cell>
          <cell r="F2462">
            <v>-4861.7264400000004</v>
          </cell>
          <cell r="G2462">
            <v>-2775.59672</v>
          </cell>
          <cell r="I2462">
            <v>-7637.3231599999999</v>
          </cell>
        </row>
        <row r="2463">
          <cell r="A2463" t="str">
            <v>C21206</v>
          </cell>
          <cell r="B2463">
            <v>-30.448299999999989</v>
          </cell>
          <cell r="C2463">
            <v>0</v>
          </cell>
          <cell r="D2463">
            <v>0</v>
          </cell>
          <cell r="E2463">
            <v>-30.448299999999989</v>
          </cell>
          <cell r="F2463">
            <v>-242.37518</v>
          </cell>
          <cell r="I2463">
            <v>-242.37518</v>
          </cell>
        </row>
        <row r="2464">
          <cell r="A2464" t="str">
            <v>C21207</v>
          </cell>
          <cell r="B2464">
            <v>-1096.3457499999995</v>
          </cell>
          <cell r="C2464">
            <v>-1183.9450700000002</v>
          </cell>
          <cell r="D2464">
            <v>0</v>
          </cell>
          <cell r="E2464">
            <v>-2280.2908200000002</v>
          </cell>
          <cell r="F2464">
            <v>-5255.8143899999995</v>
          </cell>
          <cell r="G2464">
            <v>-2946.4799600000001</v>
          </cell>
          <cell r="I2464">
            <v>-8202.2943500000001</v>
          </cell>
        </row>
        <row r="2465">
          <cell r="A2465" t="str">
            <v>C213</v>
          </cell>
          <cell r="B2465">
            <v>1725.0906400000003</v>
          </cell>
          <cell r="C2465">
            <v>1505.0847100000001</v>
          </cell>
          <cell r="D2465">
            <v>0</v>
          </cell>
          <cell r="E2465">
            <v>3230.1753499999995</v>
          </cell>
          <cell r="F2465">
            <v>10099.46385</v>
          </cell>
          <cell r="G2465">
            <v>5156.8495000000003</v>
          </cell>
          <cell r="I2465">
            <v>15256.31335</v>
          </cell>
        </row>
        <row r="2466">
          <cell r="A2466" t="str">
            <v>C217</v>
          </cell>
          <cell r="B2466">
            <v>0</v>
          </cell>
          <cell r="C2466">
            <v>0</v>
          </cell>
          <cell r="D2466">
            <v>0</v>
          </cell>
          <cell r="E2466">
            <v>0</v>
          </cell>
          <cell r="H2466">
            <v>-7479.9413599999998</v>
          </cell>
          <cell r="I2466">
            <v>-7479.9413599999998</v>
          </cell>
        </row>
        <row r="2467">
          <cell r="A2467" t="str">
            <v>C220</v>
          </cell>
          <cell r="B2467">
            <v>0</v>
          </cell>
          <cell r="C2467">
            <v>0</v>
          </cell>
          <cell r="D2467">
            <v>0</v>
          </cell>
          <cell r="E2467">
            <v>0</v>
          </cell>
          <cell r="F2467">
            <v>189000</v>
          </cell>
          <cell r="G2467">
            <v>12.67952</v>
          </cell>
          <cell r="I2467">
            <v>189012.67952000001</v>
          </cell>
        </row>
        <row r="2468">
          <cell r="A2468" t="str">
            <v>C22001</v>
          </cell>
          <cell r="B2468">
            <v>0</v>
          </cell>
          <cell r="C2468">
            <v>0</v>
          </cell>
          <cell r="D2468">
            <v>0</v>
          </cell>
          <cell r="E2468">
            <v>0</v>
          </cell>
          <cell r="F2468">
            <v>210000</v>
          </cell>
          <cell r="G2468">
            <v>12.67952</v>
          </cell>
          <cell r="I2468">
            <v>210012.67952000001</v>
          </cell>
        </row>
        <row r="2469">
          <cell r="A2469" t="str">
            <v>C22002</v>
          </cell>
          <cell r="B2469">
            <v>0</v>
          </cell>
          <cell r="C2469">
            <v>0</v>
          </cell>
          <cell r="D2469">
            <v>0</v>
          </cell>
          <cell r="E2469">
            <v>0</v>
          </cell>
          <cell r="F2469">
            <v>-21000</v>
          </cell>
          <cell r="I2469">
            <v>-21000</v>
          </cell>
        </row>
        <row r="2470">
          <cell r="A2470" t="str">
            <v>C22021</v>
          </cell>
          <cell r="B2470">
            <v>0</v>
          </cell>
          <cell r="C2470">
            <v>0</v>
          </cell>
          <cell r="D2470">
            <v>0</v>
          </cell>
          <cell r="E2470">
            <v>0</v>
          </cell>
          <cell r="F2470">
            <v>-21000</v>
          </cell>
          <cell r="I2470">
            <v>-21000</v>
          </cell>
        </row>
        <row r="2471">
          <cell r="A2471" t="str">
            <v>C22022</v>
          </cell>
          <cell r="B2471">
            <v>0</v>
          </cell>
          <cell r="C2471">
            <v>0</v>
          </cell>
          <cell r="D2471">
            <v>0</v>
          </cell>
          <cell r="E2471">
            <v>0</v>
          </cell>
        </row>
        <row r="2472">
          <cell r="A2472" t="str">
            <v>C230</v>
          </cell>
          <cell r="B2472">
            <v>0</v>
          </cell>
          <cell r="C2472">
            <v>0</v>
          </cell>
          <cell r="D2472">
            <v>0</v>
          </cell>
          <cell r="E2472">
            <v>0</v>
          </cell>
        </row>
        <row r="2473">
          <cell r="A2473" t="str">
            <v>C231</v>
          </cell>
          <cell r="B2473">
            <v>0</v>
          </cell>
          <cell r="C2473">
            <v>0</v>
          </cell>
          <cell r="D2473">
            <v>0</v>
          </cell>
          <cell r="E2473">
            <v>0</v>
          </cell>
        </row>
        <row r="2474">
          <cell r="A2474" t="str">
            <v>C23102</v>
          </cell>
          <cell r="B2474">
            <v>0</v>
          </cell>
          <cell r="C2474">
            <v>0</v>
          </cell>
          <cell r="D2474">
            <v>0</v>
          </cell>
          <cell r="E2474">
            <v>0</v>
          </cell>
        </row>
        <row r="2475">
          <cell r="A2475" t="str">
            <v>C240P</v>
          </cell>
          <cell r="B2475">
            <v>0.29289000000000004</v>
          </cell>
          <cell r="C2475">
            <v>0</v>
          </cell>
          <cell r="D2475">
            <v>31.45987999999943</v>
          </cell>
          <cell r="E2475">
            <v>31.752770000000055</v>
          </cell>
          <cell r="F2475">
            <v>0.29803000000000002</v>
          </cell>
          <cell r="H2475">
            <v>6284.0358399999996</v>
          </cell>
          <cell r="I2475">
            <v>6284.3338700000004</v>
          </cell>
        </row>
        <row r="2476">
          <cell r="A2476" t="str">
            <v>C24001</v>
          </cell>
          <cell r="B2476">
            <v>0.29289000000000004</v>
          </cell>
          <cell r="C2476">
            <v>0</v>
          </cell>
          <cell r="D2476">
            <v>31.45987999999943</v>
          </cell>
          <cell r="E2476">
            <v>31.752770000000055</v>
          </cell>
          <cell r="F2476">
            <v>0.29803000000000002</v>
          </cell>
          <cell r="H2476">
            <v>6284.0358399999996</v>
          </cell>
          <cell r="I2476">
            <v>6284.3338700000004</v>
          </cell>
        </row>
        <row r="2477">
          <cell r="A2477" t="str">
            <v>C250</v>
          </cell>
          <cell r="B2477">
            <v>491.37162999999998</v>
          </cell>
          <cell r="C2477">
            <v>0</v>
          </cell>
          <cell r="D2477">
            <v>0</v>
          </cell>
          <cell r="E2477">
            <v>491.37162999999998</v>
          </cell>
          <cell r="F2477">
            <v>1246.038</v>
          </cell>
          <cell r="I2477">
            <v>1246.038</v>
          </cell>
        </row>
        <row r="2478">
          <cell r="A2478" t="str">
            <v>C4</v>
          </cell>
          <cell r="B2478">
            <v>-20062.89850999997</v>
          </cell>
          <cell r="C2478">
            <v>-801.01908000000003</v>
          </cell>
          <cell r="D2478">
            <v>67441.609590000007</v>
          </cell>
          <cell r="E2478">
            <v>46577.692000000039</v>
          </cell>
          <cell r="F2478">
            <v>-391359.56371999998</v>
          </cell>
          <cell r="G2478">
            <v>-745.83455000000004</v>
          </cell>
          <cell r="H2478">
            <v>-290323.27794</v>
          </cell>
          <cell r="I2478">
            <v>-682428.67620999995</v>
          </cell>
        </row>
        <row r="2479">
          <cell r="A2479" t="str">
            <v>C410</v>
          </cell>
          <cell r="B2479">
            <v>-11317.739520000003</v>
          </cell>
          <cell r="C2479">
            <v>-801.01908000000003</v>
          </cell>
          <cell r="D2479">
            <v>62052.664570000023</v>
          </cell>
          <cell r="E2479">
            <v>49933.90597000008</v>
          </cell>
          <cell r="F2479">
            <v>-337182.06530000002</v>
          </cell>
          <cell r="G2479">
            <v>-745.82727999999997</v>
          </cell>
          <cell r="H2479">
            <v>-281860.51699999999</v>
          </cell>
          <cell r="I2479">
            <v>-619788.40957999998</v>
          </cell>
        </row>
        <row r="2480">
          <cell r="A2480" t="str">
            <v>C411</v>
          </cell>
          <cell r="B2480">
            <v>-11410.583419999981</v>
          </cell>
          <cell r="C2480">
            <v>-801.01908000000003</v>
          </cell>
          <cell r="D2480">
            <v>62052.664570000023</v>
          </cell>
          <cell r="E2480">
            <v>49841.062069999985</v>
          </cell>
          <cell r="F2480">
            <v>-321119.99228000001</v>
          </cell>
          <cell r="G2480">
            <v>-745.82727999999997</v>
          </cell>
          <cell r="H2480">
            <v>-278360.51699999999</v>
          </cell>
          <cell r="I2480">
            <v>-600226.33655999997</v>
          </cell>
        </row>
        <row r="2481">
          <cell r="A2481" t="str">
            <v>C41102</v>
          </cell>
          <cell r="B2481">
            <v>-11410.583419999981</v>
          </cell>
          <cell r="C2481">
            <v>-866.65539999999999</v>
          </cell>
          <cell r="D2481">
            <v>62118.300889999984</v>
          </cell>
          <cell r="E2481">
            <v>49841.06207</v>
          </cell>
          <cell r="F2481">
            <v>-321165.05718</v>
          </cell>
          <cell r="G2481">
            <v>-745.82728999999995</v>
          </cell>
          <cell r="H2481">
            <v>246492.92739</v>
          </cell>
          <cell r="I2481">
            <v>-75417.957079999993</v>
          </cell>
        </row>
        <row r="2482">
          <cell r="A2482" t="str">
            <v>C41103</v>
          </cell>
          <cell r="B2482">
            <v>0</v>
          </cell>
          <cell r="C2482">
            <v>0</v>
          </cell>
          <cell r="D2482">
            <v>0</v>
          </cell>
          <cell r="E2482">
            <v>0</v>
          </cell>
        </row>
        <row r="2483">
          <cell r="A2483" t="str">
            <v>C41104</v>
          </cell>
          <cell r="B2483">
            <v>0</v>
          </cell>
          <cell r="C2483">
            <v>0</v>
          </cell>
          <cell r="D2483">
            <v>0</v>
          </cell>
          <cell r="E2483">
            <v>0</v>
          </cell>
          <cell r="G2483">
            <v>0</v>
          </cell>
          <cell r="I2483">
            <v>0</v>
          </cell>
        </row>
        <row r="2484">
          <cell r="A2484" t="str">
            <v>C41108</v>
          </cell>
          <cell r="B2484">
            <v>0</v>
          </cell>
          <cell r="C2484">
            <v>0</v>
          </cell>
          <cell r="D2484">
            <v>0</v>
          </cell>
          <cell r="E2484">
            <v>0</v>
          </cell>
          <cell r="G2484">
            <v>0</v>
          </cell>
          <cell r="I2484">
            <v>0</v>
          </cell>
        </row>
        <row r="2485">
          <cell r="A2485" t="str">
            <v>C41107</v>
          </cell>
          <cell r="B2485">
            <v>0</v>
          </cell>
          <cell r="C2485">
            <v>65.636319999999998</v>
          </cell>
          <cell r="D2485">
            <v>-65.636319999932311</v>
          </cell>
          <cell r="E2485">
            <v>0</v>
          </cell>
          <cell r="F2485">
            <v>45.064900000000002</v>
          </cell>
          <cell r="G2485">
            <v>1.0000000000000001E-5</v>
          </cell>
          <cell r="H2485">
            <v>-524853.44438999996</v>
          </cell>
          <cell r="I2485">
            <v>-524808.37948</v>
          </cell>
        </row>
        <row r="2486">
          <cell r="A2486" t="str">
            <v>C412</v>
          </cell>
          <cell r="B2486">
            <v>92.843899999999849</v>
          </cell>
          <cell r="C2486">
            <v>0</v>
          </cell>
          <cell r="D2486">
            <v>0</v>
          </cell>
          <cell r="E2486">
            <v>92.843899999999849</v>
          </cell>
          <cell r="F2486">
            <v>-16062.07302</v>
          </cell>
          <cell r="H2486">
            <v>-3500</v>
          </cell>
          <cell r="I2486">
            <v>-19562.07302</v>
          </cell>
        </row>
        <row r="2487">
          <cell r="A2487" t="str">
            <v>C430</v>
          </cell>
          <cell r="B2487">
            <v>0</v>
          </cell>
          <cell r="C2487">
            <v>0</v>
          </cell>
          <cell r="D2487">
            <v>0</v>
          </cell>
          <cell r="E2487">
            <v>0</v>
          </cell>
          <cell r="G2487">
            <v>0</v>
          </cell>
          <cell r="I2487">
            <v>0</v>
          </cell>
        </row>
        <row r="2488">
          <cell r="A2488" t="str">
            <v>C431</v>
          </cell>
          <cell r="B2488">
            <v>0</v>
          </cell>
          <cell r="C2488">
            <v>0</v>
          </cell>
          <cell r="D2488">
            <v>0</v>
          </cell>
          <cell r="E2488">
            <v>0</v>
          </cell>
          <cell r="G2488">
            <v>0</v>
          </cell>
          <cell r="I2488">
            <v>0</v>
          </cell>
        </row>
        <row r="2489">
          <cell r="A2489" t="str">
            <v>C43101</v>
          </cell>
          <cell r="B2489">
            <v>0</v>
          </cell>
          <cell r="C2489">
            <v>0</v>
          </cell>
          <cell r="D2489">
            <v>0</v>
          </cell>
          <cell r="E2489">
            <v>0</v>
          </cell>
          <cell r="G2489">
            <v>0</v>
          </cell>
          <cell r="I2489">
            <v>0</v>
          </cell>
        </row>
        <row r="2490">
          <cell r="A2490" t="str">
            <v>C440</v>
          </cell>
          <cell r="B2490">
            <v>-8745.1589900000035</v>
          </cell>
          <cell r="C2490">
            <v>0</v>
          </cell>
          <cell r="D2490">
            <v>5388.9450199999992</v>
          </cell>
          <cell r="E2490">
            <v>-3356.2139699999971</v>
          </cell>
          <cell r="F2490">
            <v>-54177.498420000004</v>
          </cell>
          <cell r="G2490">
            <v>-7.2700000000000004E-3</v>
          </cell>
          <cell r="H2490">
            <v>-8462.7609400000001</v>
          </cell>
          <cell r="I2490">
            <v>-62640.266629999998</v>
          </cell>
        </row>
        <row r="2491">
          <cell r="A2491" t="str">
            <v>C510</v>
          </cell>
          <cell r="B2491">
            <v>-39.33578</v>
          </cell>
          <cell r="C2491">
            <v>0.14336000000000126</v>
          </cell>
          <cell r="D2491">
            <v>-209.89457000000039</v>
          </cell>
          <cell r="E2491">
            <v>-249.08698999999979</v>
          </cell>
          <cell r="F2491">
            <v>117.91996</v>
          </cell>
          <cell r="G2491">
            <v>67.706500000000005</v>
          </cell>
          <cell r="H2491">
            <v>8027.2515899999999</v>
          </cell>
          <cell r="I2491">
            <v>8212.8780499999993</v>
          </cell>
        </row>
        <row r="2492">
          <cell r="A2492" t="str">
            <v>C51006</v>
          </cell>
          <cell r="B2492">
            <v>-39.33578</v>
          </cell>
          <cell r="C2492">
            <v>0.14336000000000126</v>
          </cell>
          <cell r="D2492">
            <v>-209.89457000000039</v>
          </cell>
          <cell r="E2492">
            <v>-249.08698999999979</v>
          </cell>
          <cell r="F2492">
            <v>117.91996</v>
          </cell>
          <cell r="G2492">
            <v>67.706500000000005</v>
          </cell>
          <cell r="H2492">
            <v>8027.2515899999999</v>
          </cell>
          <cell r="I2492">
            <v>8212.8780499999993</v>
          </cell>
        </row>
        <row r="2555">
          <cell r="A2555" t="str">
            <v>BS</v>
          </cell>
          <cell r="B2555">
            <v>0</v>
          </cell>
          <cell r="C2555">
            <v>0</v>
          </cell>
          <cell r="D2555">
            <v>0</v>
          </cell>
          <cell r="E2555">
            <v>0</v>
          </cell>
          <cell r="F2555">
            <v>5.8900000000000003E-3</v>
          </cell>
          <cell r="G2555">
            <v>0</v>
          </cell>
          <cell r="H2555">
            <v>4.0000000000000003E-5</v>
          </cell>
          <cell r="I2555">
            <v>5.9300000000000004E-3</v>
          </cell>
        </row>
        <row r="2556">
          <cell r="A2556" t="str">
            <v>B7</v>
          </cell>
          <cell r="B2556">
            <v>25967.91606</v>
          </cell>
          <cell r="C2556">
            <v>-2772.24766</v>
          </cell>
          <cell r="D2556">
            <v>880.55115999999998</v>
          </cell>
          <cell r="E2556">
            <v>24076.219560000001</v>
          </cell>
          <cell r="F2556">
            <v>182665.28354</v>
          </cell>
          <cell r="G2556">
            <v>-125030.05998000001</v>
          </cell>
          <cell r="H2556">
            <v>1766011.0146000001</v>
          </cell>
          <cell r="I2556">
            <v>1823646.2381599999</v>
          </cell>
        </row>
        <row r="2557">
          <cell r="A2557" t="str">
            <v>B7</v>
          </cell>
          <cell r="B2557">
            <v>0</v>
          </cell>
          <cell r="C2557">
            <v>0</v>
          </cell>
          <cell r="D2557">
            <v>0</v>
          </cell>
          <cell r="E2557">
            <v>0</v>
          </cell>
          <cell r="F2557">
            <v>0</v>
          </cell>
          <cell r="G2557">
            <v>0</v>
          </cell>
          <cell r="H2557">
            <v>0</v>
          </cell>
          <cell r="I2557">
            <v>0</v>
          </cell>
        </row>
        <row r="2558">
          <cell r="A2558" t="str">
            <v>B3</v>
          </cell>
          <cell r="B2558">
            <v>24875.660810000001</v>
          </cell>
          <cell r="C2558">
            <v>4.5146300000000004</v>
          </cell>
          <cell r="D2558">
            <v>-5687.2557999999999</v>
          </cell>
          <cell r="E2558">
            <v>19192.91964</v>
          </cell>
          <cell r="F2558">
            <v>850442.06782</v>
          </cell>
          <cell r="G2558">
            <v>-63036.431190000003</v>
          </cell>
          <cell r="H2558">
            <v>1623771.95903</v>
          </cell>
          <cell r="I2558">
            <v>2411177.5956600001</v>
          </cell>
        </row>
        <row r="2559">
          <cell r="A2559" t="str">
            <v>B100</v>
          </cell>
          <cell r="B2559">
            <v>38881.329489999996</v>
          </cell>
          <cell r="C2559">
            <v>-46.198050000000002</v>
          </cell>
          <cell r="D2559">
            <v>437.02170999999998</v>
          </cell>
          <cell r="E2559">
            <v>39272.153149999998</v>
          </cell>
          <cell r="F2559">
            <v>1698991.4216</v>
          </cell>
          <cell r="G2559">
            <v>3916.5361899999998</v>
          </cell>
          <cell r="H2559">
            <v>20746.738560000002</v>
          </cell>
          <cell r="I2559">
            <v>1723654.6963500001</v>
          </cell>
        </row>
        <row r="2560">
          <cell r="A2560" t="str">
            <v>B110</v>
          </cell>
          <cell r="B2560">
            <v>38881.329489999996</v>
          </cell>
          <cell r="C2560">
            <v>-46.198050000000002</v>
          </cell>
          <cell r="D2560">
            <v>462.66241000000002</v>
          </cell>
          <cell r="E2560">
            <v>39297.793850000002</v>
          </cell>
          <cell r="F2560">
            <v>1698991.4216</v>
          </cell>
          <cell r="G2560">
            <v>3916.5361899999998</v>
          </cell>
          <cell r="H2560">
            <v>20465.91145</v>
          </cell>
          <cell r="I2560">
            <v>1723373.8692399999</v>
          </cell>
        </row>
        <row r="2561">
          <cell r="A2561" t="str">
            <v>B11001</v>
          </cell>
          <cell r="B2561">
            <v>61625.188549999999</v>
          </cell>
          <cell r="C2561">
            <v>9.0759999999999993E-2</v>
          </cell>
          <cell r="D2561">
            <v>510.66748000000001</v>
          </cell>
          <cell r="E2561">
            <v>62135.946790000002</v>
          </cell>
          <cell r="F2561">
            <v>4600293.2151300004</v>
          </cell>
          <cell r="G2561">
            <v>10505.785610000001</v>
          </cell>
          <cell r="H2561">
            <v>22019.989010000001</v>
          </cell>
          <cell r="I2561">
            <v>4632818.9897499997</v>
          </cell>
        </row>
        <row r="2562">
          <cell r="A2562" t="str">
            <v>B11003</v>
          </cell>
          <cell r="F2562">
            <v>4477169.1135</v>
          </cell>
          <cell r="G2562">
            <v>10526.698609999999</v>
          </cell>
          <cell r="H2562">
            <v>12842.287249999999</v>
          </cell>
          <cell r="I2562">
            <v>4500538.0993600003</v>
          </cell>
        </row>
        <row r="2563">
          <cell r="A2563" t="str">
            <v>B11004</v>
          </cell>
          <cell r="F2563">
            <v>-113350.75539999999</v>
          </cell>
          <cell r="G2563">
            <v>-21.036079999999998</v>
          </cell>
          <cell r="I2563">
            <v>-113371.79148</v>
          </cell>
        </row>
        <row r="2564">
          <cell r="A2564" t="str">
            <v>B11005</v>
          </cell>
          <cell r="B2564">
            <v>61331.284390000001</v>
          </cell>
          <cell r="C2564">
            <v>9.0759999999999993E-2</v>
          </cell>
          <cell r="D2564">
            <v>510.66748000000001</v>
          </cell>
          <cell r="E2564">
            <v>61842.042630000004</v>
          </cell>
          <cell r="F2564">
            <v>234934.91487000001</v>
          </cell>
          <cell r="G2564">
            <v>0.12307999999999999</v>
          </cell>
          <cell r="H2564">
            <v>-7117.7732500000002</v>
          </cell>
          <cell r="I2564">
            <v>227817.2647</v>
          </cell>
        </row>
        <row r="2565">
          <cell r="A2565" t="str">
            <v>B11006</v>
          </cell>
          <cell r="B2565">
            <v>293.90415999999999</v>
          </cell>
          <cell r="E2565">
            <v>293.90415999999999</v>
          </cell>
          <cell r="F2565">
            <v>1539.9421600000001</v>
          </cell>
          <cell r="I2565">
            <v>1539.9421600000001</v>
          </cell>
        </row>
        <row r="2566">
          <cell r="A2566" t="str">
            <v>B11021</v>
          </cell>
          <cell r="G2566">
            <v>0</v>
          </cell>
          <cell r="H2566">
            <v>16295.47501</v>
          </cell>
          <cell r="I2566">
            <v>16295.47501</v>
          </cell>
        </row>
        <row r="2567">
          <cell r="A2567" t="str">
            <v>B11012</v>
          </cell>
          <cell r="G2567">
            <v>0</v>
          </cell>
          <cell r="H2567">
            <v>16295.47501</v>
          </cell>
          <cell r="I2567">
            <v>16295.47501</v>
          </cell>
        </row>
        <row r="2568">
          <cell r="A2568" t="str">
            <v>B11002</v>
          </cell>
          <cell r="B2568">
            <v>-22743.859059999999</v>
          </cell>
          <cell r="C2568">
            <v>-46.288809999999998</v>
          </cell>
          <cell r="D2568">
            <v>-48.005070000000003</v>
          </cell>
          <cell r="E2568">
            <v>-22838.15294</v>
          </cell>
          <cell r="F2568">
            <v>-2901301.7935299999</v>
          </cell>
          <cell r="G2568">
            <v>-6589.2494200000001</v>
          </cell>
          <cell r="H2568">
            <v>-1554.0775599999999</v>
          </cell>
          <cell r="I2568">
            <v>-2909445.1205099998</v>
          </cell>
        </row>
        <row r="2569">
          <cell r="A2569" t="str">
            <v>B11014</v>
          </cell>
          <cell r="F2569">
            <v>-2726093.2281200001</v>
          </cell>
          <cell r="G2569">
            <v>-6284.9959900000003</v>
          </cell>
          <cell r="H2569">
            <v>-1267.0253499999999</v>
          </cell>
          <cell r="I2569">
            <v>-2733645.2494600001</v>
          </cell>
        </row>
        <row r="2570">
          <cell r="A2570" t="str">
            <v>B11017</v>
          </cell>
          <cell r="B2570">
            <v>-22743.859059999999</v>
          </cell>
          <cell r="C2570">
            <v>-46.288809999999998</v>
          </cell>
          <cell r="D2570">
            <v>-48.005070000000003</v>
          </cell>
          <cell r="E2570">
            <v>-22838.15294</v>
          </cell>
          <cell r="F2570">
            <v>-175208.56541000001</v>
          </cell>
          <cell r="G2570">
            <v>-325.28951000000001</v>
          </cell>
          <cell r="H2570">
            <v>-287.05221</v>
          </cell>
          <cell r="I2570">
            <v>-175820.90713000001</v>
          </cell>
        </row>
        <row r="2571">
          <cell r="A2571" t="str">
            <v>B11018</v>
          </cell>
          <cell r="G2571">
            <v>21.036079999999998</v>
          </cell>
          <cell r="I2571">
            <v>21.036079999999998</v>
          </cell>
        </row>
        <row r="2572">
          <cell r="A2572" t="str">
            <v>B11025</v>
          </cell>
          <cell r="G2572">
            <v>0</v>
          </cell>
          <cell r="I2572">
            <v>0</v>
          </cell>
        </row>
        <row r="2573">
          <cell r="A2573" t="str">
            <v>B11022</v>
          </cell>
          <cell r="G2573">
            <v>0</v>
          </cell>
          <cell r="I2573">
            <v>0</v>
          </cell>
        </row>
        <row r="2574">
          <cell r="A2574" t="str">
            <v>B120</v>
          </cell>
          <cell r="D2574">
            <v>-25.640699999999999</v>
          </cell>
          <cell r="E2574">
            <v>-25.640699999999999</v>
          </cell>
          <cell r="H2574">
            <v>233.71547000000001</v>
          </cell>
          <cell r="I2574">
            <v>233.71547000000001</v>
          </cell>
        </row>
        <row r="2575">
          <cell r="A2575" t="str">
            <v>B12004</v>
          </cell>
          <cell r="H2575">
            <v>1559.7547400000001</v>
          </cell>
          <cell r="I2575">
            <v>1559.7547400000001</v>
          </cell>
        </row>
        <row r="2576">
          <cell r="A2576" t="str">
            <v>B12006</v>
          </cell>
          <cell r="H2576">
            <v>1559.7547400000001</v>
          </cell>
          <cell r="I2576">
            <v>1559.7547400000001</v>
          </cell>
        </row>
        <row r="2577">
          <cell r="A2577" t="str">
            <v>B12051</v>
          </cell>
          <cell r="H2577">
            <v>1559.7547300000001</v>
          </cell>
          <cell r="I2577">
            <v>1559.7547300000001</v>
          </cell>
        </row>
        <row r="2578">
          <cell r="A2578" t="str">
            <v>B12017</v>
          </cell>
          <cell r="H2578">
            <v>1.0000000000000001E-5</v>
          </cell>
          <cell r="I2578">
            <v>1.0000000000000001E-5</v>
          </cell>
        </row>
        <row r="2579">
          <cell r="A2579" t="str">
            <v>B12005</v>
          </cell>
          <cell r="D2579">
            <v>-25.640699999999999</v>
          </cell>
          <cell r="E2579">
            <v>-25.640699999999999</v>
          </cell>
          <cell r="H2579">
            <v>-1326.03927</v>
          </cell>
          <cell r="I2579">
            <v>-1326.03927</v>
          </cell>
        </row>
        <row r="2580">
          <cell r="A2580" t="str">
            <v>B12010</v>
          </cell>
          <cell r="H2580">
            <v>-1146.55438</v>
          </cell>
          <cell r="I2580">
            <v>-1146.55438</v>
          </cell>
        </row>
        <row r="2581">
          <cell r="A2581" t="str">
            <v>B12031</v>
          </cell>
          <cell r="H2581">
            <v>-1146.5543700000001</v>
          </cell>
          <cell r="I2581">
            <v>-1146.5543700000001</v>
          </cell>
        </row>
        <row r="2582">
          <cell r="A2582" t="str">
            <v>B12032</v>
          </cell>
          <cell r="H2582">
            <v>-1.0000000000000001E-5</v>
          </cell>
          <cell r="I2582">
            <v>-1.0000000000000001E-5</v>
          </cell>
        </row>
        <row r="2583">
          <cell r="A2583" t="str">
            <v>B12011</v>
          </cell>
          <cell r="D2583">
            <v>-25.640699999999999</v>
          </cell>
          <cell r="E2583">
            <v>-25.640699999999999</v>
          </cell>
          <cell r="H2583">
            <v>-179.48489000000001</v>
          </cell>
          <cell r="I2583">
            <v>-179.48489000000001</v>
          </cell>
        </row>
        <row r="2584">
          <cell r="A2584" t="str">
            <v>B12046</v>
          </cell>
          <cell r="D2584">
            <v>-25.640699999999999</v>
          </cell>
          <cell r="E2584">
            <v>-25.640699999999999</v>
          </cell>
          <cell r="H2584">
            <v>-179.48489000000001</v>
          </cell>
          <cell r="I2584">
            <v>-179.48489000000001</v>
          </cell>
        </row>
        <row r="2585">
          <cell r="A2585" t="str">
            <v>B130</v>
          </cell>
          <cell r="G2585">
            <v>0</v>
          </cell>
          <cell r="H2585">
            <v>47.111640000000001</v>
          </cell>
          <cell r="I2585">
            <v>47.111640000000001</v>
          </cell>
        </row>
        <row r="2586">
          <cell r="A2586" t="str">
            <v>B132</v>
          </cell>
          <cell r="G2586">
            <v>0</v>
          </cell>
          <cell r="H2586">
            <v>47.111640000000001</v>
          </cell>
          <cell r="I2586">
            <v>47.111640000000001</v>
          </cell>
        </row>
        <row r="2587">
          <cell r="A2587" t="str">
            <v>B13201</v>
          </cell>
          <cell r="H2587">
            <v>47.111640000000001</v>
          </cell>
          <cell r="I2587">
            <v>47.111640000000001</v>
          </cell>
        </row>
        <row r="2588">
          <cell r="A2588" t="str">
            <v>B13202</v>
          </cell>
          <cell r="G2588">
            <v>0</v>
          </cell>
          <cell r="I2588">
            <v>0</v>
          </cell>
        </row>
        <row r="2589">
          <cell r="A2589" t="str">
            <v>B13204</v>
          </cell>
        </row>
        <row r="2590">
          <cell r="A2590" t="str">
            <v>B13205</v>
          </cell>
          <cell r="G2590">
            <v>0</v>
          </cell>
          <cell r="I2590">
            <v>0</v>
          </cell>
        </row>
        <row r="2591">
          <cell r="A2591" t="str">
            <v>B200</v>
          </cell>
          <cell r="B2591">
            <v>-823.77263000000005</v>
          </cell>
          <cell r="C2591">
            <v>-108.92483</v>
          </cell>
          <cell r="D2591">
            <v>-435.98088999999999</v>
          </cell>
          <cell r="E2591">
            <v>-1368.6783499999999</v>
          </cell>
          <cell r="F2591">
            <v>-1210.9342899999999</v>
          </cell>
          <cell r="G2591">
            <v>4589.0704900000001</v>
          </cell>
          <cell r="H2591">
            <v>90618.941810000004</v>
          </cell>
          <cell r="I2591">
            <v>93997.078009999997</v>
          </cell>
        </row>
        <row r="2592">
          <cell r="A2592" t="str">
            <v>B270</v>
          </cell>
          <cell r="B2592">
            <v>-823.77263000000005</v>
          </cell>
          <cell r="C2592">
            <v>-108.92483</v>
          </cell>
          <cell r="D2592">
            <v>-435.98088999999999</v>
          </cell>
          <cell r="E2592">
            <v>-1368.6783499999999</v>
          </cell>
          <cell r="F2592">
            <v>-1210.9342899999999</v>
          </cell>
          <cell r="G2592">
            <v>4589.0704900000001</v>
          </cell>
          <cell r="H2592">
            <v>90618.941810000004</v>
          </cell>
          <cell r="I2592">
            <v>93997.078009999997</v>
          </cell>
        </row>
        <row r="2593">
          <cell r="A2593" t="str">
            <v>B250</v>
          </cell>
          <cell r="B2593">
            <v>-16320.75944</v>
          </cell>
          <cell r="D2593">
            <v>-5023.7427699999998</v>
          </cell>
          <cell r="E2593">
            <v>-21344.502209999999</v>
          </cell>
          <cell r="F2593">
            <v>-76664.070890000003</v>
          </cell>
          <cell r="G2593">
            <v>-22.75723</v>
          </cell>
          <cell r="H2593">
            <v>416018.67927000002</v>
          </cell>
          <cell r="I2593">
            <v>339331.85115</v>
          </cell>
        </row>
        <row r="2594">
          <cell r="A2594" t="str">
            <v>B300</v>
          </cell>
          <cell r="B2594">
            <v>3138.86339</v>
          </cell>
          <cell r="C2594">
            <v>159.63750999999999</v>
          </cell>
          <cell r="D2594">
            <v>-664.55385000000001</v>
          </cell>
          <cell r="E2594">
            <v>2633.9470500000002</v>
          </cell>
          <cell r="F2594">
            <v>-770674.34860000003</v>
          </cell>
          <cell r="G2594">
            <v>-71519.280639999997</v>
          </cell>
          <cell r="H2594">
            <v>1096387.5993900001</v>
          </cell>
          <cell r="I2594">
            <v>254193.97015000001</v>
          </cell>
        </row>
        <row r="2595">
          <cell r="A2595" t="str">
            <v>B310</v>
          </cell>
          <cell r="B2595">
            <v>-19092.416850000001</v>
          </cell>
          <cell r="D2595">
            <v>-1823.23</v>
          </cell>
          <cell r="E2595">
            <v>-20915.646850000001</v>
          </cell>
          <cell r="F2595">
            <v>16444.708579999999</v>
          </cell>
          <cell r="G2595">
            <v>0</v>
          </cell>
          <cell r="H2595">
            <v>5732.5704299999998</v>
          </cell>
          <cell r="I2595">
            <v>22177.279009999998</v>
          </cell>
        </row>
        <row r="2596">
          <cell r="A2596" t="str">
            <v>B320</v>
          </cell>
          <cell r="B2596">
            <v>-28216.386920000001</v>
          </cell>
          <cell r="C2596">
            <v>157.75735</v>
          </cell>
          <cell r="D2596">
            <v>10840.867050000001</v>
          </cell>
          <cell r="E2596">
            <v>-17217.76252</v>
          </cell>
          <cell r="F2596">
            <v>-1816780.2338</v>
          </cell>
          <cell r="G2596">
            <v>-71720.90655</v>
          </cell>
          <cell r="H2596">
            <v>1921140.3228500001</v>
          </cell>
          <cell r="I2596">
            <v>32639.182499999999</v>
          </cell>
        </row>
        <row r="2597">
          <cell r="A2597" t="str">
            <v>B321</v>
          </cell>
          <cell r="F2597">
            <v>20446.109929999999</v>
          </cell>
          <cell r="I2597">
            <v>20446.109929999999</v>
          </cell>
        </row>
        <row r="2598">
          <cell r="A2598" t="str">
            <v>B322</v>
          </cell>
          <cell r="F2598">
            <v>-209.54013</v>
          </cell>
          <cell r="G2598">
            <v>209.54013</v>
          </cell>
          <cell r="I2598">
            <v>0</v>
          </cell>
        </row>
        <row r="2599">
          <cell r="A2599" t="str">
            <v>B330</v>
          </cell>
          <cell r="B2599">
            <v>50447.667159999997</v>
          </cell>
          <cell r="C2599">
            <v>1.8801600000000001</v>
          </cell>
          <cell r="D2599">
            <v>-9682.1908999999996</v>
          </cell>
          <cell r="E2599">
            <v>40767.356419999996</v>
          </cell>
          <cell r="F2599">
            <v>1009424.60682</v>
          </cell>
          <cell r="G2599">
            <v>-7.9142200000000003</v>
          </cell>
          <cell r="H2599">
            <v>-830485.29388999997</v>
          </cell>
          <cell r="I2599">
            <v>178931.39871000001</v>
          </cell>
        </row>
        <row r="2600">
          <cell r="A2600" t="str">
            <v>B332</v>
          </cell>
          <cell r="B2600">
            <v>50447.667159999997</v>
          </cell>
          <cell r="C2600">
            <v>1.8801600000000001</v>
          </cell>
          <cell r="D2600">
            <v>-9682.1908999999996</v>
          </cell>
          <cell r="E2600">
            <v>40767.356419999996</v>
          </cell>
          <cell r="F2600">
            <v>1009424.60682</v>
          </cell>
          <cell r="G2600">
            <v>-7.9142200000000003</v>
          </cell>
          <cell r="H2600">
            <v>-830485.29388999997</v>
          </cell>
          <cell r="I2600">
            <v>178931.39871000001</v>
          </cell>
        </row>
        <row r="2601">
          <cell r="A2601" t="str">
            <v>B400</v>
          </cell>
          <cell r="B2601">
            <v>4879.8609399999996</v>
          </cell>
          <cell r="C2601">
            <v>-2776.7622900000001</v>
          </cell>
          <cell r="D2601">
            <v>6794.57251</v>
          </cell>
          <cell r="E2601">
            <v>8897.6711599999999</v>
          </cell>
          <cell r="F2601">
            <v>-267879.91016000003</v>
          </cell>
          <cell r="G2601">
            <v>-61993.628790000002</v>
          </cell>
          <cell r="H2601">
            <v>126267.27287</v>
          </cell>
          <cell r="I2601">
            <v>-203606.26608</v>
          </cell>
        </row>
        <row r="2602">
          <cell r="A2602" t="str">
            <v>B410</v>
          </cell>
          <cell r="B2602">
            <v>7629.1946699999999</v>
          </cell>
          <cell r="C2602">
            <v>-1986.2491399999999</v>
          </cell>
          <cell r="D2602">
            <v>6539.8902399999997</v>
          </cell>
          <cell r="E2602">
            <v>12182.83577</v>
          </cell>
          <cell r="F2602">
            <v>-349.29417000000001</v>
          </cell>
          <cell r="G2602">
            <v>-74165.598180000001</v>
          </cell>
          <cell r="H2602">
            <v>-99554.689079999996</v>
          </cell>
          <cell r="I2602">
            <v>-174069.58142999999</v>
          </cell>
        </row>
        <row r="2603">
          <cell r="A2603" t="str">
            <v>B411</v>
          </cell>
          <cell r="B2603">
            <v>7702.2465300000003</v>
          </cell>
          <cell r="C2603">
            <v>-1986.2491399999999</v>
          </cell>
          <cell r="D2603">
            <v>-9652.28442</v>
          </cell>
          <cell r="E2603">
            <v>-3936.28703</v>
          </cell>
          <cell r="F2603">
            <v>3269.93903</v>
          </cell>
          <cell r="G2603">
            <v>-74165.598180000001</v>
          </cell>
          <cell r="H2603">
            <v>-99554.689060000004</v>
          </cell>
          <cell r="I2603">
            <v>-170450.34821</v>
          </cell>
        </row>
        <row r="2604">
          <cell r="A2604" t="str">
            <v>B413</v>
          </cell>
          <cell r="B2604">
            <v>-73.051860000000005</v>
          </cell>
          <cell r="D2604">
            <v>16192.174660000001</v>
          </cell>
          <cell r="E2604">
            <v>16119.122799999999</v>
          </cell>
          <cell r="F2604">
            <v>-3619.2332000000001</v>
          </cell>
          <cell r="H2604">
            <v>-2.0000000000000002E-5</v>
          </cell>
          <cell r="I2604">
            <v>-3619.2332200000001</v>
          </cell>
        </row>
        <row r="2605">
          <cell r="A2605" t="str">
            <v>B420</v>
          </cell>
          <cell r="B2605">
            <v>-2749.3337299999998</v>
          </cell>
          <cell r="C2605">
            <v>-790.51315</v>
          </cell>
          <cell r="D2605">
            <v>254.68226999999999</v>
          </cell>
          <cell r="E2605">
            <v>-3285.1646099999998</v>
          </cell>
          <cell r="F2605">
            <v>-267530.61599000002</v>
          </cell>
          <cell r="G2605">
            <v>12171.96939</v>
          </cell>
          <cell r="H2605">
            <v>225821.96195</v>
          </cell>
          <cell r="I2605">
            <v>-29536.684649999999</v>
          </cell>
        </row>
        <row r="2606">
          <cell r="A2606" t="str">
            <v>B421</v>
          </cell>
          <cell r="B2606">
            <v>-3254.5892899999999</v>
          </cell>
          <cell r="E2606">
            <v>-3254.5892899999999</v>
          </cell>
          <cell r="F2606">
            <v>-276300.21938000002</v>
          </cell>
          <cell r="G2606">
            <v>-989.44628999999998</v>
          </cell>
          <cell r="H2606">
            <v>247783.55634000001</v>
          </cell>
          <cell r="I2606">
            <v>-29506.109329999999</v>
          </cell>
        </row>
        <row r="2607">
          <cell r="A2607" t="str">
            <v>B42101</v>
          </cell>
          <cell r="H2607">
            <v>82267.519149999993</v>
          </cell>
          <cell r="I2607">
            <v>82267.519149999993</v>
          </cell>
        </row>
        <row r="2608">
          <cell r="A2608" t="str">
            <v>B42102</v>
          </cell>
          <cell r="B2608">
            <v>-3254.5892899999999</v>
          </cell>
          <cell r="E2608">
            <v>-3254.5892899999999</v>
          </cell>
          <cell r="F2608">
            <v>-78336.678329999995</v>
          </cell>
          <cell r="H2608">
            <v>63.555909999999997</v>
          </cell>
          <cell r="I2608">
            <v>-78273.12242</v>
          </cell>
        </row>
        <row r="2609">
          <cell r="A2609" t="str">
            <v>B42103</v>
          </cell>
          <cell r="F2609">
            <v>-198971.75786000001</v>
          </cell>
          <cell r="G2609">
            <v>-989.44628999999998</v>
          </cell>
          <cell r="H2609">
            <v>165452.48128000001</v>
          </cell>
          <cell r="I2609">
            <v>-34508.722869999998</v>
          </cell>
        </row>
        <row r="2610">
          <cell r="A2610" t="str">
            <v>B42104</v>
          </cell>
          <cell r="F2610">
            <v>1008.21681</v>
          </cell>
          <cell r="I2610">
            <v>1008.21681</v>
          </cell>
        </row>
        <row r="2611">
          <cell r="A2611" t="str">
            <v>B422</v>
          </cell>
          <cell r="B2611">
            <v>505.25556</v>
          </cell>
          <cell r="C2611">
            <v>-790.51315</v>
          </cell>
          <cell r="D2611">
            <v>254.68226999999999</v>
          </cell>
          <cell r="E2611">
            <v>-30.575320000000001</v>
          </cell>
          <cell r="F2611">
            <v>8769.6033900000002</v>
          </cell>
          <cell r="G2611">
            <v>13161.41568</v>
          </cell>
          <cell r="H2611">
            <v>-21961.594389999998</v>
          </cell>
          <cell r="I2611">
            <v>-30.575320000000001</v>
          </cell>
        </row>
        <row r="2612">
          <cell r="A2612" t="str">
            <v>B500</v>
          </cell>
          <cell r="H2612">
            <v>0</v>
          </cell>
          <cell r="I2612">
            <v>0</v>
          </cell>
        </row>
        <row r="2613">
          <cell r="A2613" t="str">
            <v>B600</v>
          </cell>
          <cell r="B2613">
            <v>-3787.6056899999999</v>
          </cell>
          <cell r="D2613">
            <v>-226.76554999999999</v>
          </cell>
          <cell r="E2613">
            <v>-4014.3712399999999</v>
          </cell>
          <cell r="F2613">
            <v>-399896.87411999999</v>
          </cell>
          <cell r="G2613">
            <v>0</v>
          </cell>
          <cell r="H2613">
            <v>15971.7827</v>
          </cell>
          <cell r="I2613">
            <v>-383925.09142000001</v>
          </cell>
        </row>
        <row r="2614">
          <cell r="A2614" t="str">
            <v>B630</v>
          </cell>
        </row>
        <row r="2615">
          <cell r="A2615" t="str">
            <v>B640</v>
          </cell>
          <cell r="B2615">
            <v>-1743.0019400000001</v>
          </cell>
          <cell r="E2615">
            <v>-1743.0019400000001</v>
          </cell>
          <cell r="F2615">
            <v>-366030.40629000001</v>
          </cell>
          <cell r="I2615">
            <v>-366030.40629000001</v>
          </cell>
        </row>
        <row r="2616">
          <cell r="A2616" t="str">
            <v>B64001</v>
          </cell>
          <cell r="F2616">
            <v>-353829.39272</v>
          </cell>
          <cell r="I2616">
            <v>-353829.39272</v>
          </cell>
        </row>
        <row r="2617">
          <cell r="A2617" t="str">
            <v>B64003</v>
          </cell>
          <cell r="B2617">
            <v>-1743.0019400000001</v>
          </cell>
          <cell r="E2617">
            <v>-1743.0019400000001</v>
          </cell>
          <cell r="F2617">
            <v>-12201.013580000001</v>
          </cell>
          <cell r="I2617">
            <v>-12201.013580000001</v>
          </cell>
        </row>
        <row r="2618">
          <cell r="A2618" t="str">
            <v>B64007</v>
          </cell>
          <cell r="F2618">
            <v>1.0000000000000001E-5</v>
          </cell>
          <cell r="I2618">
            <v>1.0000000000000001E-5</v>
          </cell>
        </row>
        <row r="2619">
          <cell r="A2619" t="str">
            <v>B650</v>
          </cell>
          <cell r="B2619">
            <v>-2044.60375</v>
          </cell>
          <cell r="D2619">
            <v>-226.76554999999999</v>
          </cell>
          <cell r="E2619">
            <v>-2271.3692999999998</v>
          </cell>
          <cell r="F2619">
            <v>-33866.467830000001</v>
          </cell>
          <cell r="G2619">
            <v>0</v>
          </cell>
          <cell r="H2619">
            <v>15971.7827</v>
          </cell>
          <cell r="I2619">
            <v>-17894.685130000002</v>
          </cell>
        </row>
        <row r="2620">
          <cell r="A2620" t="str">
            <v>B65001</v>
          </cell>
          <cell r="B2620">
            <v>-2272.5685199999998</v>
          </cell>
          <cell r="E2620">
            <v>-2272.5685199999998</v>
          </cell>
          <cell r="F2620">
            <v>-17785.60266</v>
          </cell>
          <cell r="H2620">
            <v>0</v>
          </cell>
          <cell r="I2620">
            <v>-17785.60266</v>
          </cell>
        </row>
        <row r="2621">
          <cell r="A2621" t="str">
            <v>B65002</v>
          </cell>
          <cell r="F2621">
            <v>-16716.97033</v>
          </cell>
          <cell r="I2621">
            <v>-16716.97033</v>
          </cell>
        </row>
        <row r="2622">
          <cell r="A2622" t="str">
            <v>B65004</v>
          </cell>
          <cell r="B2622">
            <v>-2755.5700700000002</v>
          </cell>
          <cell r="E2622">
            <v>-2755.5700700000002</v>
          </cell>
          <cell r="F2622">
            <v>-2073.2888800000001</v>
          </cell>
          <cell r="I2622">
            <v>-2073.2888800000001</v>
          </cell>
        </row>
        <row r="2623">
          <cell r="A2623" t="str">
            <v>B65007</v>
          </cell>
          <cell r="B2623">
            <v>483.00155000000001</v>
          </cell>
          <cell r="E2623">
            <v>483.00155000000001</v>
          </cell>
          <cell r="F2623">
            <v>1004.65655</v>
          </cell>
          <cell r="H2623">
            <v>0</v>
          </cell>
          <cell r="I2623">
            <v>1004.65655</v>
          </cell>
        </row>
        <row r="2624">
          <cell r="A2624" t="str">
            <v>B65031P</v>
          </cell>
          <cell r="B2624">
            <v>227.96476999999999</v>
          </cell>
          <cell r="D2624">
            <v>-226.76554999999999</v>
          </cell>
          <cell r="E2624">
            <v>1.19922</v>
          </cell>
          <cell r="F2624">
            <v>-16080.865169999999</v>
          </cell>
          <cell r="G2624">
            <v>0</v>
          </cell>
          <cell r="H2624">
            <v>15971.7827</v>
          </cell>
          <cell r="I2624">
            <v>-109.08247</v>
          </cell>
        </row>
        <row r="2625">
          <cell r="A2625" t="str">
            <v>B65035</v>
          </cell>
          <cell r="F2625">
            <v>27416.678879999999</v>
          </cell>
          <cell r="H2625">
            <v>17316.062480000001</v>
          </cell>
          <cell r="I2625">
            <v>44732.74136</v>
          </cell>
        </row>
        <row r="2626">
          <cell r="A2626" t="str">
            <v>B65034</v>
          </cell>
          <cell r="B2626">
            <v>227.96476999999999</v>
          </cell>
          <cell r="D2626">
            <v>-226.76554999999999</v>
          </cell>
          <cell r="E2626">
            <v>1.19922</v>
          </cell>
          <cell r="F2626">
            <v>1493.6611</v>
          </cell>
          <cell r="G2626">
            <v>0</v>
          </cell>
          <cell r="H2626">
            <v>-1344.2797800000001</v>
          </cell>
          <cell r="I2626">
            <v>149.38131999999999</v>
          </cell>
        </row>
        <row r="2627">
          <cell r="A2627" t="str">
            <v>B65031</v>
          </cell>
          <cell r="F2627">
            <v>-44991.205150000002</v>
          </cell>
          <cell r="I2627">
            <v>-44991.205150000002</v>
          </cell>
        </row>
        <row r="2628">
          <cell r="A2628" t="str">
            <v>B800</v>
          </cell>
          <cell r="B2628">
            <v>-49089.679429999997</v>
          </cell>
          <cell r="C2628">
            <v>1117.0368100000001</v>
          </cell>
          <cell r="D2628">
            <v>14189.258620000001</v>
          </cell>
          <cell r="E2628">
            <v>-33783.383999999998</v>
          </cell>
          <cell r="F2628">
            <v>2838618.6800600002</v>
          </cell>
          <cell r="G2628">
            <v>-671703.62005000003</v>
          </cell>
          <cell r="H2628">
            <v>-2489075.70841</v>
          </cell>
          <cell r="I2628">
            <v>-322160.64840000001</v>
          </cell>
        </row>
        <row r="2629">
          <cell r="A2629" t="str">
            <v>B810</v>
          </cell>
          <cell r="F2629">
            <v>-756.90105000000005</v>
          </cell>
          <cell r="G2629">
            <v>95000</v>
          </cell>
          <cell r="H2629">
            <v>-1475695.7324000001</v>
          </cell>
          <cell r="I2629">
            <v>-1381452.6334500001</v>
          </cell>
        </row>
        <row r="2630">
          <cell r="A2630" t="str">
            <v>B81001</v>
          </cell>
          <cell r="F2630">
            <v>-756.90105000000005</v>
          </cell>
          <cell r="G2630">
            <v>95000</v>
          </cell>
          <cell r="H2630">
            <v>-1475695.7324000001</v>
          </cell>
          <cell r="I2630">
            <v>-1381452.6334500001</v>
          </cell>
        </row>
        <row r="2631">
          <cell r="A2631" t="str">
            <v>B81004</v>
          </cell>
          <cell r="F2631">
            <v>-756.90105000000005</v>
          </cell>
          <cell r="G2631">
            <v>95000</v>
          </cell>
          <cell r="H2631">
            <v>-1475695.7324000001</v>
          </cell>
          <cell r="I2631">
            <v>-1381452.6334500001</v>
          </cell>
        </row>
        <row r="2632">
          <cell r="A2632" t="str">
            <v>B81009</v>
          </cell>
        </row>
        <row r="2633">
          <cell r="A2633" t="str">
            <v>B81025</v>
          </cell>
        </row>
        <row r="2634">
          <cell r="A2634" t="str">
            <v>B81026</v>
          </cell>
        </row>
        <row r="2635">
          <cell r="A2635" t="str">
            <v>B81010</v>
          </cell>
          <cell r="F2635">
            <v>-756.90105000000005</v>
          </cell>
          <cell r="G2635">
            <v>95000</v>
          </cell>
          <cell r="H2635">
            <v>-1475695.7324000001</v>
          </cell>
          <cell r="I2635">
            <v>-1381452.6334500001</v>
          </cell>
        </row>
        <row r="2636">
          <cell r="A2636" t="str">
            <v>B81027</v>
          </cell>
          <cell r="F2636">
            <v>-756.90105000000005</v>
          </cell>
          <cell r="G2636">
            <v>95000</v>
          </cell>
          <cell r="H2636">
            <v>-1475695.7324000001</v>
          </cell>
          <cell r="I2636">
            <v>-1381452.6334500001</v>
          </cell>
        </row>
        <row r="2637">
          <cell r="A2637" t="str">
            <v>B81028</v>
          </cell>
        </row>
        <row r="2638">
          <cell r="A2638" t="str">
            <v>B81029</v>
          </cell>
          <cell r="G2638">
            <v>0</v>
          </cell>
          <cell r="I2638">
            <v>0</v>
          </cell>
        </row>
        <row r="2639">
          <cell r="A2639" t="str">
            <v>B820</v>
          </cell>
          <cell r="B2639">
            <v>-49089.679429999997</v>
          </cell>
          <cell r="C2639">
            <v>1117.0368100000001</v>
          </cell>
          <cell r="D2639">
            <v>14189.258620000001</v>
          </cell>
          <cell r="E2639">
            <v>-33783.383999999998</v>
          </cell>
          <cell r="F2639">
            <v>2839375.5811100001</v>
          </cell>
          <cell r="G2639">
            <v>-766703.62005000003</v>
          </cell>
          <cell r="H2639">
            <v>-1013379.97601</v>
          </cell>
          <cell r="I2639">
            <v>1059291.98505</v>
          </cell>
        </row>
        <row r="2640">
          <cell r="A2640" t="str">
            <v>B821</v>
          </cell>
          <cell r="B2640">
            <v>-49089.679429999997</v>
          </cell>
          <cell r="C2640">
            <v>1117.0368100000001</v>
          </cell>
          <cell r="D2640">
            <v>14189.258620000001</v>
          </cell>
          <cell r="E2640">
            <v>-33783.383999999998</v>
          </cell>
          <cell r="F2640">
            <v>2839375.5811100001</v>
          </cell>
          <cell r="G2640">
            <v>-766703.62005000003</v>
          </cell>
          <cell r="H2640">
            <v>-1013379.97601</v>
          </cell>
          <cell r="I2640">
            <v>1059291.98505</v>
          </cell>
        </row>
        <row r="2641">
          <cell r="A2641" t="str">
            <v>B82101</v>
          </cell>
          <cell r="F2641">
            <v>3287832.5976499999</v>
          </cell>
          <cell r="G2641">
            <v>-770796.81995999999</v>
          </cell>
          <cell r="H2641">
            <v>-1786059.22753</v>
          </cell>
          <cell r="I2641">
            <v>730976.55015999998</v>
          </cell>
        </row>
        <row r="2642">
          <cell r="A2642" t="str">
            <v>B82102</v>
          </cell>
          <cell r="B2642">
            <v>-49089.679429999997</v>
          </cell>
          <cell r="C2642">
            <v>1117.0368100000001</v>
          </cell>
          <cell r="D2642">
            <v>14189.258620000001</v>
          </cell>
          <cell r="E2642">
            <v>-33783.383999999998</v>
          </cell>
          <cell r="F2642">
            <v>-448411.95163999998</v>
          </cell>
          <cell r="G2642">
            <v>4093.19992</v>
          </cell>
          <cell r="H2642">
            <v>247825.80713</v>
          </cell>
          <cell r="I2642">
            <v>-196492.94459</v>
          </cell>
        </row>
        <row r="2643">
          <cell r="A2643" t="str">
            <v>B82115</v>
          </cell>
          <cell r="F2643">
            <v>-45.064900000000002</v>
          </cell>
          <cell r="G2643">
            <v>-1.0000000000000001E-5</v>
          </cell>
          <cell r="H2643">
            <v>524853.44438999996</v>
          </cell>
          <cell r="I2643">
            <v>524808.37948</v>
          </cell>
        </row>
        <row r="2644">
          <cell r="A2644" t="str">
            <v>B900</v>
          </cell>
          <cell r="B2644">
            <v>23121.763370000001</v>
          </cell>
          <cell r="C2644">
            <v>1655.2108499999999</v>
          </cell>
          <cell r="D2644">
            <v>-15069.80978</v>
          </cell>
          <cell r="E2644">
            <v>9707.1644400000005</v>
          </cell>
          <cell r="F2644">
            <v>-3021283.9577100002</v>
          </cell>
          <cell r="G2644">
            <v>796733.68003000005</v>
          </cell>
          <cell r="H2644">
            <v>723064.69385000004</v>
          </cell>
          <cell r="I2644">
            <v>-1501485.5838299999</v>
          </cell>
        </row>
        <row r="2645">
          <cell r="A2645" t="str">
            <v>B910</v>
          </cell>
          <cell r="B2645">
            <v>15953.80243</v>
          </cell>
          <cell r="C2645">
            <v>1655.2108499999999</v>
          </cell>
          <cell r="D2645">
            <v>-15069.80978</v>
          </cell>
          <cell r="E2645">
            <v>2539.2035000000001</v>
          </cell>
          <cell r="F2645">
            <v>-3271412.2824400002</v>
          </cell>
          <cell r="G2645">
            <v>796653.52885</v>
          </cell>
          <cell r="H2645">
            <v>1050054.6090500001</v>
          </cell>
          <cell r="I2645">
            <v>-1424704.14454</v>
          </cell>
        </row>
        <row r="2646">
          <cell r="A2646" t="str">
            <v>B912</v>
          </cell>
          <cell r="B2646">
            <v>15953.80243</v>
          </cell>
          <cell r="C2646">
            <v>1655.2108499999999</v>
          </cell>
          <cell r="D2646">
            <v>-15069.80978</v>
          </cell>
          <cell r="E2646">
            <v>2539.2035000000001</v>
          </cell>
          <cell r="F2646">
            <v>-2901048.5500099999</v>
          </cell>
          <cell r="G2646">
            <v>796653.52885</v>
          </cell>
          <cell r="H2646">
            <v>1115174.15885</v>
          </cell>
          <cell r="I2646">
            <v>-989220.86231</v>
          </cell>
        </row>
        <row r="2647">
          <cell r="A2647" t="str">
            <v>B91201</v>
          </cell>
          <cell r="B2647">
            <v>15704.550090000001</v>
          </cell>
          <cell r="C2647">
            <v>1740.4573499999999</v>
          </cell>
          <cell r="D2647">
            <v>-12170.388349999999</v>
          </cell>
          <cell r="E2647">
            <v>5274.6190900000001</v>
          </cell>
          <cell r="F2647">
            <v>-4641327.5836100001</v>
          </cell>
          <cell r="G2647">
            <v>681225.37289</v>
          </cell>
          <cell r="H2647">
            <v>3029976.6421699999</v>
          </cell>
          <cell r="I2647">
            <v>-930125.56854999997</v>
          </cell>
        </row>
        <row r="2648">
          <cell r="A2648" t="str">
            <v>B91202</v>
          </cell>
          <cell r="B2648">
            <v>249.25234</v>
          </cell>
          <cell r="C2648">
            <v>-85.246499999999997</v>
          </cell>
          <cell r="D2648">
            <v>-2899.4214299999999</v>
          </cell>
          <cell r="E2648">
            <v>-2735.4155900000001</v>
          </cell>
          <cell r="F2648">
            <v>1740279.0336</v>
          </cell>
          <cell r="G2648">
            <v>115428.15596</v>
          </cell>
          <cell r="H2648">
            <v>-1914802.4833200001</v>
          </cell>
          <cell r="I2648">
            <v>-59095.29376</v>
          </cell>
        </row>
        <row r="2649">
          <cell r="A2649" t="str">
            <v>B913P</v>
          </cell>
          <cell r="F2649">
            <v>-370363.73242999997</v>
          </cell>
          <cell r="H2649">
            <v>-65119.549800000001</v>
          </cell>
          <cell r="I2649">
            <v>-435483.28223000001</v>
          </cell>
        </row>
        <row r="2650">
          <cell r="A2650" t="str">
            <v>B91301</v>
          </cell>
          <cell r="F2650">
            <v>-370363.73242999997</v>
          </cell>
          <cell r="H2650">
            <v>-104899.70086</v>
          </cell>
          <cell r="I2650">
            <v>-475263.43329000002</v>
          </cell>
        </row>
        <row r="2651">
          <cell r="A2651" t="str">
            <v>B91302</v>
          </cell>
        </row>
        <row r="2652">
          <cell r="A2652" t="str">
            <v>B91305</v>
          </cell>
          <cell r="H2652">
            <v>39780.151059999997</v>
          </cell>
          <cell r="I2652">
            <v>39780.151059999997</v>
          </cell>
        </row>
        <row r="2653">
          <cell r="A2653" t="str">
            <v>B920</v>
          </cell>
          <cell r="B2653">
            <v>7167.9609399999999</v>
          </cell>
          <cell r="E2653">
            <v>7167.9609399999999</v>
          </cell>
          <cell r="F2653">
            <v>250128.32472999999</v>
          </cell>
          <cell r="G2653">
            <v>80.151179999999997</v>
          </cell>
          <cell r="H2653">
            <v>-326989.91519999999</v>
          </cell>
          <cell r="I2653">
            <v>-76781.439289999995</v>
          </cell>
        </row>
        <row r="2654">
          <cell r="A2654" t="str">
            <v>B92001</v>
          </cell>
          <cell r="F2654">
            <v>0.27742</v>
          </cell>
          <cell r="G2654">
            <v>1.7780000000000001E-2</v>
          </cell>
          <cell r="H2654">
            <v>-0.29520000000000002</v>
          </cell>
          <cell r="I2654">
            <v>0</v>
          </cell>
        </row>
        <row r="2655">
          <cell r="A2655" t="str">
            <v>B92013P</v>
          </cell>
          <cell r="F2655">
            <v>0.27742</v>
          </cell>
          <cell r="G2655">
            <v>1.7780000000000001E-2</v>
          </cell>
          <cell r="H2655">
            <v>-0.29520000000000002</v>
          </cell>
          <cell r="I2655">
            <v>0</v>
          </cell>
        </row>
        <row r="2656">
          <cell r="A2656" t="str">
            <v>B92015</v>
          </cell>
          <cell r="F2656">
            <v>0.27742</v>
          </cell>
          <cell r="G2656">
            <v>1.7780000000000001E-2</v>
          </cell>
          <cell r="H2656">
            <v>-0.29520000000000002</v>
          </cell>
          <cell r="I2656">
            <v>0</v>
          </cell>
        </row>
        <row r="2657">
          <cell r="A2657" t="str">
            <v>B92016</v>
          </cell>
        </row>
        <row r="2658">
          <cell r="A2658" t="str">
            <v>B92002</v>
          </cell>
          <cell r="B2658">
            <v>7167.9609399999999</v>
          </cell>
          <cell r="E2658">
            <v>7167.9609399999999</v>
          </cell>
          <cell r="F2658">
            <v>250128.04730999999</v>
          </cell>
          <cell r="G2658">
            <v>80.133399999999995</v>
          </cell>
          <cell r="H2658">
            <v>-326989.62</v>
          </cell>
          <cell r="I2658">
            <v>-76781.439289999995</v>
          </cell>
        </row>
        <row r="2659">
          <cell r="A2659" t="str">
            <v>B92004</v>
          </cell>
          <cell r="B2659">
            <v>185.46847</v>
          </cell>
          <cell r="E2659">
            <v>185.46847</v>
          </cell>
          <cell r="F2659">
            <v>16247.54149</v>
          </cell>
          <cell r="H2659">
            <v>3500</v>
          </cell>
          <cell r="I2659">
            <v>19747.54149</v>
          </cell>
        </row>
        <row r="2660">
          <cell r="A2660" t="str">
            <v>B92005</v>
          </cell>
          <cell r="B2660">
            <v>6982.4924700000001</v>
          </cell>
          <cell r="E2660">
            <v>6982.4924700000001</v>
          </cell>
          <cell r="F2660">
            <v>27422.53385</v>
          </cell>
          <cell r="H2660">
            <v>-39780.151059999997</v>
          </cell>
          <cell r="I2660">
            <v>-12357.61721</v>
          </cell>
        </row>
        <row r="2661">
          <cell r="A2661" t="str">
            <v>B92009</v>
          </cell>
          <cell r="F2661">
            <v>206457.97197000001</v>
          </cell>
          <cell r="G2661">
            <v>80.133399999999995</v>
          </cell>
          <cell r="H2661">
            <v>-298189.41029999999</v>
          </cell>
          <cell r="I2661">
            <v>-91651.304929999998</v>
          </cell>
        </row>
        <row r="2662">
          <cell r="A2662" t="str">
            <v>B92020</v>
          </cell>
          <cell r="H2662">
            <v>7479.9413599999998</v>
          </cell>
          <cell r="I2662">
            <v>7479.9413599999998</v>
          </cell>
        </row>
        <row r="2663">
          <cell r="A2663" t="str">
            <v>PL</v>
          </cell>
          <cell r="B2663">
            <v>-49089.679429999997</v>
          </cell>
          <cell r="C2663">
            <v>1117.0368100000001</v>
          </cell>
          <cell r="D2663">
            <v>14189.258620000001</v>
          </cell>
          <cell r="E2663">
            <v>-33783.383999999998</v>
          </cell>
          <cell r="F2663">
            <v>-448411.95163999998</v>
          </cell>
          <cell r="G2663">
            <v>4093.19992</v>
          </cell>
          <cell r="H2663">
            <v>247825.80713</v>
          </cell>
          <cell r="I2663">
            <v>-196492.94459</v>
          </cell>
        </row>
        <row r="2664">
          <cell r="A2664" t="str">
            <v>P7</v>
          </cell>
          <cell r="B2664">
            <v>-49089.679429999997</v>
          </cell>
          <cell r="C2664">
            <v>1117.0368100000001</v>
          </cell>
          <cell r="D2664">
            <v>14189.258620000001</v>
          </cell>
          <cell r="E2664">
            <v>-33783.383999999998</v>
          </cell>
          <cell r="F2664">
            <v>-448411.95163999998</v>
          </cell>
          <cell r="G2664">
            <v>4093.19992</v>
          </cell>
          <cell r="H2664">
            <v>247825.80713</v>
          </cell>
          <cell r="I2664">
            <v>-196492.94459</v>
          </cell>
        </row>
        <row r="2665">
          <cell r="A2665" t="str">
            <v>P5</v>
          </cell>
          <cell r="B2665">
            <v>-49089.679429999997</v>
          </cell>
          <cell r="C2665">
            <v>1117.0368100000001</v>
          </cell>
          <cell r="D2665">
            <v>14189.258620000001</v>
          </cell>
          <cell r="E2665">
            <v>-33783.383999999998</v>
          </cell>
          <cell r="F2665">
            <v>-448411.95163999998</v>
          </cell>
          <cell r="G2665">
            <v>4093.19992</v>
          </cell>
          <cell r="H2665">
            <v>247825.80713</v>
          </cell>
          <cell r="I2665">
            <v>-196492.94459</v>
          </cell>
        </row>
        <row r="2666">
          <cell r="A2666" t="str">
            <v>P3</v>
          </cell>
          <cell r="B2666">
            <v>-72234.449030000003</v>
          </cell>
          <cell r="C2666">
            <v>1117.0368100000001</v>
          </cell>
          <cell r="D2666">
            <v>11518.980159999999</v>
          </cell>
          <cell r="E2666">
            <v>-59598.432059999999</v>
          </cell>
          <cell r="F2666">
            <v>-544144.96739999996</v>
          </cell>
          <cell r="G2666">
            <v>4093.19992</v>
          </cell>
          <cell r="H2666">
            <v>185118.98240000001</v>
          </cell>
          <cell r="I2666">
            <v>-354932.78508</v>
          </cell>
        </row>
        <row r="2667">
          <cell r="A2667" t="str">
            <v>P2</v>
          </cell>
          <cell r="B2667">
            <v>-82395.777029999997</v>
          </cell>
          <cell r="C2667">
            <v>1117.0016800000001</v>
          </cell>
          <cell r="D2667">
            <v>3335.7511800000002</v>
          </cell>
          <cell r="E2667">
            <v>-77943.024170000004</v>
          </cell>
          <cell r="F2667">
            <v>-520535.47447000002</v>
          </cell>
          <cell r="G2667">
            <v>4173.5435399999997</v>
          </cell>
          <cell r="H2667">
            <v>141650.47644999999</v>
          </cell>
          <cell r="I2667">
            <v>-374711.45448000001</v>
          </cell>
        </row>
        <row r="2668">
          <cell r="A2668" t="str">
            <v>P100</v>
          </cell>
          <cell r="B2668">
            <v>-137327.77340999999</v>
          </cell>
          <cell r="E2668">
            <v>-137327.77340999999</v>
          </cell>
          <cell r="F2668">
            <v>-844974.52763000003</v>
          </cell>
          <cell r="H2668">
            <v>0</v>
          </cell>
          <cell r="I2668">
            <v>-844974.52763000003</v>
          </cell>
        </row>
        <row r="2669">
          <cell r="A2669" t="str">
            <v>P110</v>
          </cell>
          <cell r="B2669">
            <v>-137327.77340999999</v>
          </cell>
          <cell r="E2669">
            <v>-137327.77340999999</v>
          </cell>
          <cell r="F2669">
            <v>-844974.52760999999</v>
          </cell>
          <cell r="H2669">
            <v>0</v>
          </cell>
          <cell r="I2669">
            <v>-844974.52760999999</v>
          </cell>
        </row>
        <row r="2670">
          <cell r="A2670" t="str">
            <v>P111</v>
          </cell>
          <cell r="B2670">
            <v>-350.81232</v>
          </cell>
          <cell r="E2670">
            <v>-350.81232</v>
          </cell>
          <cell r="F2670">
            <v>-2070.4776400000001</v>
          </cell>
          <cell r="I2670">
            <v>-2070.4776400000001</v>
          </cell>
        </row>
        <row r="2671">
          <cell r="A2671" t="str">
            <v>P11101</v>
          </cell>
        </row>
        <row r="2672">
          <cell r="A2672" t="str">
            <v>P11102</v>
          </cell>
          <cell r="B2672">
            <v>-350.81232</v>
          </cell>
          <cell r="E2672">
            <v>-350.81232</v>
          </cell>
          <cell r="F2672">
            <v>-2070.4776400000001</v>
          </cell>
          <cell r="I2672">
            <v>-2070.4776400000001</v>
          </cell>
        </row>
        <row r="2673">
          <cell r="A2673" t="str">
            <v>P112</v>
          </cell>
          <cell r="B2673">
            <v>-156126.01173999999</v>
          </cell>
          <cell r="E2673">
            <v>-156126.01173999999</v>
          </cell>
          <cell r="F2673">
            <v>-893705.62141999998</v>
          </cell>
          <cell r="H2673">
            <v>0</v>
          </cell>
          <cell r="I2673">
            <v>-893705.62141999998</v>
          </cell>
        </row>
        <row r="2674">
          <cell r="A2674" t="str">
            <v>P11201</v>
          </cell>
          <cell r="B2674">
            <v>-156126.01173999999</v>
          </cell>
          <cell r="E2674">
            <v>-156126.01173999999</v>
          </cell>
          <cell r="F2674">
            <v>-893705.62141999998</v>
          </cell>
          <cell r="H2674">
            <v>0</v>
          </cell>
          <cell r="I2674">
            <v>-893705.62141999998</v>
          </cell>
        </row>
        <row r="2675">
          <cell r="A2675" t="str">
            <v>P113</v>
          </cell>
          <cell r="B2675">
            <v>19149.050650000001</v>
          </cell>
          <cell r="E2675">
            <v>19149.050650000001</v>
          </cell>
          <cell r="F2675">
            <v>22139.538229999998</v>
          </cell>
          <cell r="I2675">
            <v>22139.538229999998</v>
          </cell>
        </row>
        <row r="2676">
          <cell r="A2676" t="str">
            <v>P115</v>
          </cell>
          <cell r="F2676">
            <v>28662.033220000001</v>
          </cell>
          <cell r="I2676">
            <v>28662.033220000001</v>
          </cell>
        </row>
        <row r="2677">
          <cell r="A2677" t="str">
            <v>P120</v>
          </cell>
          <cell r="F2677">
            <v>-2.0000000000000002E-5</v>
          </cell>
          <cell r="I2677">
            <v>-2.0000000000000002E-5</v>
          </cell>
        </row>
        <row r="2678">
          <cell r="A2678" t="str">
            <v>P12002</v>
          </cell>
          <cell r="F2678">
            <v>-2.0000000000000002E-5</v>
          </cell>
          <cell r="I2678">
            <v>-2.0000000000000002E-5</v>
          </cell>
        </row>
        <row r="2679">
          <cell r="A2679" t="str">
            <v>P200</v>
          </cell>
          <cell r="B2679">
            <v>54931.996379999997</v>
          </cell>
          <cell r="C2679">
            <v>1117.0016800000001</v>
          </cell>
          <cell r="D2679">
            <v>3335.7511800000002</v>
          </cell>
          <cell r="E2679">
            <v>59384.749239999997</v>
          </cell>
          <cell r="F2679">
            <v>324439.05316000001</v>
          </cell>
          <cell r="G2679">
            <v>4173.5435399999997</v>
          </cell>
          <cell r="H2679">
            <v>141650.47644999999</v>
          </cell>
          <cell r="I2679">
            <v>470263.07315000001</v>
          </cell>
        </row>
        <row r="2680">
          <cell r="A2680" t="str">
            <v>P220</v>
          </cell>
          <cell r="B2680">
            <v>12004.263129999999</v>
          </cell>
          <cell r="E2680">
            <v>12004.263129999999</v>
          </cell>
          <cell r="F2680">
            <v>86387.821370000005</v>
          </cell>
          <cell r="I2680">
            <v>86387.821370000005</v>
          </cell>
        </row>
        <row r="2681">
          <cell r="A2681" t="str">
            <v>P220</v>
          </cell>
        </row>
        <row r="2682">
          <cell r="A2682" t="str">
            <v>P22001</v>
          </cell>
          <cell r="B2682">
            <v>11919.27808</v>
          </cell>
          <cell r="E2682">
            <v>11919.27808</v>
          </cell>
          <cell r="F2682">
            <v>85869.429820000005</v>
          </cell>
          <cell r="I2682">
            <v>85869.429820000005</v>
          </cell>
        </row>
        <row r="2683">
          <cell r="A2683" t="str">
            <v>P22002</v>
          </cell>
          <cell r="B2683">
            <v>84.985050000000001</v>
          </cell>
          <cell r="E2683">
            <v>84.985050000000001</v>
          </cell>
          <cell r="F2683">
            <v>518.39155000000005</v>
          </cell>
          <cell r="I2683">
            <v>518.39155000000005</v>
          </cell>
        </row>
        <row r="2684">
          <cell r="A2684" t="str">
            <v>P230</v>
          </cell>
          <cell r="B2684">
            <v>16742.818520000001</v>
          </cell>
          <cell r="C2684">
            <v>152.67310000000001</v>
          </cell>
          <cell r="D2684">
            <v>5229.2324099999996</v>
          </cell>
          <cell r="E2684">
            <v>22124.724030000001</v>
          </cell>
          <cell r="F2684">
            <v>94211.336230000001</v>
          </cell>
          <cell r="G2684">
            <v>967.97181999999998</v>
          </cell>
          <cell r="H2684">
            <v>28823.851640000001</v>
          </cell>
          <cell r="I2684">
            <v>124003.15969</v>
          </cell>
        </row>
        <row r="2685">
          <cell r="A2685" t="str">
            <v>P231</v>
          </cell>
          <cell r="B2685">
            <v>4346.0687099999996</v>
          </cell>
          <cell r="E2685">
            <v>4346.0687099999996</v>
          </cell>
          <cell r="F2685">
            <v>25270.440709999999</v>
          </cell>
          <cell r="I2685">
            <v>25270.440709999999</v>
          </cell>
        </row>
        <row r="2686">
          <cell r="A2686" t="str">
            <v>P232</v>
          </cell>
          <cell r="B2686">
            <v>3267.1433999999999</v>
          </cell>
          <cell r="E2686">
            <v>3267.1433999999999</v>
          </cell>
          <cell r="F2686">
            <v>10499.28514</v>
          </cell>
          <cell r="I2686">
            <v>10499.28514</v>
          </cell>
        </row>
        <row r="2687">
          <cell r="A2687" t="str">
            <v>P233</v>
          </cell>
          <cell r="B2687">
            <v>8560.3717099999994</v>
          </cell>
          <cell r="E2687">
            <v>8560.3717099999994</v>
          </cell>
          <cell r="F2687">
            <v>40948.898910000004</v>
          </cell>
          <cell r="I2687">
            <v>40948.898910000004</v>
          </cell>
        </row>
        <row r="2688">
          <cell r="A2688" t="str">
            <v>P235</v>
          </cell>
          <cell r="B2688">
            <v>-393.3639</v>
          </cell>
          <cell r="C2688">
            <v>37.27028</v>
          </cell>
          <cell r="D2688">
            <v>71.043270000000007</v>
          </cell>
          <cell r="E2688">
            <v>-285.05034999999998</v>
          </cell>
          <cell r="F2688">
            <v>12915.72352</v>
          </cell>
          <cell r="G2688">
            <v>655.03105000000005</v>
          </cell>
          <cell r="H2688">
            <v>157.00221999999999</v>
          </cell>
          <cell r="I2688">
            <v>13727.756789999999</v>
          </cell>
        </row>
        <row r="2689">
          <cell r="A2689" t="str">
            <v>P236</v>
          </cell>
          <cell r="B2689">
            <v>962.59860000000003</v>
          </cell>
          <cell r="C2689">
            <v>115.40282000000001</v>
          </cell>
          <cell r="D2689">
            <v>2640.1183099999998</v>
          </cell>
          <cell r="E2689">
            <v>3718.1197299999999</v>
          </cell>
          <cell r="F2689">
            <v>4620.9355500000001</v>
          </cell>
          <cell r="G2689">
            <v>332.16467</v>
          </cell>
          <cell r="H2689">
            <v>22969.539629999999</v>
          </cell>
          <cell r="I2689">
            <v>27922.63985</v>
          </cell>
        </row>
        <row r="2690">
          <cell r="A2690" t="str">
            <v>P237</v>
          </cell>
          <cell r="D2690">
            <v>2518.0708300000001</v>
          </cell>
          <cell r="E2690">
            <v>2518.0708300000001</v>
          </cell>
          <cell r="F2690">
            <v>-36.95579</v>
          </cell>
          <cell r="G2690">
            <v>-19.2239</v>
          </cell>
          <cell r="H2690">
            <v>5697.3097900000002</v>
          </cell>
          <cell r="I2690">
            <v>5641.1301000000003</v>
          </cell>
        </row>
        <row r="2691">
          <cell r="A2691" t="str">
            <v>P238</v>
          </cell>
          <cell r="F2691">
            <v>-6.9918100000000001</v>
          </cell>
          <cell r="I2691">
            <v>-6.9918100000000001</v>
          </cell>
        </row>
        <row r="2692">
          <cell r="A2692" t="str">
            <v>P240</v>
          </cell>
          <cell r="B2692">
            <v>1338.1926599999999</v>
          </cell>
          <cell r="C2692">
            <v>214.93446</v>
          </cell>
          <cell r="D2692">
            <v>415.49707000000001</v>
          </cell>
          <cell r="E2692">
            <v>1968.62419</v>
          </cell>
          <cell r="F2692">
            <v>8401.8481400000001</v>
          </cell>
          <cell r="G2692">
            <v>1137.76496</v>
          </cell>
          <cell r="H2692">
            <v>4073.8271500000001</v>
          </cell>
          <cell r="I2692">
            <v>13613.44025</v>
          </cell>
        </row>
        <row r="2693">
          <cell r="A2693" t="str">
            <v>P241</v>
          </cell>
          <cell r="B2693">
            <v>2.0364300000000002</v>
          </cell>
          <cell r="E2693">
            <v>2.0364300000000002</v>
          </cell>
          <cell r="F2693">
            <v>84.443669999999997</v>
          </cell>
          <cell r="I2693">
            <v>84.443669999999997</v>
          </cell>
        </row>
        <row r="2694">
          <cell r="A2694" t="str">
            <v>P24102</v>
          </cell>
          <cell r="B2694">
            <v>2.0364300000000002</v>
          </cell>
          <cell r="E2694">
            <v>2.0364300000000002</v>
          </cell>
          <cell r="F2694">
            <v>84.443669999999997</v>
          </cell>
          <cell r="I2694">
            <v>84.443669999999997</v>
          </cell>
        </row>
        <row r="2695">
          <cell r="A2695" t="str">
            <v>P242</v>
          </cell>
          <cell r="B2695">
            <v>1305.9269400000001</v>
          </cell>
          <cell r="E2695">
            <v>1305.9269400000001</v>
          </cell>
          <cell r="F2695">
            <v>8231.4932599999993</v>
          </cell>
          <cell r="I2695">
            <v>8231.4932599999993</v>
          </cell>
        </row>
        <row r="2696">
          <cell r="A2696" t="str">
            <v>P243</v>
          </cell>
          <cell r="C2696">
            <v>190.97798</v>
          </cell>
          <cell r="D2696">
            <v>628.89383999999995</v>
          </cell>
          <cell r="E2696">
            <v>819.87181999999996</v>
          </cell>
          <cell r="G2696">
            <v>1233.17004</v>
          </cell>
          <cell r="H2696">
            <v>4015.6651000000002</v>
          </cell>
          <cell r="I2696">
            <v>5248.8351400000001</v>
          </cell>
        </row>
        <row r="2697">
          <cell r="A2697" t="str">
            <v>P24310</v>
          </cell>
          <cell r="C2697">
            <v>190.97798</v>
          </cell>
          <cell r="E2697">
            <v>190.97798</v>
          </cell>
          <cell r="G2697">
            <v>1233.17004</v>
          </cell>
          <cell r="H2697">
            <v>267.14577000000003</v>
          </cell>
          <cell r="I2697">
            <v>1500.3158100000001</v>
          </cell>
        </row>
        <row r="2698">
          <cell r="A2698" t="str">
            <v>P24311</v>
          </cell>
          <cell r="C2698">
            <v>190.97798</v>
          </cell>
          <cell r="E2698">
            <v>190.97798</v>
          </cell>
          <cell r="G2698">
            <v>1233.17004</v>
          </cell>
          <cell r="H2698">
            <v>267.14577000000003</v>
          </cell>
          <cell r="I2698">
            <v>1500.3158100000001</v>
          </cell>
        </row>
        <row r="2699">
          <cell r="A2699" t="str">
            <v>P24320</v>
          </cell>
          <cell r="D2699">
            <v>628.89383999999995</v>
          </cell>
          <cell r="E2699">
            <v>628.89383999999995</v>
          </cell>
          <cell r="H2699">
            <v>3748.5193300000001</v>
          </cell>
          <cell r="I2699">
            <v>3748.5193300000001</v>
          </cell>
        </row>
        <row r="2700">
          <cell r="A2700" t="str">
            <v>P24313</v>
          </cell>
          <cell r="D2700">
            <v>628.89383999999995</v>
          </cell>
          <cell r="E2700">
            <v>628.89383999999995</v>
          </cell>
          <cell r="H2700">
            <v>3748.5193300000001</v>
          </cell>
          <cell r="I2700">
            <v>3748.5193300000001</v>
          </cell>
        </row>
        <row r="2701">
          <cell r="A2701" t="str">
            <v>P244P</v>
          </cell>
          <cell r="B2701">
            <v>30.229289999999999</v>
          </cell>
          <cell r="C2701">
            <v>23.956479999999999</v>
          </cell>
          <cell r="D2701">
            <v>-213.39677</v>
          </cell>
          <cell r="E2701">
            <v>-159.21100000000001</v>
          </cell>
          <cell r="F2701">
            <v>85.911209999999997</v>
          </cell>
          <cell r="G2701">
            <v>-95.405079999999998</v>
          </cell>
          <cell r="H2701">
            <v>58.162050000000001</v>
          </cell>
          <cell r="I2701">
            <v>48.66818</v>
          </cell>
        </row>
        <row r="2702">
          <cell r="A2702" t="str">
            <v>P24401</v>
          </cell>
          <cell r="B2702">
            <v>30.229289999999999</v>
          </cell>
          <cell r="C2702">
            <v>23.956479999999999</v>
          </cell>
          <cell r="D2702">
            <v>-213.39677</v>
          </cell>
          <cell r="E2702">
            <v>-159.21100000000001</v>
          </cell>
          <cell r="F2702">
            <v>85.911209999999997</v>
          </cell>
          <cell r="G2702">
            <v>-95.405079999999998</v>
          </cell>
          <cell r="H2702">
            <v>58.162050000000001</v>
          </cell>
          <cell r="I2702">
            <v>48.66818</v>
          </cell>
        </row>
        <row r="2703">
          <cell r="A2703" t="str">
            <v>P250</v>
          </cell>
          <cell r="B2703">
            <v>1967.4306099999999</v>
          </cell>
          <cell r="C2703">
            <v>627.13945000000001</v>
          </cell>
          <cell r="E2703">
            <v>2594.57006</v>
          </cell>
          <cell r="F2703">
            <v>12722.573399999999</v>
          </cell>
          <cell r="G2703">
            <v>5783.9889499999999</v>
          </cell>
          <cell r="I2703">
            <v>18506.56235</v>
          </cell>
        </row>
        <row r="2704">
          <cell r="A2704" t="str">
            <v>P251</v>
          </cell>
          <cell r="B2704">
            <v>1994.78511</v>
          </cell>
          <cell r="C2704">
            <v>627.13945000000001</v>
          </cell>
          <cell r="E2704">
            <v>2621.9245599999999</v>
          </cell>
          <cell r="F2704">
            <v>12094.248960000001</v>
          </cell>
          <cell r="G2704">
            <v>5783.9889499999999</v>
          </cell>
          <cell r="I2704">
            <v>17878.23791</v>
          </cell>
        </row>
        <row r="2705">
          <cell r="A2705" t="str">
            <v>P253</v>
          </cell>
          <cell r="B2705">
            <v>-27.354500000000002</v>
          </cell>
          <cell r="E2705">
            <v>-27.354500000000002</v>
          </cell>
          <cell r="F2705">
            <v>628.32443999999998</v>
          </cell>
          <cell r="I2705">
            <v>628.32443999999998</v>
          </cell>
        </row>
        <row r="2706">
          <cell r="A2706" t="str">
            <v>P260</v>
          </cell>
          <cell r="B2706">
            <v>22743.859059999999</v>
          </cell>
          <cell r="C2706">
            <v>46.288809999999998</v>
          </cell>
          <cell r="D2706">
            <v>73.645769999999999</v>
          </cell>
          <cell r="E2706">
            <v>22863.79364</v>
          </cell>
          <cell r="F2706">
            <v>175208.56541000001</v>
          </cell>
          <cell r="G2706">
            <v>325.28951000000001</v>
          </cell>
          <cell r="H2706">
            <v>466.53710000000001</v>
          </cell>
          <cell r="I2706">
            <v>176000.39202</v>
          </cell>
        </row>
        <row r="2707">
          <cell r="A2707" t="str">
            <v>P261</v>
          </cell>
          <cell r="B2707">
            <v>22743.859059999999</v>
          </cell>
          <cell r="C2707">
            <v>46.288809999999998</v>
          </cell>
          <cell r="D2707">
            <v>73.645769999999999</v>
          </cell>
          <cell r="E2707">
            <v>22863.79364</v>
          </cell>
          <cell r="F2707">
            <v>175208.56440999999</v>
          </cell>
          <cell r="G2707">
            <v>325.28951000000001</v>
          </cell>
          <cell r="H2707">
            <v>466.53710000000001</v>
          </cell>
          <cell r="I2707">
            <v>176000.39102000001</v>
          </cell>
        </row>
        <row r="2708">
          <cell r="A2708" t="str">
            <v>P26101</v>
          </cell>
          <cell r="B2708">
            <v>17330.65293</v>
          </cell>
          <cell r="C2708">
            <v>46.288809999999998</v>
          </cell>
          <cell r="D2708">
            <v>73.645769999999999</v>
          </cell>
          <cell r="E2708">
            <v>17450.587510000001</v>
          </cell>
          <cell r="F2708">
            <v>134441.10540999999</v>
          </cell>
          <cell r="G2708">
            <v>325.28951000000001</v>
          </cell>
          <cell r="H2708">
            <v>466.53710000000001</v>
          </cell>
          <cell r="I2708">
            <v>135232.93202000001</v>
          </cell>
        </row>
        <row r="2709">
          <cell r="A2709" t="str">
            <v>P26105</v>
          </cell>
          <cell r="B2709">
            <v>5413.2061299999996</v>
          </cell>
          <cell r="E2709">
            <v>5413.2061299999996</v>
          </cell>
          <cell r="F2709">
            <v>40767.459000000003</v>
          </cell>
          <cell r="I2709">
            <v>40767.459000000003</v>
          </cell>
        </row>
        <row r="2710">
          <cell r="A2710" t="str">
            <v>P263</v>
          </cell>
          <cell r="F2710">
            <v>1E-3</v>
          </cell>
          <cell r="I2710">
            <v>1E-3</v>
          </cell>
        </row>
        <row r="2711">
          <cell r="A2711" t="str">
            <v>P26301</v>
          </cell>
          <cell r="F2711">
            <v>1E-3</v>
          </cell>
          <cell r="I2711">
            <v>1E-3</v>
          </cell>
        </row>
        <row r="2712">
          <cell r="A2712" t="str">
            <v>P275</v>
          </cell>
          <cell r="B2712">
            <v>135.4324</v>
          </cell>
          <cell r="C2712">
            <v>75.965860000000006</v>
          </cell>
          <cell r="D2712">
            <v>256.30050999999997</v>
          </cell>
          <cell r="E2712">
            <v>467.69877000000002</v>
          </cell>
          <cell r="F2712">
            <v>-52493.091390000001</v>
          </cell>
          <cell r="G2712">
            <v>-4041.4717000000001</v>
          </cell>
          <cell r="H2712">
            <v>103271.4792</v>
          </cell>
          <cell r="I2712">
            <v>46736.916109999998</v>
          </cell>
        </row>
        <row r="2713">
          <cell r="A2713" t="str">
            <v>P280</v>
          </cell>
          <cell r="D2713">
            <v>-2638.9245799999999</v>
          </cell>
          <cell r="E2713">
            <v>-2638.9245799999999</v>
          </cell>
          <cell r="H2713">
            <v>5014.7813599999999</v>
          </cell>
          <cell r="I2713">
            <v>5014.7813599999999</v>
          </cell>
        </row>
        <row r="2714">
          <cell r="A2714" t="str">
            <v>P300</v>
          </cell>
          <cell r="B2714">
            <v>10161.328</v>
          </cell>
          <cell r="C2714">
            <v>3.5130000000000002E-2</v>
          </cell>
          <cell r="D2714">
            <v>8183.2289799999999</v>
          </cell>
          <cell r="E2714">
            <v>18344.592110000001</v>
          </cell>
          <cell r="F2714">
            <v>-23609.49293</v>
          </cell>
          <cell r="G2714">
            <v>-80.343620000000001</v>
          </cell>
          <cell r="H2714">
            <v>43468.505949999999</v>
          </cell>
          <cell r="I2714">
            <v>19778.669399999999</v>
          </cell>
        </row>
        <row r="2715">
          <cell r="A2715" t="str">
            <v>P340</v>
          </cell>
          <cell r="F2715">
            <v>-96649.244600000005</v>
          </cell>
          <cell r="G2715">
            <v>-12.67952</v>
          </cell>
          <cell r="I2715">
            <v>-96661.924119999996</v>
          </cell>
        </row>
        <row r="2716">
          <cell r="A2716" t="str">
            <v>P342</v>
          </cell>
          <cell r="F2716">
            <v>-96649.244600000005</v>
          </cell>
          <cell r="G2716">
            <v>-12.67952</v>
          </cell>
          <cell r="I2716">
            <v>-96661.924119999996</v>
          </cell>
        </row>
        <row r="2717">
          <cell r="A2717" t="str">
            <v>P26103</v>
          </cell>
          <cell r="F2717">
            <v>-96649.244600000005</v>
          </cell>
          <cell r="G2717">
            <v>-12.67952</v>
          </cell>
          <cell r="I2717">
            <v>-96661.924119999996</v>
          </cell>
        </row>
        <row r="2718">
          <cell r="A2718" t="str">
            <v>P26302</v>
          </cell>
        </row>
        <row r="2719">
          <cell r="A2719" t="str">
            <v>P310</v>
          </cell>
          <cell r="B2719">
            <v>-2.1944300000000001</v>
          </cell>
          <cell r="E2719">
            <v>-2.1944300000000001</v>
          </cell>
          <cell r="F2719">
            <v>-2.4924599999999999</v>
          </cell>
          <cell r="H2719">
            <v>-6284.0358399999996</v>
          </cell>
          <cell r="I2719">
            <v>-6286.5282999999999</v>
          </cell>
        </row>
        <row r="2720">
          <cell r="A2720" t="str">
            <v>P311</v>
          </cell>
          <cell r="B2720">
            <v>-2.1944300000000001</v>
          </cell>
          <cell r="E2720">
            <v>-2.1944300000000001</v>
          </cell>
          <cell r="F2720">
            <v>-2.4924599999999999</v>
          </cell>
          <cell r="H2720">
            <v>-6284.0358399999996</v>
          </cell>
          <cell r="I2720">
            <v>-6286.5282999999999</v>
          </cell>
        </row>
        <row r="2721">
          <cell r="A2721" t="str">
            <v>P320</v>
          </cell>
          <cell r="B2721">
            <v>10144.19708</v>
          </cell>
          <cell r="D2721">
            <v>3728.5477599999999</v>
          </cell>
          <cell r="E2721">
            <v>13872.744839999999</v>
          </cell>
          <cell r="F2721">
            <v>73139.263519999993</v>
          </cell>
          <cell r="G2721">
            <v>7.2700000000000004E-3</v>
          </cell>
          <cell r="H2721">
            <v>28383.483380000001</v>
          </cell>
          <cell r="I2721">
            <v>101522.75417</v>
          </cell>
        </row>
        <row r="2722">
          <cell r="A2722" t="str">
            <v>P321</v>
          </cell>
          <cell r="B2722">
            <v>1027.07194</v>
          </cell>
          <cell r="D2722">
            <v>3858.0681199999999</v>
          </cell>
          <cell r="E2722">
            <v>4885.1400599999997</v>
          </cell>
          <cell r="F2722">
            <v>7401.2300500000001</v>
          </cell>
          <cell r="H2722">
            <v>26644.48517</v>
          </cell>
          <cell r="I2722">
            <v>34045.715219999998</v>
          </cell>
        </row>
        <row r="2723">
          <cell r="A2723" t="str">
            <v>P32103</v>
          </cell>
          <cell r="B2723">
            <v>1037.95054</v>
          </cell>
          <cell r="D2723">
            <v>3858.0681199999999</v>
          </cell>
          <cell r="E2723">
            <v>4896.0186599999997</v>
          </cell>
          <cell r="F2723">
            <v>7584.2323800000004</v>
          </cell>
          <cell r="H2723">
            <v>26644.48517</v>
          </cell>
          <cell r="I2723">
            <v>34228.717550000001</v>
          </cell>
        </row>
        <row r="2724">
          <cell r="A2724" t="str">
            <v>P32104</v>
          </cell>
          <cell r="B2724">
            <v>-10.8786</v>
          </cell>
          <cell r="E2724">
            <v>-10.8786</v>
          </cell>
          <cell r="F2724">
            <v>-183.00233</v>
          </cell>
          <cell r="I2724">
            <v>-183.00233</v>
          </cell>
        </row>
        <row r="2725">
          <cell r="A2725" t="str">
            <v>P322</v>
          </cell>
          <cell r="B2725">
            <v>7668.02736</v>
          </cell>
          <cell r="D2725">
            <v>-129.52036000000001</v>
          </cell>
          <cell r="E2725">
            <v>7538.5069999999996</v>
          </cell>
          <cell r="F2725">
            <v>55076.962050000002</v>
          </cell>
          <cell r="G2725">
            <v>7.2700000000000004E-3</v>
          </cell>
          <cell r="H2725">
            <v>1738.99821</v>
          </cell>
          <cell r="I2725">
            <v>56815.967530000002</v>
          </cell>
        </row>
        <row r="2726">
          <cell r="A2726" t="str">
            <v>P323</v>
          </cell>
          <cell r="B2726">
            <v>-293.90415999999999</v>
          </cell>
          <cell r="E2726">
            <v>-293.90415999999999</v>
          </cell>
          <cell r="F2726">
            <v>-1539.9421600000001</v>
          </cell>
          <cell r="I2726">
            <v>-1539.9421600000001</v>
          </cell>
        </row>
        <row r="2727">
          <cell r="A2727" t="str">
            <v>P324</v>
          </cell>
          <cell r="B2727">
            <v>1743.0019400000001</v>
          </cell>
          <cell r="E2727">
            <v>1743.0019400000001</v>
          </cell>
          <cell r="F2727">
            <v>12201.013580000001</v>
          </cell>
          <cell r="I2727">
            <v>12201.013580000001</v>
          </cell>
        </row>
        <row r="2728">
          <cell r="A2728" t="str">
            <v>P330</v>
          </cell>
          <cell r="B2728">
            <v>19.32535</v>
          </cell>
          <cell r="C2728">
            <v>3.5130000000000002E-2</v>
          </cell>
          <cell r="D2728">
            <v>4454.6812200000004</v>
          </cell>
          <cell r="E2728">
            <v>4474.0416999999998</v>
          </cell>
          <cell r="F2728">
            <v>-97.019390000000001</v>
          </cell>
          <cell r="G2728">
            <v>-67.671369999999996</v>
          </cell>
          <cell r="H2728">
            <v>21369.058410000001</v>
          </cell>
          <cell r="I2728">
            <v>21204.36765</v>
          </cell>
        </row>
        <row r="2729">
          <cell r="A2729" t="str">
            <v>P331</v>
          </cell>
          <cell r="F2729">
            <v>-2.0000000000000001E-4</v>
          </cell>
          <cell r="H2729">
            <v>5451.6717399999998</v>
          </cell>
          <cell r="I2729">
            <v>5451.6715400000003</v>
          </cell>
        </row>
        <row r="2730">
          <cell r="A2730" t="str">
            <v>P333</v>
          </cell>
          <cell r="D2730">
            <v>2824.2915400000002</v>
          </cell>
          <cell r="E2730">
            <v>2824.2915400000002</v>
          </cell>
          <cell r="F2730">
            <v>1.57542</v>
          </cell>
          <cell r="H2730">
            <v>22314.248579999999</v>
          </cell>
          <cell r="I2730">
            <v>22315.824000000001</v>
          </cell>
        </row>
        <row r="2731">
          <cell r="A2731" t="str">
            <v>P338</v>
          </cell>
          <cell r="B2731">
            <v>19.32535</v>
          </cell>
          <cell r="C2731">
            <v>3.5130000000000002E-2</v>
          </cell>
          <cell r="D2731">
            <v>1630.38968</v>
          </cell>
          <cell r="E2731">
            <v>1649.7501600000001</v>
          </cell>
          <cell r="F2731">
            <v>-98.594610000000003</v>
          </cell>
          <cell r="G2731">
            <v>-67.671369999999996</v>
          </cell>
          <cell r="H2731">
            <v>-6396.8619099999996</v>
          </cell>
          <cell r="I2731">
            <v>-6563.1278899999998</v>
          </cell>
        </row>
        <row r="2732">
          <cell r="A2732" t="str">
            <v>P400</v>
          </cell>
          <cell r="B2732">
            <v>23144.7696</v>
          </cell>
          <cell r="D2732">
            <v>2670.27846</v>
          </cell>
          <cell r="E2732">
            <v>25815.048060000001</v>
          </cell>
          <cell r="F2732">
            <v>95733.015759999995</v>
          </cell>
          <cell r="H2732">
            <v>62706.82473</v>
          </cell>
          <cell r="I2732">
            <v>158439.84049</v>
          </cell>
        </row>
        <row r="2733">
          <cell r="A2733" t="str">
            <v>P410</v>
          </cell>
          <cell r="B2733">
            <v>6824.0101599999998</v>
          </cell>
          <cell r="D2733">
            <v>-2353.4643099999998</v>
          </cell>
          <cell r="E2733">
            <v>4470.5458500000004</v>
          </cell>
          <cell r="F2733">
            <v>86691.476630000005</v>
          </cell>
          <cell r="H2733">
            <v>-63.555909999999997</v>
          </cell>
          <cell r="I2733">
            <v>86627.920719999995</v>
          </cell>
        </row>
        <row r="2734">
          <cell r="A2734" t="str">
            <v>P411</v>
          </cell>
          <cell r="B2734">
            <v>3569.4208699999999</v>
          </cell>
          <cell r="D2734">
            <v>-2353.4643099999998</v>
          </cell>
          <cell r="E2734">
            <v>1215.9565600000001</v>
          </cell>
          <cell r="F2734">
            <v>8354.7983000000004</v>
          </cell>
          <cell r="H2734">
            <v>0</v>
          </cell>
          <cell r="I2734">
            <v>8354.7983000000004</v>
          </cell>
        </row>
        <row r="2735">
          <cell r="A2735" t="str">
            <v>P412</v>
          </cell>
          <cell r="F2735">
            <v>10616.921979999999</v>
          </cell>
          <cell r="I2735">
            <v>10616.921979999999</v>
          </cell>
        </row>
        <row r="2736">
          <cell r="A2736" t="str">
            <v>P413</v>
          </cell>
          <cell r="B2736">
            <v>3254.5892899999999</v>
          </cell>
          <cell r="E2736">
            <v>3254.5892899999999</v>
          </cell>
          <cell r="F2736">
            <v>67719.756349999996</v>
          </cell>
          <cell r="H2736">
            <v>-63.555909999999997</v>
          </cell>
          <cell r="I2736">
            <v>67656.200440000001</v>
          </cell>
        </row>
        <row r="2737">
          <cell r="A2737" t="str">
            <v>P420</v>
          </cell>
          <cell r="B2737">
            <v>16320.75944</v>
          </cell>
          <cell r="D2737">
            <v>5023.7427699999998</v>
          </cell>
          <cell r="E2737">
            <v>21344.502209999999</v>
          </cell>
          <cell r="F2737">
            <v>9041.5391299999992</v>
          </cell>
          <cell r="H2737">
            <v>62770.380640000003</v>
          </cell>
          <cell r="I2737">
            <v>71811.919769999993</v>
          </cell>
        </row>
        <row r="2738">
          <cell r="A2738" t="str">
            <v>P421</v>
          </cell>
          <cell r="B2738">
            <v>-4615.8260300000002</v>
          </cell>
          <cell r="E2738">
            <v>-4615.8260300000002</v>
          </cell>
          <cell r="F2738">
            <v>-47205.947359999998</v>
          </cell>
          <cell r="H2738">
            <v>-425.97719000000001</v>
          </cell>
          <cell r="I2738">
            <v>-47631.924550000003</v>
          </cell>
        </row>
        <row r="2739">
          <cell r="A2739" t="str">
            <v>P422</v>
          </cell>
          <cell r="B2739">
            <v>20936.585470000002</v>
          </cell>
          <cell r="D2739">
            <v>5023.7427699999998</v>
          </cell>
          <cell r="E2739">
            <v>25960.328239999999</v>
          </cell>
          <cell r="F2739">
            <v>56247.486490000003</v>
          </cell>
          <cell r="H2739">
            <v>63196.357830000001</v>
          </cell>
          <cell r="I2739">
            <v>119443.84432</v>
          </cell>
        </row>
        <row r="2740">
          <cell r="A2740" t="str">
            <v>P8H</v>
          </cell>
          <cell r="B2740">
            <v>-52892.179459999999</v>
          </cell>
          <cell r="C2740">
            <v>1117.0016800000001</v>
          </cell>
          <cell r="D2740">
            <v>8644.9542199999996</v>
          </cell>
          <cell r="E2740">
            <v>-43130.223559999999</v>
          </cell>
          <cell r="F2740">
            <v>-472661.66434999998</v>
          </cell>
          <cell r="G2740">
            <v>4160.86402</v>
          </cell>
          <cell r="H2740">
            <v>199768.49700999999</v>
          </cell>
          <cell r="I2740">
            <v>-268732.30332000001</v>
          </cell>
        </row>
        <row r="2741">
          <cell r="A2741" t="str">
            <v>P8</v>
          </cell>
          <cell r="B2741">
            <v>-52892.179459999999</v>
          </cell>
          <cell r="C2741">
            <v>1117.0016800000001</v>
          </cell>
          <cell r="D2741">
            <v>8644.9542199999996</v>
          </cell>
          <cell r="E2741">
            <v>-43130.223559999999</v>
          </cell>
          <cell r="F2741">
            <v>-472661.66434999998</v>
          </cell>
          <cell r="G2741">
            <v>4160.86402</v>
          </cell>
          <cell r="H2741">
            <v>199768.49700999999</v>
          </cell>
          <cell r="I2741">
            <v>-268732.30332000001</v>
          </cell>
        </row>
        <row r="2742">
          <cell r="A2742" t="str">
            <v>P8</v>
          </cell>
          <cell r="B2742">
            <v>0</v>
          </cell>
          <cell r="C2742">
            <v>0</v>
          </cell>
          <cell r="D2742">
            <v>0</v>
          </cell>
          <cell r="E2742">
            <v>0</v>
          </cell>
          <cell r="F2742">
            <v>0</v>
          </cell>
          <cell r="G2742">
            <v>0</v>
          </cell>
          <cell r="H2742">
            <v>0</v>
          </cell>
          <cell r="I2742">
            <v>0</v>
          </cell>
        </row>
        <row r="2743">
          <cell r="A2743" t="str">
            <v>P5</v>
          </cell>
          <cell r="B2743">
            <v>-49089.679429999997</v>
          </cell>
          <cell r="C2743">
            <v>1117.0368100000001</v>
          </cell>
          <cell r="D2743">
            <v>14189.258620000001</v>
          </cell>
          <cell r="E2743">
            <v>-33783.383999999998</v>
          </cell>
          <cell r="F2743">
            <v>-448411.95163999998</v>
          </cell>
          <cell r="G2743">
            <v>4093.19992</v>
          </cell>
          <cell r="H2743">
            <v>247825.80713</v>
          </cell>
          <cell r="I2743">
            <v>-196492.94459</v>
          </cell>
        </row>
        <row r="2744">
          <cell r="A2744" t="str">
            <v>P3</v>
          </cell>
          <cell r="B2744">
            <v>-72234.449030000003</v>
          </cell>
          <cell r="C2744">
            <v>1117.0368100000001</v>
          </cell>
          <cell r="D2744">
            <v>11518.980159999999</v>
          </cell>
          <cell r="E2744">
            <v>-59598.432059999999</v>
          </cell>
          <cell r="F2744">
            <v>-544144.96739999996</v>
          </cell>
          <cell r="G2744">
            <v>4093.19992</v>
          </cell>
          <cell r="H2744">
            <v>185118.98240000001</v>
          </cell>
          <cell r="I2744">
            <v>-354932.78508</v>
          </cell>
        </row>
        <row r="2745">
          <cell r="A2745" t="str">
            <v>P2</v>
          </cell>
          <cell r="B2745">
            <v>-82395.777029999997</v>
          </cell>
          <cell r="C2745">
            <v>1117.0016800000001</v>
          </cell>
          <cell r="D2745">
            <v>3335.7511800000002</v>
          </cell>
          <cell r="E2745">
            <v>-77943.024170000004</v>
          </cell>
          <cell r="F2745">
            <v>-520535.47447000002</v>
          </cell>
          <cell r="G2745">
            <v>4173.5435399999997</v>
          </cell>
          <cell r="H2745">
            <v>141650.47644999999</v>
          </cell>
          <cell r="I2745">
            <v>-374711.45448000001</v>
          </cell>
        </row>
        <row r="2746">
          <cell r="A2746" t="str">
            <v>P100</v>
          </cell>
          <cell r="B2746">
            <v>-137327.77340999999</v>
          </cell>
          <cell r="E2746">
            <v>-137327.77340999999</v>
          </cell>
          <cell r="F2746">
            <v>-844974.52763000003</v>
          </cell>
          <cell r="H2746">
            <v>0</v>
          </cell>
          <cell r="I2746">
            <v>-844974.52763000003</v>
          </cell>
        </row>
        <row r="2747">
          <cell r="A2747" t="str">
            <v>P110</v>
          </cell>
          <cell r="B2747">
            <v>-137327.77340999999</v>
          </cell>
          <cell r="E2747">
            <v>-137327.77340999999</v>
          </cell>
          <cell r="F2747">
            <v>-844974.52760999999</v>
          </cell>
          <cell r="H2747">
            <v>0</v>
          </cell>
          <cell r="I2747">
            <v>-844974.52760999999</v>
          </cell>
        </row>
        <row r="2748">
          <cell r="A2748" t="str">
            <v>P111</v>
          </cell>
          <cell r="B2748">
            <v>-350.81232</v>
          </cell>
          <cell r="E2748">
            <v>-350.81232</v>
          </cell>
          <cell r="F2748">
            <v>-2070.4776400000001</v>
          </cell>
          <cell r="I2748">
            <v>-2070.4776400000001</v>
          </cell>
        </row>
        <row r="2749">
          <cell r="A2749" t="str">
            <v>P11101</v>
          </cell>
        </row>
        <row r="2750">
          <cell r="A2750" t="str">
            <v>P11102</v>
          </cell>
          <cell r="B2750">
            <v>-350.81232</v>
          </cell>
          <cell r="E2750">
            <v>-350.81232</v>
          </cell>
          <cell r="F2750">
            <v>-2070.4776400000001</v>
          </cell>
          <cell r="I2750">
            <v>-2070.4776400000001</v>
          </cell>
        </row>
        <row r="2751">
          <cell r="A2751" t="str">
            <v>P112</v>
          </cell>
          <cell r="B2751">
            <v>-156126.01173999999</v>
          </cell>
          <cell r="E2751">
            <v>-156126.01173999999</v>
          </cell>
          <cell r="F2751">
            <v>-893705.62141999998</v>
          </cell>
          <cell r="H2751">
            <v>0</v>
          </cell>
          <cell r="I2751">
            <v>-893705.62141999998</v>
          </cell>
        </row>
        <row r="2752">
          <cell r="A2752" t="str">
            <v>P11201</v>
          </cell>
          <cell r="B2752">
            <v>-156126.01173999999</v>
          </cell>
          <cell r="E2752">
            <v>-156126.01173999999</v>
          </cell>
          <cell r="F2752">
            <v>-893705.62141999998</v>
          </cell>
          <cell r="H2752">
            <v>0</v>
          </cell>
          <cell r="I2752">
            <v>-893705.62141999998</v>
          </cell>
        </row>
        <row r="2753">
          <cell r="A2753" t="str">
            <v>P113</v>
          </cell>
          <cell r="B2753">
            <v>19149.050650000001</v>
          </cell>
          <cell r="E2753">
            <v>19149.050650000001</v>
          </cell>
          <cell r="F2753">
            <v>22139.538229999998</v>
          </cell>
          <cell r="I2753">
            <v>22139.538229999998</v>
          </cell>
        </row>
        <row r="2754">
          <cell r="A2754" t="str">
            <v>P115</v>
          </cell>
          <cell r="F2754">
            <v>28662.033220000001</v>
          </cell>
          <cell r="I2754">
            <v>28662.033220000001</v>
          </cell>
        </row>
        <row r="2755">
          <cell r="A2755" t="str">
            <v>P120</v>
          </cell>
          <cell r="F2755">
            <v>-2.0000000000000002E-5</v>
          </cell>
          <cell r="I2755">
            <v>-2.0000000000000002E-5</v>
          </cell>
        </row>
        <row r="2756">
          <cell r="A2756" t="str">
            <v>P12002</v>
          </cell>
          <cell r="F2756">
            <v>-2.0000000000000002E-5</v>
          </cell>
          <cell r="I2756">
            <v>-2.0000000000000002E-5</v>
          </cell>
        </row>
        <row r="2757">
          <cell r="A2757" t="str">
            <v>P200</v>
          </cell>
          <cell r="B2757">
            <v>54931.996379999997</v>
          </cell>
          <cell r="C2757">
            <v>1117.0016800000001</v>
          </cell>
          <cell r="D2757">
            <v>3335.7511800000002</v>
          </cell>
          <cell r="E2757">
            <v>59384.749239999997</v>
          </cell>
          <cell r="F2757">
            <v>324439.05316000001</v>
          </cell>
          <cell r="G2757">
            <v>4173.5435399999997</v>
          </cell>
          <cell r="H2757">
            <v>141650.47644999999</v>
          </cell>
          <cell r="I2757">
            <v>470263.07315000001</v>
          </cell>
        </row>
        <row r="2758">
          <cell r="A2758" t="str">
            <v>P220</v>
          </cell>
          <cell r="B2758">
            <v>12004.263129999999</v>
          </cell>
          <cell r="E2758">
            <v>12004.263129999999</v>
          </cell>
          <cell r="F2758">
            <v>86387.821370000005</v>
          </cell>
          <cell r="I2758">
            <v>86387.821370000005</v>
          </cell>
        </row>
        <row r="2759">
          <cell r="A2759" t="str">
            <v>P220</v>
          </cell>
        </row>
        <row r="2760">
          <cell r="A2760" t="str">
            <v>P22001</v>
          </cell>
          <cell r="B2760">
            <v>11919.27808</v>
          </cell>
          <cell r="E2760">
            <v>11919.27808</v>
          </cell>
          <cell r="F2760">
            <v>85869.429820000005</v>
          </cell>
          <cell r="I2760">
            <v>85869.429820000005</v>
          </cell>
        </row>
        <row r="2761">
          <cell r="A2761" t="str">
            <v>P22002</v>
          </cell>
          <cell r="B2761">
            <v>84.985050000000001</v>
          </cell>
          <cell r="E2761">
            <v>84.985050000000001</v>
          </cell>
          <cell r="F2761">
            <v>518.39155000000005</v>
          </cell>
          <cell r="I2761">
            <v>518.39155000000005</v>
          </cell>
        </row>
        <row r="2762">
          <cell r="A2762" t="str">
            <v>P230</v>
          </cell>
          <cell r="B2762">
            <v>16742.818520000001</v>
          </cell>
          <cell r="C2762">
            <v>152.67310000000001</v>
          </cell>
          <cell r="D2762">
            <v>5229.2324099999996</v>
          </cell>
          <cell r="E2762">
            <v>22124.724030000001</v>
          </cell>
          <cell r="F2762">
            <v>94211.336230000001</v>
          </cell>
          <cell r="G2762">
            <v>967.97181999999998</v>
          </cell>
          <cell r="H2762">
            <v>28823.851640000001</v>
          </cell>
          <cell r="I2762">
            <v>124003.15969</v>
          </cell>
        </row>
        <row r="2763">
          <cell r="A2763" t="str">
            <v>P231</v>
          </cell>
          <cell r="B2763">
            <v>4346.0687099999996</v>
          </cell>
          <cell r="E2763">
            <v>4346.0687099999996</v>
          </cell>
          <cell r="F2763">
            <v>25270.440709999999</v>
          </cell>
          <cell r="I2763">
            <v>25270.440709999999</v>
          </cell>
        </row>
        <row r="2764">
          <cell r="A2764" t="str">
            <v>P232</v>
          </cell>
          <cell r="B2764">
            <v>3267.1433999999999</v>
          </cell>
          <cell r="E2764">
            <v>3267.1433999999999</v>
          </cell>
          <cell r="F2764">
            <v>10499.28514</v>
          </cell>
          <cell r="I2764">
            <v>10499.28514</v>
          </cell>
        </row>
        <row r="2765">
          <cell r="A2765" t="str">
            <v>P233</v>
          </cell>
          <cell r="B2765">
            <v>8560.3717099999994</v>
          </cell>
          <cell r="E2765">
            <v>8560.3717099999994</v>
          </cell>
          <cell r="F2765">
            <v>40948.898910000004</v>
          </cell>
          <cell r="I2765">
            <v>40948.898910000004</v>
          </cell>
        </row>
        <row r="2766">
          <cell r="A2766" t="str">
            <v>P235</v>
          </cell>
          <cell r="B2766">
            <v>-393.3639</v>
          </cell>
          <cell r="C2766">
            <v>37.27028</v>
          </cell>
          <cell r="D2766">
            <v>71.043270000000007</v>
          </cell>
          <cell r="E2766">
            <v>-285.05034999999998</v>
          </cell>
          <cell r="F2766">
            <v>12915.72352</v>
          </cell>
          <cell r="G2766">
            <v>655.03105000000005</v>
          </cell>
          <cell r="H2766">
            <v>157.00221999999999</v>
          </cell>
          <cell r="I2766">
            <v>13727.756789999999</v>
          </cell>
        </row>
        <row r="2767">
          <cell r="A2767" t="str">
            <v>P236</v>
          </cell>
          <cell r="B2767">
            <v>962.59860000000003</v>
          </cell>
          <cell r="C2767">
            <v>115.40282000000001</v>
          </cell>
          <cell r="D2767">
            <v>2640.1183099999998</v>
          </cell>
          <cell r="E2767">
            <v>3718.1197299999999</v>
          </cell>
          <cell r="F2767">
            <v>4620.9355500000001</v>
          </cell>
          <cell r="G2767">
            <v>332.16467</v>
          </cell>
          <cell r="H2767">
            <v>22969.539629999999</v>
          </cell>
          <cell r="I2767">
            <v>27922.63985</v>
          </cell>
        </row>
        <row r="2768">
          <cell r="A2768" t="str">
            <v>P237</v>
          </cell>
          <cell r="D2768">
            <v>2518.0708300000001</v>
          </cell>
          <cell r="E2768">
            <v>2518.0708300000001</v>
          </cell>
          <cell r="F2768">
            <v>-36.95579</v>
          </cell>
          <cell r="G2768">
            <v>-19.2239</v>
          </cell>
          <cell r="H2768">
            <v>5697.3097900000002</v>
          </cell>
          <cell r="I2768">
            <v>5641.1301000000003</v>
          </cell>
        </row>
        <row r="2769">
          <cell r="A2769" t="str">
            <v>P238</v>
          </cell>
          <cell r="F2769">
            <v>-6.9918100000000001</v>
          </cell>
          <cell r="I2769">
            <v>-6.9918100000000001</v>
          </cell>
        </row>
        <row r="2770">
          <cell r="A2770" t="str">
            <v>P240</v>
          </cell>
          <cell r="B2770">
            <v>1338.1926599999999</v>
          </cell>
          <cell r="C2770">
            <v>214.93446</v>
          </cell>
          <cell r="D2770">
            <v>415.49707000000001</v>
          </cell>
          <cell r="E2770">
            <v>1968.62419</v>
          </cell>
          <cell r="F2770">
            <v>8401.8481400000001</v>
          </cell>
          <cell r="G2770">
            <v>1137.76496</v>
          </cell>
          <cell r="H2770">
            <v>4073.8271500000001</v>
          </cell>
          <cell r="I2770">
            <v>13613.44025</v>
          </cell>
        </row>
        <row r="2771">
          <cell r="A2771" t="str">
            <v>P241</v>
          </cell>
          <cell r="B2771">
            <v>2.0364300000000002</v>
          </cell>
          <cell r="E2771">
            <v>2.0364300000000002</v>
          </cell>
          <cell r="F2771">
            <v>84.443669999999997</v>
          </cell>
          <cell r="I2771">
            <v>84.443669999999997</v>
          </cell>
        </row>
        <row r="2772">
          <cell r="A2772" t="str">
            <v>P24102</v>
          </cell>
          <cell r="B2772">
            <v>2.0364300000000002</v>
          </cell>
          <cell r="E2772">
            <v>2.0364300000000002</v>
          </cell>
          <cell r="F2772">
            <v>84.443669999999997</v>
          </cell>
          <cell r="I2772">
            <v>84.443669999999997</v>
          </cell>
        </row>
        <row r="2773">
          <cell r="A2773" t="str">
            <v>P242</v>
          </cell>
          <cell r="B2773">
            <v>1305.9269400000001</v>
          </cell>
          <cell r="E2773">
            <v>1305.9269400000001</v>
          </cell>
          <cell r="F2773">
            <v>8231.4932599999993</v>
          </cell>
          <cell r="I2773">
            <v>8231.4932599999993</v>
          </cell>
        </row>
        <row r="2774">
          <cell r="A2774" t="str">
            <v>P243</v>
          </cell>
          <cell r="C2774">
            <v>190.97798</v>
          </cell>
          <cell r="D2774">
            <v>628.89383999999995</v>
          </cell>
          <cell r="E2774">
            <v>819.87181999999996</v>
          </cell>
          <cell r="G2774">
            <v>1233.17004</v>
          </cell>
          <cell r="H2774">
            <v>4015.6651000000002</v>
          </cell>
          <cell r="I2774">
            <v>5248.8351400000001</v>
          </cell>
        </row>
        <row r="2775">
          <cell r="A2775" t="str">
            <v>P24310</v>
          </cell>
          <cell r="C2775">
            <v>190.97798</v>
          </cell>
          <cell r="E2775">
            <v>190.97798</v>
          </cell>
          <cell r="G2775">
            <v>1233.17004</v>
          </cell>
          <cell r="H2775">
            <v>267.14577000000003</v>
          </cell>
          <cell r="I2775">
            <v>1500.3158100000001</v>
          </cell>
        </row>
        <row r="2776">
          <cell r="A2776" t="str">
            <v>P24311</v>
          </cell>
          <cell r="C2776">
            <v>190.97798</v>
          </cell>
          <cell r="E2776">
            <v>190.97798</v>
          </cell>
          <cell r="G2776">
            <v>1233.17004</v>
          </cell>
          <cell r="H2776">
            <v>267.14577000000003</v>
          </cell>
          <cell r="I2776">
            <v>1500.3158100000001</v>
          </cell>
        </row>
        <row r="2777">
          <cell r="A2777" t="str">
            <v>P24320</v>
          </cell>
          <cell r="D2777">
            <v>628.89383999999995</v>
          </cell>
          <cell r="E2777">
            <v>628.89383999999995</v>
          </cell>
          <cell r="H2777">
            <v>3748.5193300000001</v>
          </cell>
          <cell r="I2777">
            <v>3748.5193300000001</v>
          </cell>
        </row>
        <row r="2778">
          <cell r="A2778" t="str">
            <v>P24313</v>
          </cell>
          <cell r="D2778">
            <v>628.89383999999995</v>
          </cell>
          <cell r="E2778">
            <v>628.89383999999995</v>
          </cell>
          <cell r="H2778">
            <v>3748.5193300000001</v>
          </cell>
          <cell r="I2778">
            <v>3748.5193300000001</v>
          </cell>
        </row>
        <row r="2779">
          <cell r="A2779" t="str">
            <v>P244P</v>
          </cell>
          <cell r="B2779">
            <v>30.229289999999999</v>
          </cell>
          <cell r="C2779">
            <v>23.956479999999999</v>
          </cell>
          <cell r="D2779">
            <v>-213.39677</v>
          </cell>
          <cell r="E2779">
            <v>-159.21100000000001</v>
          </cell>
          <cell r="F2779">
            <v>85.911209999999997</v>
          </cell>
          <cell r="G2779">
            <v>-95.405079999999998</v>
          </cell>
          <cell r="H2779">
            <v>58.162050000000001</v>
          </cell>
          <cell r="I2779">
            <v>48.66818</v>
          </cell>
        </row>
        <row r="2780">
          <cell r="A2780" t="str">
            <v>P24401</v>
          </cell>
          <cell r="B2780">
            <v>30.229289999999999</v>
          </cell>
          <cell r="C2780">
            <v>23.956479999999999</v>
          </cell>
          <cell r="D2780">
            <v>-213.39677</v>
          </cell>
          <cell r="E2780">
            <v>-159.21100000000001</v>
          </cell>
          <cell r="F2780">
            <v>85.911209999999997</v>
          </cell>
          <cell r="G2780">
            <v>-95.405079999999998</v>
          </cell>
          <cell r="H2780">
            <v>58.162050000000001</v>
          </cell>
          <cell r="I2780">
            <v>48.66818</v>
          </cell>
        </row>
        <row r="2781">
          <cell r="A2781" t="str">
            <v>P250</v>
          </cell>
          <cell r="B2781">
            <v>1967.4306099999999</v>
          </cell>
          <cell r="C2781">
            <v>627.13945000000001</v>
          </cell>
          <cell r="E2781">
            <v>2594.57006</v>
          </cell>
          <cell r="F2781">
            <v>12722.573399999999</v>
          </cell>
          <cell r="G2781">
            <v>5783.9889499999999</v>
          </cell>
          <cell r="I2781">
            <v>18506.56235</v>
          </cell>
        </row>
        <row r="2782">
          <cell r="A2782" t="str">
            <v>P251</v>
          </cell>
          <cell r="B2782">
            <v>1994.78511</v>
          </cell>
          <cell r="C2782">
            <v>627.13945000000001</v>
          </cell>
          <cell r="E2782">
            <v>2621.9245599999999</v>
          </cell>
          <cell r="F2782">
            <v>12094.248960000001</v>
          </cell>
          <cell r="G2782">
            <v>5783.9889499999999</v>
          </cell>
          <cell r="I2782">
            <v>17878.23791</v>
          </cell>
        </row>
        <row r="2783">
          <cell r="A2783" t="str">
            <v>P253</v>
          </cell>
          <cell r="B2783">
            <v>-27.354500000000002</v>
          </cell>
          <cell r="E2783">
            <v>-27.354500000000002</v>
          </cell>
          <cell r="F2783">
            <v>628.32443999999998</v>
          </cell>
          <cell r="I2783">
            <v>628.32443999999998</v>
          </cell>
        </row>
        <row r="2784">
          <cell r="A2784" t="str">
            <v>P260</v>
          </cell>
          <cell r="B2784">
            <v>22743.859059999999</v>
          </cell>
          <cell r="C2784">
            <v>46.288809999999998</v>
          </cell>
          <cell r="D2784">
            <v>73.645769999999999</v>
          </cell>
          <cell r="E2784">
            <v>22863.79364</v>
          </cell>
          <cell r="F2784">
            <v>175208.56541000001</v>
          </cell>
          <cell r="G2784">
            <v>325.28951000000001</v>
          </cell>
          <cell r="H2784">
            <v>466.53710000000001</v>
          </cell>
          <cell r="I2784">
            <v>176000.39202</v>
          </cell>
        </row>
        <row r="2785">
          <cell r="A2785" t="str">
            <v>P261</v>
          </cell>
          <cell r="B2785">
            <v>22743.859059999999</v>
          </cell>
          <cell r="C2785">
            <v>46.288809999999998</v>
          </cell>
          <cell r="D2785">
            <v>73.645769999999999</v>
          </cell>
          <cell r="E2785">
            <v>22863.79364</v>
          </cell>
          <cell r="F2785">
            <v>175208.56440999999</v>
          </cell>
          <cell r="G2785">
            <v>325.28951000000001</v>
          </cell>
          <cell r="H2785">
            <v>466.53710000000001</v>
          </cell>
          <cell r="I2785">
            <v>176000.39102000001</v>
          </cell>
        </row>
        <row r="2786">
          <cell r="A2786" t="str">
            <v>P26101</v>
          </cell>
          <cell r="B2786">
            <v>17330.65293</v>
          </cell>
          <cell r="C2786">
            <v>46.288809999999998</v>
          </cell>
          <cell r="D2786">
            <v>73.645769999999999</v>
          </cell>
          <cell r="E2786">
            <v>17450.587510000001</v>
          </cell>
          <cell r="F2786">
            <v>134441.10540999999</v>
          </cell>
          <cell r="G2786">
            <v>325.28951000000001</v>
          </cell>
          <cell r="H2786">
            <v>466.53710000000001</v>
          </cell>
          <cell r="I2786">
            <v>135232.93202000001</v>
          </cell>
        </row>
        <row r="2787">
          <cell r="A2787" t="str">
            <v>P26105</v>
          </cell>
          <cell r="B2787">
            <v>5413.2061299999996</v>
          </cell>
          <cell r="E2787">
            <v>5413.2061299999996</v>
          </cell>
          <cell r="F2787">
            <v>40767.459000000003</v>
          </cell>
          <cell r="I2787">
            <v>40767.459000000003</v>
          </cell>
        </row>
        <row r="2788">
          <cell r="A2788" t="str">
            <v>P263</v>
          </cell>
          <cell r="F2788">
            <v>1E-3</v>
          </cell>
          <cell r="I2788">
            <v>1E-3</v>
          </cell>
        </row>
        <row r="2789">
          <cell r="A2789" t="str">
            <v>P26301</v>
          </cell>
          <cell r="F2789">
            <v>1E-3</v>
          </cell>
          <cell r="I2789">
            <v>1E-3</v>
          </cell>
        </row>
        <row r="2790">
          <cell r="A2790" t="str">
            <v>P275</v>
          </cell>
          <cell r="B2790">
            <v>135.4324</v>
          </cell>
          <cell r="C2790">
            <v>75.965860000000006</v>
          </cell>
          <cell r="D2790">
            <v>256.30050999999997</v>
          </cell>
          <cell r="E2790">
            <v>467.69877000000002</v>
          </cell>
          <cell r="F2790">
            <v>-52493.091390000001</v>
          </cell>
          <cell r="G2790">
            <v>-4041.4717000000001</v>
          </cell>
          <cell r="H2790">
            <v>103271.4792</v>
          </cell>
          <cell r="I2790">
            <v>46736.916109999998</v>
          </cell>
        </row>
        <row r="2791">
          <cell r="A2791" t="str">
            <v>P280</v>
          </cell>
          <cell r="D2791">
            <v>-2638.9245799999999</v>
          </cell>
          <cell r="E2791">
            <v>-2638.9245799999999</v>
          </cell>
          <cell r="H2791">
            <v>5014.7813599999999</v>
          </cell>
          <cell r="I2791">
            <v>5014.7813599999999</v>
          </cell>
        </row>
        <row r="2792">
          <cell r="A2792" t="str">
            <v>P300</v>
          </cell>
          <cell r="B2792">
            <v>10161.328</v>
          </cell>
          <cell r="C2792">
            <v>3.5130000000000002E-2</v>
          </cell>
          <cell r="D2792">
            <v>8183.2289799999999</v>
          </cell>
          <cell r="E2792">
            <v>18344.592110000001</v>
          </cell>
          <cell r="F2792">
            <v>-23609.49293</v>
          </cell>
          <cell r="G2792">
            <v>-80.343620000000001</v>
          </cell>
          <cell r="H2792">
            <v>43468.505949999999</v>
          </cell>
          <cell r="I2792">
            <v>19778.669399999999</v>
          </cell>
        </row>
        <row r="2793">
          <cell r="A2793" t="str">
            <v>P340</v>
          </cell>
          <cell r="F2793">
            <v>-96649.244600000005</v>
          </cell>
          <cell r="G2793">
            <v>-12.67952</v>
          </cell>
          <cell r="I2793">
            <v>-96661.924119999996</v>
          </cell>
        </row>
        <row r="2794">
          <cell r="A2794" t="str">
            <v>P342</v>
          </cell>
          <cell r="F2794">
            <v>-96649.244600000005</v>
          </cell>
          <cell r="G2794">
            <v>-12.67952</v>
          </cell>
          <cell r="I2794">
            <v>-96661.924119999996</v>
          </cell>
        </row>
        <row r="2795">
          <cell r="A2795" t="str">
            <v>P26103</v>
          </cell>
          <cell r="F2795">
            <v>-96649.244600000005</v>
          </cell>
          <cell r="G2795">
            <v>-12.67952</v>
          </cell>
          <cell r="I2795">
            <v>-96661.924119999996</v>
          </cell>
        </row>
        <row r="2796">
          <cell r="A2796" t="str">
            <v>P26302</v>
          </cell>
        </row>
        <row r="2797">
          <cell r="A2797" t="str">
            <v>P310</v>
          </cell>
          <cell r="B2797">
            <v>-2.1944300000000001</v>
          </cell>
          <cell r="E2797">
            <v>-2.1944300000000001</v>
          </cell>
          <cell r="F2797">
            <v>-2.4924599999999999</v>
          </cell>
          <cell r="H2797">
            <v>-6284.0358399999996</v>
          </cell>
          <cell r="I2797">
            <v>-6286.5282999999999</v>
          </cell>
        </row>
        <row r="2798">
          <cell r="A2798" t="str">
            <v>P311</v>
          </cell>
          <cell r="B2798">
            <v>-2.1944300000000001</v>
          </cell>
          <cell r="E2798">
            <v>-2.1944300000000001</v>
          </cell>
          <cell r="F2798">
            <v>-2.4924599999999999</v>
          </cell>
          <cell r="H2798">
            <v>-6284.0358399999996</v>
          </cell>
          <cell r="I2798">
            <v>-6286.5282999999999</v>
          </cell>
        </row>
        <row r="2799">
          <cell r="A2799" t="str">
            <v>P320</v>
          </cell>
          <cell r="B2799">
            <v>10144.19708</v>
          </cell>
          <cell r="D2799">
            <v>3728.5477599999999</v>
          </cell>
          <cell r="E2799">
            <v>13872.744839999999</v>
          </cell>
          <cell r="F2799">
            <v>73139.263519999993</v>
          </cell>
          <cell r="G2799">
            <v>7.2700000000000004E-3</v>
          </cell>
          <cell r="H2799">
            <v>28383.483380000001</v>
          </cell>
          <cell r="I2799">
            <v>101522.75417</v>
          </cell>
        </row>
        <row r="2800">
          <cell r="A2800" t="str">
            <v>P321</v>
          </cell>
          <cell r="B2800">
            <v>1027.07194</v>
          </cell>
          <cell r="D2800">
            <v>3858.0681199999999</v>
          </cell>
          <cell r="E2800">
            <v>4885.1400599999997</v>
          </cell>
          <cell r="F2800">
            <v>7401.2300500000001</v>
          </cell>
          <cell r="H2800">
            <v>26644.48517</v>
          </cell>
          <cell r="I2800">
            <v>34045.715219999998</v>
          </cell>
        </row>
        <row r="2801">
          <cell r="A2801" t="str">
            <v>P32103</v>
          </cell>
          <cell r="B2801">
            <v>1037.95054</v>
          </cell>
          <cell r="D2801">
            <v>3858.0681199999999</v>
          </cell>
          <cell r="E2801">
            <v>4896.0186599999997</v>
          </cell>
          <cell r="F2801">
            <v>7584.2323800000004</v>
          </cell>
          <cell r="H2801">
            <v>26644.48517</v>
          </cell>
          <cell r="I2801">
            <v>34228.717550000001</v>
          </cell>
        </row>
        <row r="2802">
          <cell r="A2802" t="str">
            <v>P32104</v>
          </cell>
          <cell r="B2802">
            <v>-10.8786</v>
          </cell>
          <cell r="E2802">
            <v>-10.8786</v>
          </cell>
          <cell r="F2802">
            <v>-183.00233</v>
          </cell>
          <cell r="I2802">
            <v>-183.00233</v>
          </cell>
        </row>
        <row r="2803">
          <cell r="A2803" t="str">
            <v>P322</v>
          </cell>
          <cell r="B2803">
            <v>7668.02736</v>
          </cell>
          <cell r="D2803">
            <v>-129.52036000000001</v>
          </cell>
          <cell r="E2803">
            <v>7538.5069999999996</v>
          </cell>
          <cell r="F2803">
            <v>55076.962050000002</v>
          </cell>
          <cell r="G2803">
            <v>7.2700000000000004E-3</v>
          </cell>
          <cell r="H2803">
            <v>1738.99821</v>
          </cell>
          <cell r="I2803">
            <v>56815.967530000002</v>
          </cell>
        </row>
        <row r="2804">
          <cell r="A2804" t="str">
            <v>P323</v>
          </cell>
          <cell r="B2804">
            <v>-293.90415999999999</v>
          </cell>
          <cell r="E2804">
            <v>-293.90415999999999</v>
          </cell>
          <cell r="F2804">
            <v>-1539.9421600000001</v>
          </cell>
          <cell r="I2804">
            <v>-1539.9421600000001</v>
          </cell>
        </row>
        <row r="2805">
          <cell r="A2805" t="str">
            <v>P324</v>
          </cell>
          <cell r="B2805">
            <v>1743.0019400000001</v>
          </cell>
          <cell r="E2805">
            <v>1743.0019400000001</v>
          </cell>
          <cell r="F2805">
            <v>12201.013580000001</v>
          </cell>
          <cell r="I2805">
            <v>12201.013580000001</v>
          </cell>
        </row>
        <row r="2806">
          <cell r="A2806" t="str">
            <v>P330</v>
          </cell>
          <cell r="B2806">
            <v>19.32535</v>
          </cell>
          <cell r="C2806">
            <v>3.5130000000000002E-2</v>
          </cell>
          <cell r="D2806">
            <v>4454.6812200000004</v>
          </cell>
          <cell r="E2806">
            <v>4474.0416999999998</v>
          </cell>
          <cell r="F2806">
            <v>-97.019390000000001</v>
          </cell>
          <cell r="G2806">
            <v>-67.671369999999996</v>
          </cell>
          <cell r="H2806">
            <v>21369.058410000001</v>
          </cell>
          <cell r="I2806">
            <v>21204.36765</v>
          </cell>
        </row>
        <row r="2807">
          <cell r="A2807" t="str">
            <v>P331</v>
          </cell>
          <cell r="F2807">
            <v>-2.0000000000000001E-4</v>
          </cell>
          <cell r="H2807">
            <v>5451.6717399999998</v>
          </cell>
          <cell r="I2807">
            <v>5451.6715400000003</v>
          </cell>
        </row>
        <row r="2808">
          <cell r="A2808" t="str">
            <v>P333</v>
          </cell>
          <cell r="D2808">
            <v>2824.2915400000002</v>
          </cell>
          <cell r="E2808">
            <v>2824.2915400000002</v>
          </cell>
          <cell r="F2808">
            <v>1.57542</v>
          </cell>
          <cell r="H2808">
            <v>22314.248579999999</v>
          </cell>
          <cell r="I2808">
            <v>22315.824000000001</v>
          </cell>
        </row>
        <row r="2809">
          <cell r="A2809" t="str">
            <v>P338</v>
          </cell>
          <cell r="B2809">
            <v>19.32535</v>
          </cell>
          <cell r="C2809">
            <v>3.5130000000000002E-2</v>
          </cell>
          <cell r="D2809">
            <v>1630.38968</v>
          </cell>
          <cell r="E2809">
            <v>1649.7501600000001</v>
          </cell>
          <cell r="F2809">
            <v>-98.594610000000003</v>
          </cell>
          <cell r="G2809">
            <v>-67.671369999999996</v>
          </cell>
          <cell r="H2809">
            <v>-6396.8619099999996</v>
          </cell>
          <cell r="I2809">
            <v>-6563.1278899999998</v>
          </cell>
        </row>
        <row r="2810">
          <cell r="A2810" t="str">
            <v>P400</v>
          </cell>
          <cell r="B2810">
            <v>23144.7696</v>
          </cell>
          <cell r="D2810">
            <v>2670.27846</v>
          </cell>
          <cell r="E2810">
            <v>25815.048060000001</v>
          </cell>
          <cell r="F2810">
            <v>95733.015759999995</v>
          </cell>
          <cell r="H2810">
            <v>62706.82473</v>
          </cell>
          <cell r="I2810">
            <v>158439.84049</v>
          </cell>
        </row>
        <row r="2811">
          <cell r="A2811" t="str">
            <v>P410</v>
          </cell>
          <cell r="B2811">
            <v>6824.0101599999998</v>
          </cell>
          <cell r="D2811">
            <v>-2353.4643099999998</v>
          </cell>
          <cell r="E2811">
            <v>4470.5458500000004</v>
          </cell>
          <cell r="F2811">
            <v>86691.476630000005</v>
          </cell>
          <cell r="H2811">
            <v>-63.555909999999997</v>
          </cell>
          <cell r="I2811">
            <v>86627.920719999995</v>
          </cell>
        </row>
        <row r="2812">
          <cell r="A2812" t="str">
            <v>P411</v>
          </cell>
          <cell r="B2812">
            <v>3569.4208699999999</v>
          </cell>
          <cell r="D2812">
            <v>-2353.4643099999998</v>
          </cell>
          <cell r="E2812">
            <v>1215.9565600000001</v>
          </cell>
          <cell r="F2812">
            <v>8354.7983000000004</v>
          </cell>
          <cell r="H2812">
            <v>0</v>
          </cell>
          <cell r="I2812">
            <v>8354.7983000000004</v>
          </cell>
        </row>
        <row r="2813">
          <cell r="A2813" t="str">
            <v>P412</v>
          </cell>
          <cell r="F2813">
            <v>10616.921979999999</v>
          </cell>
          <cell r="I2813">
            <v>10616.921979999999</v>
          </cell>
        </row>
        <row r="2814">
          <cell r="A2814" t="str">
            <v>P413</v>
          </cell>
          <cell r="B2814">
            <v>3254.5892899999999</v>
          </cell>
          <cell r="E2814">
            <v>3254.5892899999999</v>
          </cell>
          <cell r="F2814">
            <v>67719.756349999996</v>
          </cell>
          <cell r="H2814">
            <v>-63.555909999999997</v>
          </cell>
          <cell r="I2814">
            <v>67656.200440000001</v>
          </cell>
        </row>
        <row r="2815">
          <cell r="A2815" t="str">
            <v>P420</v>
          </cell>
          <cell r="B2815">
            <v>16320.75944</v>
          </cell>
          <cell r="D2815">
            <v>5023.7427699999998</v>
          </cell>
          <cell r="E2815">
            <v>21344.502209999999</v>
          </cell>
          <cell r="F2815">
            <v>9041.5391299999992</v>
          </cell>
          <cell r="H2815">
            <v>62770.380640000003</v>
          </cell>
          <cell r="I2815">
            <v>71811.919769999993</v>
          </cell>
        </row>
        <row r="2816">
          <cell r="A2816" t="str">
            <v>P421</v>
          </cell>
          <cell r="B2816">
            <v>-4615.8260300000002</v>
          </cell>
          <cell r="E2816">
            <v>-4615.8260300000002</v>
          </cell>
          <cell r="F2816">
            <v>-47205.947359999998</v>
          </cell>
          <cell r="H2816">
            <v>-425.97719000000001</v>
          </cell>
          <cell r="I2816">
            <v>-47631.924550000003</v>
          </cell>
        </row>
        <row r="2817">
          <cell r="A2817" t="str">
            <v>P422</v>
          </cell>
          <cell r="B2817">
            <v>20936.585470000002</v>
          </cell>
          <cell r="D2817">
            <v>5023.7427699999998</v>
          </cell>
          <cell r="E2817">
            <v>25960.328239999999</v>
          </cell>
          <cell r="F2817">
            <v>56247.486490000003</v>
          </cell>
          <cell r="H2817">
            <v>63196.357830000001</v>
          </cell>
          <cell r="I2817">
            <v>119443.84432</v>
          </cell>
        </row>
        <row r="2818">
          <cell r="A2818" t="str">
            <v>P802</v>
          </cell>
          <cell r="B2818">
            <v>-19.32535</v>
          </cell>
          <cell r="C2818">
            <v>-3.5130000000000002E-2</v>
          </cell>
          <cell r="D2818">
            <v>-4454.6812200000004</v>
          </cell>
          <cell r="E2818">
            <v>-4474.0416999999998</v>
          </cell>
          <cell r="F2818">
            <v>97.019390000000001</v>
          </cell>
          <cell r="G2818">
            <v>67.671369999999996</v>
          </cell>
          <cell r="H2818">
            <v>-21369.058410000001</v>
          </cell>
          <cell r="I2818">
            <v>-21204.36765</v>
          </cell>
        </row>
        <row r="2819">
          <cell r="A2819" t="str">
            <v>P331S</v>
          </cell>
          <cell r="F2819">
            <v>2.0000000000000001E-4</v>
          </cell>
          <cell r="H2819">
            <v>-5451.6717399999998</v>
          </cell>
          <cell r="I2819">
            <v>-5451.6715400000003</v>
          </cell>
        </row>
        <row r="2820">
          <cell r="A2820" t="str">
            <v>P333S</v>
          </cell>
          <cell r="D2820">
            <v>-2824.2915400000002</v>
          </cell>
          <cell r="E2820">
            <v>-2824.2915400000002</v>
          </cell>
          <cell r="F2820">
            <v>-1.57542</v>
          </cell>
          <cell r="H2820">
            <v>-22314.248579999999</v>
          </cell>
          <cell r="I2820">
            <v>-22315.824000000001</v>
          </cell>
        </row>
        <row r="2821">
          <cell r="A2821" t="str">
            <v>P338S</v>
          </cell>
          <cell r="B2821">
            <v>-19.32535</v>
          </cell>
          <cell r="C2821">
            <v>-3.5130000000000002E-2</v>
          </cell>
          <cell r="D2821">
            <v>-1630.38968</v>
          </cell>
          <cell r="E2821">
            <v>-1649.7501600000001</v>
          </cell>
          <cell r="F2821">
            <v>98.594610000000003</v>
          </cell>
          <cell r="G2821">
            <v>67.671369999999996</v>
          </cell>
          <cell r="H2821">
            <v>6396.8619099999996</v>
          </cell>
          <cell r="I2821">
            <v>6563.1278899999998</v>
          </cell>
        </row>
        <row r="2822">
          <cell r="A2822" t="str">
            <v>P803</v>
          </cell>
          <cell r="B2822">
            <v>-8399.0007100000003</v>
          </cell>
          <cell r="D2822">
            <v>-3728.5477599999999</v>
          </cell>
          <cell r="E2822">
            <v>-12127.54847</v>
          </cell>
          <cell r="F2822">
            <v>-60935.75748</v>
          </cell>
          <cell r="G2822">
            <v>-7.2700000000000004E-3</v>
          </cell>
          <cell r="H2822">
            <v>-22099.447540000001</v>
          </cell>
          <cell r="I2822">
            <v>-83035.212289999996</v>
          </cell>
        </row>
        <row r="2823">
          <cell r="A2823" t="str">
            <v>P311S</v>
          </cell>
          <cell r="B2823">
            <v>2.1944300000000001</v>
          </cell>
          <cell r="E2823">
            <v>2.1944300000000001</v>
          </cell>
          <cell r="F2823">
            <v>2.4924599999999999</v>
          </cell>
          <cell r="H2823">
            <v>6284.0358399999996</v>
          </cell>
          <cell r="I2823">
            <v>6286.5282999999999</v>
          </cell>
        </row>
        <row r="2824">
          <cell r="A2824" t="str">
            <v>P320S</v>
          </cell>
          <cell r="B2824">
            <v>-8401.1951399999998</v>
          </cell>
          <cell r="D2824">
            <v>-3728.5477599999999</v>
          </cell>
          <cell r="E2824">
            <v>-12129.742899999999</v>
          </cell>
          <cell r="F2824">
            <v>-60938.249940000002</v>
          </cell>
          <cell r="G2824">
            <v>-7.2700000000000004E-3</v>
          </cell>
          <cell r="H2824">
            <v>-28383.483380000001</v>
          </cell>
          <cell r="I2824">
            <v>-89321.740590000001</v>
          </cell>
        </row>
        <row r="2825">
          <cell r="A2825" t="str">
            <v>P321S</v>
          </cell>
          <cell r="B2825">
            <v>-1027.07194</v>
          </cell>
          <cell r="D2825">
            <v>-3858.0681199999999</v>
          </cell>
          <cell r="E2825">
            <v>-4885.1400599999997</v>
          </cell>
          <cell r="F2825">
            <v>-7401.2300500000001</v>
          </cell>
          <cell r="H2825">
            <v>-26644.48517</v>
          </cell>
          <cell r="I2825">
            <v>-34045.715219999998</v>
          </cell>
        </row>
        <row r="2826">
          <cell r="A2826" t="str">
            <v>P32103S</v>
          </cell>
          <cell r="B2826">
            <v>-1037.95054</v>
          </cell>
          <cell r="D2826">
            <v>-3858.0681199999999</v>
          </cell>
          <cell r="E2826">
            <v>-4896.0186599999997</v>
          </cell>
          <cell r="F2826">
            <v>-7584.2323800000004</v>
          </cell>
          <cell r="H2826">
            <v>-26644.48517</v>
          </cell>
          <cell r="I2826">
            <v>-34228.717550000001</v>
          </cell>
        </row>
        <row r="2827">
          <cell r="A2827" t="str">
            <v>P32104S</v>
          </cell>
          <cell r="B2827">
            <v>10.8786</v>
          </cell>
          <cell r="E2827">
            <v>10.8786</v>
          </cell>
          <cell r="F2827">
            <v>183.00233</v>
          </cell>
          <cell r="I2827">
            <v>183.00233</v>
          </cell>
        </row>
        <row r="2828">
          <cell r="A2828" t="str">
            <v>P322S</v>
          </cell>
          <cell r="B2828">
            <v>-7668.02736</v>
          </cell>
          <cell r="D2828">
            <v>129.52036000000001</v>
          </cell>
          <cell r="E2828">
            <v>-7538.5069999999996</v>
          </cell>
          <cell r="F2828">
            <v>-55076.962050000002</v>
          </cell>
          <cell r="G2828">
            <v>-7.2700000000000004E-3</v>
          </cell>
          <cell r="H2828">
            <v>-1738.99821</v>
          </cell>
          <cell r="I2828">
            <v>-56815.967530000002</v>
          </cell>
        </row>
        <row r="2829">
          <cell r="A2829" t="str">
            <v>P323S</v>
          </cell>
          <cell r="B2829">
            <v>293.90415999999999</v>
          </cell>
          <cell r="E2829">
            <v>293.90415999999999</v>
          </cell>
          <cell r="F2829">
            <v>1539.9421600000001</v>
          </cell>
          <cell r="I2829">
            <v>1539.9421600000001</v>
          </cell>
        </row>
        <row r="2830">
          <cell r="A2830" t="str">
            <v>P804</v>
          </cell>
          <cell r="B2830">
            <v>4615.8260300000002</v>
          </cell>
          <cell r="E2830">
            <v>4615.8260300000002</v>
          </cell>
          <cell r="F2830">
            <v>36589.025379999999</v>
          </cell>
          <cell r="H2830">
            <v>425.97719000000001</v>
          </cell>
          <cell r="I2830">
            <v>37015.002569999997</v>
          </cell>
        </row>
        <row r="2831">
          <cell r="A2831" t="str">
            <v>P412S</v>
          </cell>
          <cell r="F2831">
            <v>-10616.921979999999</v>
          </cell>
          <cell r="I2831">
            <v>-10616.921979999999</v>
          </cell>
        </row>
        <row r="2832">
          <cell r="A2832" t="str">
            <v>P421S</v>
          </cell>
          <cell r="B2832">
            <v>4615.8260300000002</v>
          </cell>
          <cell r="E2832">
            <v>4615.8260300000002</v>
          </cell>
          <cell r="F2832">
            <v>47205.947359999998</v>
          </cell>
          <cell r="H2832">
            <v>425.97719000000001</v>
          </cell>
          <cell r="I2832">
            <v>47631.924550000003</v>
          </cell>
        </row>
        <row r="2833">
          <cell r="A2833" t="str">
            <v>P805</v>
          </cell>
          <cell r="D2833">
            <v>2638.9245799999999</v>
          </cell>
          <cell r="E2833">
            <v>2638.9245799999999</v>
          </cell>
          <cell r="H2833">
            <v>-5014.7813599999999</v>
          </cell>
          <cell r="I2833">
            <v>-5014.7813599999999</v>
          </cell>
        </row>
        <row r="2834">
          <cell r="A2834" t="str">
            <v>P280S</v>
          </cell>
          <cell r="D2834">
            <v>2638.9245799999999</v>
          </cell>
          <cell r="E2834">
            <v>2638.9245799999999</v>
          </cell>
          <cell r="H2834">
            <v>-5014.7813599999999</v>
          </cell>
          <cell r="I2834">
            <v>-5014.7813599999999</v>
          </cell>
        </row>
        <row r="2835">
          <cell r="A2835" t="str">
            <v>AF</v>
          </cell>
          <cell r="B2835">
            <v>-16573.925999999999</v>
          </cell>
          <cell r="C2835">
            <v>-627.13945000000001</v>
          </cell>
          <cell r="D2835">
            <v>5551.5811299999996</v>
          </cell>
          <cell r="E2835">
            <v>-11649.48432</v>
          </cell>
          <cell r="F2835">
            <v>-128993.58559</v>
          </cell>
          <cell r="G2835">
            <v>-5783.9889499999999</v>
          </cell>
          <cell r="H2835">
            <v>37714.582889999998</v>
          </cell>
          <cell r="I2835">
            <v>-97062.991649999996</v>
          </cell>
        </row>
        <row r="2836">
          <cell r="A2836" t="str">
            <v>C212_C2E</v>
          </cell>
          <cell r="F2836">
            <v>1624.5344600000001</v>
          </cell>
          <cell r="H2836">
            <v>-0.17111999999999999</v>
          </cell>
          <cell r="I2836">
            <v>1624.3633400000001</v>
          </cell>
        </row>
        <row r="2837">
          <cell r="A2837" t="str">
            <v>C212_TRUE</v>
          </cell>
          <cell r="B2837">
            <v>-16573.925999999999</v>
          </cell>
          <cell r="C2837">
            <v>-627.13945000000001</v>
          </cell>
          <cell r="E2837">
            <v>-17201.065449999998</v>
          </cell>
          <cell r="F2837">
            <v>-130618.12005</v>
          </cell>
          <cell r="G2837">
            <v>-5783.9889499999999</v>
          </cell>
          <cell r="H2837">
            <v>0</v>
          </cell>
          <cell r="I2837">
            <v>-136402.109</v>
          </cell>
        </row>
        <row r="2838">
          <cell r="A2838" t="str">
            <v>P400N</v>
          </cell>
          <cell r="D2838">
            <v>5551.5811299999996</v>
          </cell>
          <cell r="E2838">
            <v>5551.5811299999996</v>
          </cell>
          <cell r="G2838">
            <v>0</v>
          </cell>
          <cell r="H2838">
            <v>37714.754009999997</v>
          </cell>
          <cell r="I2838">
            <v>37714.754009999997</v>
          </cell>
        </row>
        <row r="2839">
          <cell r="A2839" t="str">
            <v>CF</v>
          </cell>
          <cell r="B2839">
            <v>0</v>
          </cell>
          <cell r="C2839">
            <v>0</v>
          </cell>
          <cell r="D2839">
            <v>0</v>
          </cell>
          <cell r="E2839">
            <v>0</v>
          </cell>
          <cell r="F2839">
            <v>-1E-3</v>
          </cell>
          <cell r="G2839">
            <v>0</v>
          </cell>
          <cell r="H2839">
            <v>0</v>
          </cell>
          <cell r="I2839">
            <v>-1E-3</v>
          </cell>
        </row>
        <row r="2840">
          <cell r="A2840" t="str">
            <v>BBCFCHK</v>
          </cell>
          <cell r="B2840">
            <v>-100895.33431999999</v>
          </cell>
          <cell r="C2840">
            <v>-3.7603200000000001</v>
          </cell>
          <cell r="D2840">
            <v>19364.381799999999</v>
          </cell>
          <cell r="E2840">
            <v>-81534.712839999993</v>
          </cell>
          <cell r="F2840">
            <v>-580349.48938000004</v>
          </cell>
          <cell r="G2840">
            <v>0</v>
          </cell>
          <cell r="H2840">
            <v>1171807.2586399999</v>
          </cell>
          <cell r="I2840">
            <v>591457.76925999997</v>
          </cell>
        </row>
        <row r="2841">
          <cell r="A2841" t="str">
            <v>C7</v>
          </cell>
          <cell r="B2841">
            <v>50447.667159999997</v>
          </cell>
          <cell r="C2841">
            <v>1.8801600000000001</v>
          </cell>
          <cell r="D2841">
            <v>-9682.1908999999996</v>
          </cell>
          <cell r="E2841">
            <v>40767.356419999996</v>
          </cell>
          <cell r="F2841">
            <v>290174.74469000002</v>
          </cell>
          <cell r="G2841">
            <v>0</v>
          </cell>
          <cell r="H2841">
            <v>-585903.62931999995</v>
          </cell>
          <cell r="I2841">
            <v>-295728.88462999999</v>
          </cell>
        </row>
        <row r="2842">
          <cell r="A2842" t="str">
            <v>C710</v>
          </cell>
          <cell r="B2842">
            <v>50447.667159999997</v>
          </cell>
          <cell r="C2842">
            <v>1.8801600000000001</v>
          </cell>
          <cell r="D2842">
            <v>-9682.1908999999996</v>
          </cell>
          <cell r="E2842">
            <v>40767.356419999996</v>
          </cell>
          <cell r="F2842">
            <v>290174.74469000002</v>
          </cell>
          <cell r="G2842">
            <v>0</v>
          </cell>
          <cell r="H2842">
            <v>-585903.62931999995</v>
          </cell>
          <cell r="I2842">
            <v>-295728.88462999999</v>
          </cell>
        </row>
        <row r="2843">
          <cell r="A2843" t="str">
            <v>C6</v>
          </cell>
          <cell r="B2843">
            <v>50447.667159999997</v>
          </cell>
          <cell r="C2843">
            <v>1.8801600000000001</v>
          </cell>
          <cell r="D2843">
            <v>-9682.1908999999996</v>
          </cell>
          <cell r="E2843">
            <v>40767.356419999996</v>
          </cell>
          <cell r="F2843">
            <v>290174.74368999997</v>
          </cell>
          <cell r="G2843">
            <v>0</v>
          </cell>
          <cell r="H2843">
            <v>-585903.62931999995</v>
          </cell>
          <cell r="I2843">
            <v>-295728.88562999998</v>
          </cell>
        </row>
        <row r="2844">
          <cell r="A2844" t="str">
            <v>C3</v>
          </cell>
          <cell r="B2844">
            <v>75228.310849999994</v>
          </cell>
          <cell r="C2844">
            <v>1657.1261400000001</v>
          </cell>
          <cell r="D2844">
            <v>-3200.8885799999998</v>
          </cell>
          <cell r="E2844">
            <v>73684.548410000003</v>
          </cell>
          <cell r="F2844">
            <v>706197.03113999998</v>
          </cell>
          <cell r="G2844">
            <v>2333.3740299999999</v>
          </cell>
          <cell r="H2844">
            <v>-297126.30064999999</v>
          </cell>
          <cell r="I2844">
            <v>411404.10451999999</v>
          </cell>
        </row>
        <row r="2845">
          <cell r="A2845" t="str">
            <v>C3</v>
          </cell>
          <cell r="B2845">
            <v>0</v>
          </cell>
          <cell r="C2845">
            <v>0</v>
          </cell>
          <cell r="D2845">
            <v>0</v>
          </cell>
          <cell r="E2845">
            <v>0</v>
          </cell>
          <cell r="F2845">
            <v>0</v>
          </cell>
          <cell r="G2845">
            <v>0</v>
          </cell>
          <cell r="H2845">
            <v>0</v>
          </cell>
          <cell r="I2845">
            <v>0</v>
          </cell>
        </row>
        <row r="2846">
          <cell r="A2846" t="str">
            <v>C1</v>
          </cell>
          <cell r="B2846">
            <v>136530.04631000001</v>
          </cell>
          <cell r="C2846">
            <v>1657.2168999999999</v>
          </cell>
          <cell r="D2846">
            <v>-2690.2211000000002</v>
          </cell>
          <cell r="E2846">
            <v>135497.04211000001</v>
          </cell>
          <cell r="F2846">
            <v>752757.77899000002</v>
          </cell>
          <cell r="G2846">
            <v>2320.8175900000001</v>
          </cell>
          <cell r="H2846">
            <v>-303048.16837999999</v>
          </cell>
          <cell r="I2846">
            <v>452030.42820000002</v>
          </cell>
        </row>
        <row r="2847">
          <cell r="A2847" t="str">
            <v>C110</v>
          </cell>
          <cell r="B2847">
            <v>49089.679429999997</v>
          </cell>
          <cell r="C2847">
            <v>-1117.0368100000001</v>
          </cell>
          <cell r="D2847">
            <v>-14189.258620000001</v>
          </cell>
          <cell r="E2847">
            <v>33783.383999999998</v>
          </cell>
          <cell r="F2847">
            <v>448411.95163999998</v>
          </cell>
          <cell r="G2847">
            <v>-4093.19992</v>
          </cell>
          <cell r="H2847">
            <v>-247825.80713</v>
          </cell>
          <cell r="I2847">
            <v>196492.94459</v>
          </cell>
        </row>
        <row r="2848">
          <cell r="A2848" t="str">
            <v>C120</v>
          </cell>
          <cell r="B2848">
            <v>22743.859059999999</v>
          </cell>
          <cell r="C2848">
            <v>46.288809999999998</v>
          </cell>
          <cell r="D2848">
            <v>73.645769999999999</v>
          </cell>
          <cell r="E2848">
            <v>22863.79364</v>
          </cell>
          <cell r="F2848">
            <v>78559.320810000005</v>
          </cell>
          <cell r="G2848">
            <v>312.60998999999998</v>
          </cell>
          <cell r="H2848">
            <v>466.53710000000001</v>
          </cell>
          <cell r="I2848">
            <v>79338.467900000003</v>
          </cell>
        </row>
        <row r="2849">
          <cell r="A2849" t="str">
            <v>C130</v>
          </cell>
          <cell r="B2849">
            <v>39120.627030000003</v>
          </cell>
          <cell r="C2849">
            <v>2619.04007</v>
          </cell>
          <cell r="D2849">
            <v>2010.3547799999999</v>
          </cell>
          <cell r="E2849">
            <v>43750.02188</v>
          </cell>
          <cell r="F2849">
            <v>83819.777969999996</v>
          </cell>
          <cell r="G2849">
            <v>5394.04259</v>
          </cell>
          <cell r="H2849">
            <v>-26633.288229999998</v>
          </cell>
          <cell r="I2849">
            <v>62580.532330000002</v>
          </cell>
        </row>
        <row r="2850">
          <cell r="A2850" t="str">
            <v>C131</v>
          </cell>
          <cell r="B2850">
            <v>28216.386920000001</v>
          </cell>
          <cell r="C2850">
            <v>-157.75735</v>
          </cell>
          <cell r="D2850">
            <v>-10840.867050000001</v>
          </cell>
          <cell r="E2850">
            <v>17217.76252</v>
          </cell>
          <cell r="F2850">
            <v>73331.723870000002</v>
          </cell>
          <cell r="G2850">
            <v>139.01937000000001</v>
          </cell>
          <cell r="H2850">
            <v>212410.32066</v>
          </cell>
          <cell r="I2850">
            <v>285881.06390000001</v>
          </cell>
        </row>
        <row r="2851">
          <cell r="A2851" t="str">
            <v>C132P</v>
          </cell>
          <cell r="B2851">
            <v>-7682.9211800000003</v>
          </cell>
          <cell r="C2851">
            <v>1986.2842700000001</v>
          </cell>
          <cell r="D2851">
            <v>11282.6741</v>
          </cell>
          <cell r="E2851">
            <v>5586.03719</v>
          </cell>
          <cell r="F2851">
            <v>67927.108139999997</v>
          </cell>
          <cell r="G2851">
            <v>4157.2091799999998</v>
          </cell>
          <cell r="H2851">
            <v>-323525.35148000001</v>
          </cell>
          <cell r="I2851">
            <v>-251441.03416000001</v>
          </cell>
        </row>
        <row r="2852">
          <cell r="A2852" t="str">
            <v>C13201</v>
          </cell>
          <cell r="B2852">
            <v>-7702.2465300000003</v>
          </cell>
          <cell r="C2852">
            <v>1986.2491399999999</v>
          </cell>
          <cell r="D2852">
            <v>9652.28442</v>
          </cell>
          <cell r="E2852">
            <v>3936.28703</v>
          </cell>
          <cell r="F2852">
            <v>68025.702749999997</v>
          </cell>
          <cell r="G2852">
            <v>4224.8805499999999</v>
          </cell>
          <cell r="H2852">
            <v>-317128.48956999998</v>
          </cell>
          <cell r="I2852">
            <v>-244877.90627000001</v>
          </cell>
        </row>
        <row r="2853">
          <cell r="A2853" t="str">
            <v>C13204</v>
          </cell>
          <cell r="B2853">
            <v>19.32535</v>
          </cell>
          <cell r="C2853">
            <v>3.5130000000000002E-2</v>
          </cell>
          <cell r="D2853">
            <v>1630.38968</v>
          </cell>
          <cell r="E2853">
            <v>1649.7501600000001</v>
          </cell>
          <cell r="F2853">
            <v>-98.594610000000003</v>
          </cell>
          <cell r="G2853">
            <v>-67.671369999999996</v>
          </cell>
          <cell r="H2853">
            <v>-6396.8619099999996</v>
          </cell>
          <cell r="I2853">
            <v>-6563.1278899999998</v>
          </cell>
        </row>
        <row r="2854">
          <cell r="A2854" t="str">
            <v>C133</v>
          </cell>
          <cell r="B2854">
            <v>-505.25556</v>
          </cell>
          <cell r="C2854">
            <v>790.51315</v>
          </cell>
          <cell r="D2854">
            <v>-254.68226999999999</v>
          </cell>
          <cell r="E2854">
            <v>30.575320000000001</v>
          </cell>
          <cell r="F2854">
            <v>-100549.7169</v>
          </cell>
          <cell r="G2854">
            <v>1097.61112</v>
          </cell>
          <cell r="H2854">
            <v>89443.681509999995</v>
          </cell>
          <cell r="I2854">
            <v>-10008.42427</v>
          </cell>
        </row>
        <row r="2855">
          <cell r="A2855" t="str">
            <v>C134</v>
          </cell>
          <cell r="B2855">
            <v>19092.416850000001</v>
          </cell>
          <cell r="D2855">
            <v>1823.23</v>
          </cell>
          <cell r="E2855">
            <v>20915.646850000001</v>
          </cell>
          <cell r="F2855">
            <v>22008.363850000002</v>
          </cell>
          <cell r="G2855">
            <v>0.20291999999999999</v>
          </cell>
          <cell r="H2855">
            <v>-4961.9389199999996</v>
          </cell>
          <cell r="I2855">
            <v>17046.627850000001</v>
          </cell>
        </row>
        <row r="2856">
          <cell r="A2856" t="str">
            <v>C135</v>
          </cell>
          <cell r="F2856">
            <v>21102.299009999999</v>
          </cell>
          <cell r="G2856">
            <v>0</v>
          </cell>
          <cell r="I2856">
            <v>21102.299009999999</v>
          </cell>
        </row>
        <row r="2857">
          <cell r="A2857" t="str">
            <v>C150</v>
          </cell>
          <cell r="B2857">
            <v>18365.36319</v>
          </cell>
          <cell r="D2857">
            <v>5250.5083199999999</v>
          </cell>
          <cell r="E2857">
            <v>23615.871510000001</v>
          </cell>
          <cell r="F2857">
            <v>8616.5103500000005</v>
          </cell>
          <cell r="G2857">
            <v>0</v>
          </cell>
          <cell r="H2857">
            <v>64114.66042</v>
          </cell>
          <cell r="I2857">
            <v>72731.170769999997</v>
          </cell>
        </row>
        <row r="2858">
          <cell r="A2858" t="str">
            <v>C15001</v>
          </cell>
          <cell r="B2858">
            <v>1743.0019400000001</v>
          </cell>
          <cell r="E2858">
            <v>1743.0019400000001</v>
          </cell>
          <cell r="F2858">
            <v>12201.013569999999</v>
          </cell>
          <cell r="I2858">
            <v>12201.013569999999</v>
          </cell>
        </row>
        <row r="2859">
          <cell r="A2859" t="str">
            <v>C15002</v>
          </cell>
          <cell r="B2859">
            <v>16320.75944</v>
          </cell>
          <cell r="D2859">
            <v>5023.7427699999998</v>
          </cell>
          <cell r="E2859">
            <v>21344.502209999999</v>
          </cell>
          <cell r="F2859">
            <v>9041.5391299999992</v>
          </cell>
          <cell r="G2859">
            <v>0</v>
          </cell>
          <cell r="H2859">
            <v>62770.380640000003</v>
          </cell>
          <cell r="I2859">
            <v>71811.919769999993</v>
          </cell>
        </row>
        <row r="2860">
          <cell r="A2860" t="str">
            <v>C15003</v>
          </cell>
          <cell r="B2860">
            <v>301.60181</v>
          </cell>
          <cell r="D2860">
            <v>226.76554999999999</v>
          </cell>
          <cell r="E2860">
            <v>528.36735999999996</v>
          </cell>
          <cell r="F2860">
            <v>-12626.04235</v>
          </cell>
          <cell r="G2860">
            <v>0</v>
          </cell>
          <cell r="H2860">
            <v>1344.2797800000001</v>
          </cell>
          <cell r="I2860">
            <v>-11281.762570000001</v>
          </cell>
        </row>
        <row r="2861">
          <cell r="A2861" t="str">
            <v>C15004</v>
          </cell>
        </row>
        <row r="2862">
          <cell r="A2862" t="str">
            <v>C160</v>
          </cell>
          <cell r="B2862">
            <v>-9755.4952099999991</v>
          </cell>
          <cell r="C2862">
            <v>108.92483</v>
          </cell>
          <cell r="D2862">
            <v>2789.4452000000001</v>
          </cell>
          <cell r="E2862">
            <v>-6857.12518</v>
          </cell>
          <cell r="F2862">
            <v>-26478.029470000001</v>
          </cell>
          <cell r="G2862">
            <v>707.35766000000001</v>
          </cell>
          <cell r="H2862">
            <v>-32938.643020000003</v>
          </cell>
          <cell r="I2862">
            <v>-58709.314830000003</v>
          </cell>
        </row>
        <row r="2863">
          <cell r="A2863" t="str">
            <v>C16001</v>
          </cell>
          <cell r="B2863">
            <v>823.77263000000005</v>
          </cell>
          <cell r="C2863">
            <v>108.92483</v>
          </cell>
          <cell r="D2863">
            <v>435.98088999999999</v>
          </cell>
          <cell r="E2863">
            <v>1368.6783499999999</v>
          </cell>
          <cell r="F2863">
            <v>8670.9782400000004</v>
          </cell>
          <cell r="G2863">
            <v>707.35766000000001</v>
          </cell>
          <cell r="H2863">
            <v>-16643.168010000001</v>
          </cell>
          <cell r="I2863">
            <v>-7264.8321100000003</v>
          </cell>
        </row>
        <row r="2864">
          <cell r="A2864" t="str">
            <v>C16002</v>
          </cell>
          <cell r="B2864">
            <v>-27.354500000000002</v>
          </cell>
          <cell r="E2864">
            <v>-27.354500000000002</v>
          </cell>
          <cell r="F2864">
            <v>628.32443999999998</v>
          </cell>
          <cell r="I2864">
            <v>628.32443999999998</v>
          </cell>
        </row>
        <row r="2865">
          <cell r="A2865" t="str">
            <v>C16003</v>
          </cell>
          <cell r="B2865">
            <v>-6982.4924700000001</v>
          </cell>
          <cell r="E2865">
            <v>-6982.4924700000001</v>
          </cell>
          <cell r="F2865">
            <v>-27422.53385</v>
          </cell>
          <cell r="I2865">
            <v>-27422.53385</v>
          </cell>
        </row>
        <row r="2866">
          <cell r="A2866" t="str">
            <v>C16004</v>
          </cell>
          <cell r="G2866">
            <v>0</v>
          </cell>
          <cell r="H2866">
            <v>-16295.47501</v>
          </cell>
          <cell r="I2866">
            <v>-16295.47501</v>
          </cell>
        </row>
        <row r="2867">
          <cell r="A2867" t="str">
            <v>C16006</v>
          </cell>
          <cell r="B2867">
            <v>-3569.4208699999999</v>
          </cell>
          <cell r="D2867">
            <v>2353.4643099999998</v>
          </cell>
          <cell r="E2867">
            <v>-1215.9565600000001</v>
          </cell>
          <cell r="F2867">
            <v>-8252.4992899999997</v>
          </cell>
          <cell r="G2867">
            <v>0</v>
          </cell>
          <cell r="H2867">
            <v>0</v>
          </cell>
          <cell r="I2867">
            <v>-8252.4992899999997</v>
          </cell>
        </row>
        <row r="2868">
          <cell r="A2868" t="str">
            <v>C16007</v>
          </cell>
          <cell r="G2868">
            <v>0</v>
          </cell>
          <cell r="I2868">
            <v>0</v>
          </cell>
        </row>
        <row r="2869">
          <cell r="A2869" t="str">
            <v>C16008</v>
          </cell>
          <cell r="F2869">
            <v>-102.29901</v>
          </cell>
          <cell r="G2869">
            <v>0</v>
          </cell>
          <cell r="I2869">
            <v>-102.29901</v>
          </cell>
        </row>
        <row r="2870">
          <cell r="A2870" t="str">
            <v>C16009</v>
          </cell>
          <cell r="F2870">
            <v>-102.29901</v>
          </cell>
          <cell r="G2870">
            <v>0</v>
          </cell>
          <cell r="I2870">
            <v>-102.29901</v>
          </cell>
        </row>
        <row r="2871">
          <cell r="A2871" t="str">
            <v>C170</v>
          </cell>
          <cell r="B2871">
            <v>16966.01281</v>
          </cell>
          <cell r="D2871">
            <v>1375.0834500000001</v>
          </cell>
          <cell r="E2871">
            <v>18341.096259999998</v>
          </cell>
          <cell r="F2871">
            <v>159828.24768999999</v>
          </cell>
          <cell r="G2871">
            <v>7.2700000000000004E-3</v>
          </cell>
          <cell r="H2871">
            <v>22035.891629999998</v>
          </cell>
          <cell r="I2871">
            <v>181864.14658999999</v>
          </cell>
        </row>
        <row r="2872">
          <cell r="A2872" t="str">
            <v>C17001</v>
          </cell>
          <cell r="B2872">
            <v>6824.0101599999998</v>
          </cell>
          <cell r="D2872">
            <v>-2353.4643099999998</v>
          </cell>
          <cell r="E2872">
            <v>4470.5458500000004</v>
          </cell>
          <cell r="F2872">
            <v>86691.476630000005</v>
          </cell>
          <cell r="H2872">
            <v>-63.555909999999997</v>
          </cell>
          <cell r="I2872">
            <v>86627.920719999995</v>
          </cell>
        </row>
        <row r="2873">
          <cell r="A2873" t="str">
            <v>C17002</v>
          </cell>
          <cell r="B2873">
            <v>10144.19708</v>
          </cell>
          <cell r="D2873">
            <v>3728.5477599999999</v>
          </cell>
          <cell r="E2873">
            <v>13872.744839999999</v>
          </cell>
          <cell r="F2873">
            <v>73139.263519999993</v>
          </cell>
          <cell r="G2873">
            <v>7.2700000000000004E-3</v>
          </cell>
          <cell r="H2873">
            <v>28383.483380000001</v>
          </cell>
          <cell r="I2873">
            <v>101522.75417</v>
          </cell>
        </row>
        <row r="2874">
          <cell r="A2874" t="str">
            <v>C17003</v>
          </cell>
          <cell r="B2874">
            <v>-2.1944300000000001</v>
          </cell>
          <cell r="E2874">
            <v>-2.1944300000000001</v>
          </cell>
          <cell r="F2874">
            <v>-2.4924599999999999</v>
          </cell>
          <cell r="H2874">
            <v>-6284.0358399999996</v>
          </cell>
          <cell r="I2874">
            <v>-6286.5282999999999</v>
          </cell>
        </row>
        <row r="2875">
          <cell r="A2875" t="str">
            <v>C180</v>
          </cell>
          <cell r="H2875">
            <v>-82267.519149999993</v>
          </cell>
          <cell r="I2875">
            <v>-82267.519149999993</v>
          </cell>
        </row>
        <row r="2876">
          <cell r="A2876" t="str">
            <v>C2</v>
          </cell>
          <cell r="B2876">
            <v>-61301.735460000004</v>
          </cell>
          <cell r="C2876">
            <v>-9.0759999999999993E-2</v>
          </cell>
          <cell r="D2876">
            <v>-510.66748000000001</v>
          </cell>
          <cell r="E2876">
            <v>-61812.493699999999</v>
          </cell>
          <cell r="F2876">
            <v>-46560.74785</v>
          </cell>
          <cell r="G2876">
            <v>12.55644</v>
          </cell>
          <cell r="H2876">
            <v>5921.8677299999999</v>
          </cell>
          <cell r="I2876">
            <v>-40626.323680000001</v>
          </cell>
        </row>
        <row r="2877">
          <cell r="A2877" t="str">
            <v>C210</v>
          </cell>
          <cell r="B2877">
            <v>-61597.834049999998</v>
          </cell>
          <cell r="C2877">
            <v>-9.0759999999999993E-2</v>
          </cell>
          <cell r="D2877">
            <v>-510.66748000000001</v>
          </cell>
          <cell r="E2877">
            <v>-62108.592290000001</v>
          </cell>
          <cell r="F2877">
            <v>-237103.18247</v>
          </cell>
          <cell r="G2877">
            <v>-0.12307999999999999</v>
          </cell>
          <cell r="H2877">
            <v>7117.7732500000002</v>
          </cell>
          <cell r="I2877">
            <v>-229985.53229999999</v>
          </cell>
        </row>
        <row r="2878">
          <cell r="A2878" t="str">
            <v>C211</v>
          </cell>
          <cell r="B2878">
            <v>-47018.693160000003</v>
          </cell>
          <cell r="C2878">
            <v>-9.0759999999999993E-2</v>
          </cell>
          <cell r="D2878">
            <v>-510.66748000000001</v>
          </cell>
          <cell r="E2878">
            <v>-47529.451399999998</v>
          </cell>
          <cell r="F2878">
            <v>-120203.84583999999</v>
          </cell>
          <cell r="G2878">
            <v>-0.12307999999999999</v>
          </cell>
          <cell r="H2878">
            <v>7117.9443700000002</v>
          </cell>
          <cell r="I2878">
            <v>-113086.02455</v>
          </cell>
        </row>
        <row r="2879">
          <cell r="A2879" t="str">
            <v>C21101</v>
          </cell>
          <cell r="B2879">
            <v>-8526.4577300000001</v>
          </cell>
          <cell r="C2879">
            <v>-9.0759999999999993E-2</v>
          </cell>
          <cell r="D2879">
            <v>-510.66748000000001</v>
          </cell>
          <cell r="E2879">
            <v>-9037.2159699999993</v>
          </cell>
          <cell r="F2879">
            <v>-27800.151679999999</v>
          </cell>
          <cell r="G2879">
            <v>-0.12307999999999999</v>
          </cell>
          <cell r="H2879">
            <v>7117.9443700000002</v>
          </cell>
          <cell r="I2879">
            <v>-20682.330389999999</v>
          </cell>
        </row>
        <row r="2880">
          <cell r="A2880" t="str">
            <v>C21102</v>
          </cell>
          <cell r="B2880">
            <v>-38198.331270000002</v>
          </cell>
          <cell r="E2880">
            <v>-38198.331270000002</v>
          </cell>
          <cell r="F2880">
            <v>-90863.751999999993</v>
          </cell>
          <cell r="I2880">
            <v>-90863.751999999993</v>
          </cell>
        </row>
        <row r="2881">
          <cell r="A2881" t="str">
            <v>C21103</v>
          </cell>
          <cell r="B2881">
            <v>-293.90415999999999</v>
          </cell>
          <cell r="E2881">
            <v>-293.90415999999999</v>
          </cell>
          <cell r="F2881">
            <v>-1539.9421600000001</v>
          </cell>
          <cell r="I2881">
            <v>-1539.9421600000001</v>
          </cell>
        </row>
        <row r="2882">
          <cell r="A2882" t="str">
            <v>C212</v>
          </cell>
          <cell r="B2882">
            <v>-16573.925999999999</v>
          </cell>
          <cell r="C2882">
            <v>-627.13945000000001</v>
          </cell>
          <cell r="E2882">
            <v>-17201.065449999998</v>
          </cell>
          <cell r="F2882">
            <v>-128993.58559</v>
          </cell>
          <cell r="G2882">
            <v>-5783.9889499999999</v>
          </cell>
          <cell r="H2882">
            <v>-0.17111999999999999</v>
          </cell>
          <cell r="I2882">
            <v>-134777.74565999999</v>
          </cell>
        </row>
        <row r="2883">
          <cell r="A2883" t="str">
            <v>C21201</v>
          </cell>
        </row>
        <row r="2884">
          <cell r="A2884" t="str">
            <v>C21202</v>
          </cell>
          <cell r="B2884">
            <v>-10.433579999999999</v>
          </cell>
          <cell r="C2884">
            <v>3.2741099999999999</v>
          </cell>
          <cell r="E2884">
            <v>-7.1594699999999998</v>
          </cell>
          <cell r="F2884">
            <v>250.01857999999999</v>
          </cell>
          <cell r="G2884">
            <v>568.50129000000004</v>
          </cell>
          <cell r="I2884">
            <v>818.51986999999997</v>
          </cell>
        </row>
        <row r="2885">
          <cell r="A2885" t="str">
            <v>C21203</v>
          </cell>
          <cell r="B2885">
            <v>1166.2209</v>
          </cell>
          <cell r="E2885">
            <v>1166.2209</v>
          </cell>
          <cell r="F2885">
            <v>388.74889999999999</v>
          </cell>
          <cell r="H2885">
            <v>-0.17111999999999999</v>
          </cell>
          <cell r="I2885">
            <v>388.57778000000002</v>
          </cell>
        </row>
        <row r="2886">
          <cell r="A2886" t="str">
            <v>C21204</v>
          </cell>
          <cell r="B2886">
            <v>-15745.361790000001</v>
          </cell>
          <cell r="E2886">
            <v>-15745.361790000001</v>
          </cell>
          <cell r="F2886">
            <v>-117288.08553</v>
          </cell>
          <cell r="I2886">
            <v>-117288.08553</v>
          </cell>
        </row>
        <row r="2887">
          <cell r="A2887" t="str">
            <v>C21205</v>
          </cell>
          <cell r="B2887">
            <v>-1017.89383</v>
          </cell>
          <cell r="C2887">
            <v>-1230.163</v>
          </cell>
          <cell r="E2887">
            <v>-2248.05683</v>
          </cell>
          <cell r="F2887">
            <v>-5879.6202700000003</v>
          </cell>
          <cell r="G2887">
            <v>-4005.75972</v>
          </cell>
          <cell r="I2887">
            <v>-9885.3799899999995</v>
          </cell>
        </row>
        <row r="2888">
          <cell r="A2888" t="str">
            <v>C21206</v>
          </cell>
          <cell r="B2888">
            <v>-50.722969999999997</v>
          </cell>
          <cell r="E2888">
            <v>-50.722969999999997</v>
          </cell>
          <cell r="F2888">
            <v>-293.09814999999998</v>
          </cell>
          <cell r="I2888">
            <v>-293.09814999999998</v>
          </cell>
        </row>
        <row r="2889">
          <cell r="A2889" t="str">
            <v>C21207</v>
          </cell>
          <cell r="B2889">
            <v>-915.73473000000001</v>
          </cell>
          <cell r="C2889">
            <v>599.74944000000005</v>
          </cell>
          <cell r="E2889">
            <v>-315.98529000000002</v>
          </cell>
          <cell r="F2889">
            <v>-6171.5491199999997</v>
          </cell>
          <cell r="G2889">
            <v>-2346.7305200000001</v>
          </cell>
          <cell r="I2889">
            <v>-8518.2796400000007</v>
          </cell>
        </row>
        <row r="2890">
          <cell r="A2890" t="str">
            <v>C21208</v>
          </cell>
        </row>
        <row r="2891">
          <cell r="A2891" t="str">
            <v>C213</v>
          </cell>
          <cell r="B2891">
            <v>1994.78511</v>
          </cell>
          <cell r="C2891">
            <v>627.13945000000001</v>
          </cell>
          <cell r="E2891">
            <v>2621.9245599999999</v>
          </cell>
          <cell r="F2891">
            <v>12094.248960000001</v>
          </cell>
          <cell r="G2891">
            <v>5783.9889499999999</v>
          </cell>
          <cell r="I2891">
            <v>17878.23791</v>
          </cell>
        </row>
        <row r="2892">
          <cell r="A2892" t="str">
            <v>C217</v>
          </cell>
          <cell r="H2892">
            <v>-7479.9413599999998</v>
          </cell>
          <cell r="I2892">
            <v>-7479.9413599999998</v>
          </cell>
        </row>
        <row r="2893">
          <cell r="A2893" t="str">
            <v>C220</v>
          </cell>
          <cell r="F2893">
            <v>189000</v>
          </cell>
          <cell r="G2893">
            <v>12.67952</v>
          </cell>
          <cell r="I2893">
            <v>189012.67952000001</v>
          </cell>
        </row>
        <row r="2894">
          <cell r="A2894" t="str">
            <v>C22001</v>
          </cell>
          <cell r="F2894">
            <v>210000</v>
          </cell>
          <cell r="G2894">
            <v>12.67952</v>
          </cell>
          <cell r="I2894">
            <v>210012.67952000001</v>
          </cell>
        </row>
        <row r="2895">
          <cell r="A2895" t="str">
            <v>C22002</v>
          </cell>
          <cell r="F2895">
            <v>-21000</v>
          </cell>
          <cell r="I2895">
            <v>-21000</v>
          </cell>
        </row>
        <row r="2896">
          <cell r="A2896" t="str">
            <v>C22021</v>
          </cell>
          <cell r="F2896">
            <v>-21000</v>
          </cell>
          <cell r="I2896">
            <v>-21000</v>
          </cell>
        </row>
        <row r="2897">
          <cell r="A2897" t="str">
            <v>C22022</v>
          </cell>
        </row>
        <row r="2898">
          <cell r="A2898" t="str">
            <v>C230</v>
          </cell>
        </row>
        <row r="2899">
          <cell r="A2899" t="str">
            <v>C231</v>
          </cell>
        </row>
        <row r="2900">
          <cell r="A2900" t="str">
            <v>C23102</v>
          </cell>
        </row>
        <row r="2901">
          <cell r="A2901" t="str">
            <v>C240P</v>
          </cell>
          <cell r="B2901">
            <v>2.1944300000000001</v>
          </cell>
          <cell r="E2901">
            <v>2.1944300000000001</v>
          </cell>
          <cell r="F2901">
            <v>2.4924599999999999</v>
          </cell>
          <cell r="H2901">
            <v>6284.0358399999996</v>
          </cell>
          <cell r="I2901">
            <v>6286.5282999999999</v>
          </cell>
        </row>
        <row r="2902">
          <cell r="A2902" t="str">
            <v>C24001</v>
          </cell>
          <cell r="B2902">
            <v>2.1944300000000001</v>
          </cell>
          <cell r="E2902">
            <v>2.1944300000000001</v>
          </cell>
          <cell r="F2902">
            <v>2.4924599999999999</v>
          </cell>
          <cell r="H2902">
            <v>6284.0358399999996</v>
          </cell>
          <cell r="I2902">
            <v>6286.5282999999999</v>
          </cell>
        </row>
        <row r="2903">
          <cell r="A2903" t="str">
            <v>C250</v>
          </cell>
          <cell r="B2903">
            <v>293.90415999999999</v>
          </cell>
          <cell r="E2903">
            <v>293.90415999999999</v>
          </cell>
          <cell r="F2903">
            <v>1539.9421600000001</v>
          </cell>
          <cell r="I2903">
            <v>1539.9421600000001</v>
          </cell>
        </row>
        <row r="2904">
          <cell r="A2904" t="str">
            <v>C4</v>
          </cell>
          <cell r="B2904">
            <v>-24761.318340000002</v>
          </cell>
          <cell r="C2904">
            <v>-1655.2108499999999</v>
          </cell>
          <cell r="D2904">
            <v>-4850.9126399999996</v>
          </cell>
          <cell r="E2904">
            <v>-31267.44183</v>
          </cell>
          <cell r="F2904">
            <v>-416120.88205999997</v>
          </cell>
          <cell r="G2904">
            <v>-2401.0454</v>
          </cell>
          <cell r="H2904">
            <v>-295174.19057999999</v>
          </cell>
          <cell r="I2904">
            <v>-713696.11803999997</v>
          </cell>
        </row>
        <row r="2905">
          <cell r="A2905" t="str">
            <v>C410</v>
          </cell>
          <cell r="B2905">
            <v>-16139.2709</v>
          </cell>
          <cell r="C2905">
            <v>-1655.2108499999999</v>
          </cell>
          <cell r="D2905">
            <v>15069.80978</v>
          </cell>
          <cell r="E2905">
            <v>-2724.6719699999999</v>
          </cell>
          <cell r="F2905">
            <v>-353321.33620000002</v>
          </cell>
          <cell r="G2905">
            <v>-2401.0381299999999</v>
          </cell>
          <cell r="H2905">
            <v>-266790.70721999998</v>
          </cell>
          <cell r="I2905">
            <v>-622513.08155</v>
          </cell>
        </row>
        <row r="2906">
          <cell r="A2906" t="str">
            <v>C411</v>
          </cell>
          <cell r="B2906">
            <v>-15953.80243</v>
          </cell>
          <cell r="C2906">
            <v>-1655.2108499999999</v>
          </cell>
          <cell r="D2906">
            <v>15069.80978</v>
          </cell>
          <cell r="E2906">
            <v>-2539.2035000000001</v>
          </cell>
          <cell r="F2906">
            <v>-337073.79470999999</v>
          </cell>
          <cell r="G2906">
            <v>-2401.0381299999999</v>
          </cell>
          <cell r="H2906">
            <v>-263290.70721999998</v>
          </cell>
          <cell r="I2906">
            <v>-602765.54006000003</v>
          </cell>
        </row>
        <row r="2907">
          <cell r="A2907" t="str">
            <v>C41101</v>
          </cell>
        </row>
        <row r="2908">
          <cell r="A2908" t="str">
            <v>C41102</v>
          </cell>
          <cell r="B2908">
            <v>-15953.80243</v>
          </cell>
          <cell r="C2908">
            <v>-1655.2108499999999</v>
          </cell>
          <cell r="D2908">
            <v>15069.80978</v>
          </cell>
          <cell r="E2908">
            <v>-2539.2035000000001</v>
          </cell>
          <cell r="F2908">
            <v>-337118.85960999998</v>
          </cell>
          <cell r="G2908">
            <v>-2401.0381400000001</v>
          </cell>
          <cell r="H2908">
            <v>261562.73717000001</v>
          </cell>
          <cell r="I2908">
            <v>-77957.160579999996</v>
          </cell>
        </row>
        <row r="2909">
          <cell r="A2909" t="str">
            <v>C41103</v>
          </cell>
        </row>
        <row r="2910">
          <cell r="A2910" t="str">
            <v>C41104</v>
          </cell>
          <cell r="G2910">
            <v>0</v>
          </cell>
          <cell r="I2910">
            <v>0</v>
          </cell>
        </row>
        <row r="2911">
          <cell r="A2911" t="str">
            <v>C41108</v>
          </cell>
          <cell r="G2911">
            <v>0</v>
          </cell>
          <cell r="I2911">
            <v>0</v>
          </cell>
        </row>
        <row r="2912">
          <cell r="A2912" t="str">
            <v>C41107</v>
          </cell>
          <cell r="F2912">
            <v>45.064900000000002</v>
          </cell>
          <cell r="G2912">
            <v>1.0000000000000001E-5</v>
          </cell>
          <cell r="H2912">
            <v>-524853.44438999996</v>
          </cell>
          <cell r="I2912">
            <v>-524808.37948</v>
          </cell>
        </row>
        <row r="2913">
          <cell r="A2913" t="str">
            <v>C412</v>
          </cell>
          <cell r="B2913">
            <v>-185.46847</v>
          </cell>
          <cell r="E2913">
            <v>-185.46847</v>
          </cell>
          <cell r="F2913">
            <v>-16247.54149</v>
          </cell>
          <cell r="H2913">
            <v>-3500</v>
          </cell>
          <cell r="I2913">
            <v>-19747.54149</v>
          </cell>
        </row>
        <row r="2914">
          <cell r="A2914" t="str">
            <v>C430</v>
          </cell>
          <cell r="G2914">
            <v>0</v>
          </cell>
          <cell r="I2914">
            <v>0</v>
          </cell>
        </row>
        <row r="2915">
          <cell r="A2915" t="str">
            <v>C431</v>
          </cell>
          <cell r="G2915">
            <v>0</v>
          </cell>
          <cell r="I2915">
            <v>0</v>
          </cell>
        </row>
        <row r="2916">
          <cell r="A2916" t="str">
            <v>C43101</v>
          </cell>
          <cell r="G2916">
            <v>0</v>
          </cell>
          <cell r="I2916">
            <v>0</v>
          </cell>
        </row>
        <row r="2917">
          <cell r="A2917" t="str">
            <v>C440</v>
          </cell>
          <cell r="B2917">
            <v>-8622.0474400000003</v>
          </cell>
          <cell r="D2917">
            <v>-19920.722419999998</v>
          </cell>
          <cell r="E2917">
            <v>-28542.76986</v>
          </cell>
          <cell r="F2917">
            <v>-62799.545859999998</v>
          </cell>
          <cell r="G2917">
            <v>-7.2700000000000004E-3</v>
          </cell>
          <cell r="H2917">
            <v>-28383.483359999998</v>
          </cell>
          <cell r="I2917">
            <v>-91183.036489999999</v>
          </cell>
        </row>
        <row r="2918">
          <cell r="A2918" t="str">
            <v>C510</v>
          </cell>
          <cell r="B2918">
            <v>-19.32535</v>
          </cell>
          <cell r="C2918">
            <v>-3.5130000000000002E-2</v>
          </cell>
          <cell r="D2918">
            <v>-1630.38968</v>
          </cell>
          <cell r="E2918">
            <v>-1649.7501600000001</v>
          </cell>
          <cell r="F2918">
            <v>98.594610000000003</v>
          </cell>
          <cell r="G2918">
            <v>67.671369999999996</v>
          </cell>
          <cell r="H2918">
            <v>6396.8619099999996</v>
          </cell>
          <cell r="I2918">
            <v>6563.1278899999998</v>
          </cell>
        </row>
        <row r="2919">
          <cell r="A2919" t="str">
            <v>C51006</v>
          </cell>
          <cell r="B2919">
            <v>-19.32535</v>
          </cell>
          <cell r="C2919">
            <v>-3.5130000000000002E-2</v>
          </cell>
          <cell r="D2919">
            <v>-1630.38968</v>
          </cell>
          <cell r="E2919">
            <v>-1649.7501600000001</v>
          </cell>
          <cell r="F2919">
            <v>98.594610000000003</v>
          </cell>
          <cell r="G2919">
            <v>67.671369999999996</v>
          </cell>
          <cell r="H2919">
            <v>6396.8619099999996</v>
          </cell>
          <cell r="I2919">
            <v>6563.1278899999998</v>
          </cell>
        </row>
        <row r="2977">
          <cell r="A2977" t="str">
            <v>BS</v>
          </cell>
          <cell r="B2977">
            <v>0</v>
          </cell>
          <cell r="C2977">
            <v>0</v>
          </cell>
          <cell r="D2977">
            <v>0</v>
          </cell>
          <cell r="E2977">
            <v>0</v>
          </cell>
          <cell r="F2977">
            <v>5.8900000000000003E-3</v>
          </cell>
          <cell r="G2977">
            <v>0</v>
          </cell>
          <cell r="H2977">
            <v>4.0000000000000003E-5</v>
          </cell>
          <cell r="I2977">
            <v>5.9300000000000004E-3</v>
          </cell>
        </row>
        <row r="2978">
          <cell r="A2978" t="str">
            <v>B7</v>
          </cell>
          <cell r="B2978">
            <v>232114.31828000001</v>
          </cell>
          <cell r="C2978">
            <v>-4087.4854</v>
          </cell>
          <cell r="D2978">
            <v>-246160.30569000001</v>
          </cell>
          <cell r="E2978">
            <v>-18133.472809999999</v>
          </cell>
          <cell r="F2978">
            <v>414779.60181999998</v>
          </cell>
          <cell r="G2978">
            <v>-129117.54538</v>
          </cell>
          <cell r="H2978">
            <v>1519850.70891</v>
          </cell>
          <cell r="I2978">
            <v>1805512.76535</v>
          </cell>
        </row>
        <row r="2979">
          <cell r="A2979" t="str">
            <v>B7</v>
          </cell>
          <cell r="B2979">
            <v>0</v>
          </cell>
          <cell r="C2979">
            <v>0</v>
          </cell>
          <cell r="D2979">
            <v>0</v>
          </cell>
          <cell r="E2979">
            <v>0</v>
          </cell>
          <cell r="F2979">
            <v>0</v>
          </cell>
          <cell r="G2979">
            <v>0</v>
          </cell>
          <cell r="H2979">
            <v>0</v>
          </cell>
          <cell r="I2979">
            <v>0</v>
          </cell>
        </row>
        <row r="2980">
          <cell r="A2980" t="str">
            <v>B3</v>
          </cell>
          <cell r="B2980">
            <v>350266.54372000002</v>
          </cell>
          <cell r="C2980">
            <v>-848.49428</v>
          </cell>
          <cell r="D2980">
            <v>-244273.91248</v>
          </cell>
          <cell r="E2980">
            <v>105144.13696</v>
          </cell>
          <cell r="F2980">
            <v>1200708.61154</v>
          </cell>
          <cell r="G2980">
            <v>-63884.925470000002</v>
          </cell>
          <cell r="H2980">
            <v>1379498.0465500001</v>
          </cell>
          <cell r="I2980">
            <v>2516321.7326199999</v>
          </cell>
        </row>
        <row r="2981">
          <cell r="A2981" t="str">
            <v>B100</v>
          </cell>
          <cell r="B2981">
            <v>9873.0073100000009</v>
          </cell>
          <cell r="C2981">
            <v>-45.568429999999999</v>
          </cell>
          <cell r="D2981">
            <v>162.30087</v>
          </cell>
          <cell r="E2981">
            <v>9989.7397500000006</v>
          </cell>
          <cell r="F2981">
            <v>1708864.42891</v>
          </cell>
          <cell r="G2981">
            <v>3870.96776</v>
          </cell>
          <cell r="H2981">
            <v>20909.039430000001</v>
          </cell>
          <cell r="I2981">
            <v>1733644.4361</v>
          </cell>
        </row>
        <row r="2982">
          <cell r="A2982" t="str">
            <v>B110</v>
          </cell>
          <cell r="B2982">
            <v>9873.0073100000009</v>
          </cell>
          <cell r="C2982">
            <v>-45.568429999999999</v>
          </cell>
          <cell r="D2982">
            <v>187.94156000000001</v>
          </cell>
          <cell r="E2982">
            <v>10015.380440000001</v>
          </cell>
          <cell r="F2982">
            <v>1708864.42891</v>
          </cell>
          <cell r="G2982">
            <v>3870.96776</v>
          </cell>
          <cell r="H2982">
            <v>20653.853009999999</v>
          </cell>
          <cell r="I2982">
            <v>1733389.2496799999</v>
          </cell>
        </row>
        <row r="2983">
          <cell r="A2983" t="str">
            <v>B11001</v>
          </cell>
          <cell r="B2983">
            <v>34680.822990000001</v>
          </cell>
          <cell r="D2983">
            <v>241.83481</v>
          </cell>
          <cell r="E2983">
            <v>34922.657800000001</v>
          </cell>
          <cell r="F2983">
            <v>4634974.0381199997</v>
          </cell>
          <cell r="G2983">
            <v>10505.785610000001</v>
          </cell>
          <cell r="H2983">
            <v>22261.823820000001</v>
          </cell>
          <cell r="I2983">
            <v>4667741.6475499999</v>
          </cell>
        </row>
        <row r="2984">
          <cell r="A2984" t="str">
            <v>B11003</v>
          </cell>
          <cell r="F2984">
            <v>4477169.1135</v>
          </cell>
          <cell r="G2984">
            <v>10526.698609999999</v>
          </cell>
          <cell r="H2984">
            <v>12842.287249999999</v>
          </cell>
          <cell r="I2984">
            <v>4500538.0993600003</v>
          </cell>
        </row>
        <row r="2985">
          <cell r="A2985" t="str">
            <v>B11004</v>
          </cell>
          <cell r="F2985">
            <v>-113350.75539999999</v>
          </cell>
          <cell r="G2985">
            <v>-21.036079999999998</v>
          </cell>
          <cell r="I2985">
            <v>-113371.79148</v>
          </cell>
        </row>
        <row r="2986">
          <cell r="A2986" t="str">
            <v>B11005</v>
          </cell>
          <cell r="B2986">
            <v>33599.287620000003</v>
          </cell>
          <cell r="D2986">
            <v>16537.309819999999</v>
          </cell>
          <cell r="E2986">
            <v>50136.597439999998</v>
          </cell>
          <cell r="F2986">
            <v>268534.20249</v>
          </cell>
          <cell r="G2986">
            <v>0.12307999999999999</v>
          </cell>
          <cell r="H2986">
            <v>9419.5365700000002</v>
          </cell>
          <cell r="I2986">
            <v>277953.86213999998</v>
          </cell>
        </row>
        <row r="2987">
          <cell r="A2987" t="str">
            <v>B11006</v>
          </cell>
          <cell r="B2987">
            <v>1081.5353700000001</v>
          </cell>
          <cell r="E2987">
            <v>1081.5353700000001</v>
          </cell>
          <cell r="F2987">
            <v>2621.4775300000001</v>
          </cell>
          <cell r="I2987">
            <v>2621.4775300000001</v>
          </cell>
        </row>
        <row r="2988">
          <cell r="A2988" t="str">
            <v>B11021</v>
          </cell>
          <cell r="D2988">
            <v>-16295.47501</v>
          </cell>
          <cell r="E2988">
            <v>-16295.47501</v>
          </cell>
          <cell r="G2988">
            <v>0</v>
          </cell>
          <cell r="H2988">
            <v>0</v>
          </cell>
          <cell r="I2988">
            <v>0</v>
          </cell>
        </row>
        <row r="2989">
          <cell r="A2989" t="str">
            <v>B11012</v>
          </cell>
          <cell r="D2989">
            <v>-16295.47501</v>
          </cell>
          <cell r="E2989">
            <v>-16295.47501</v>
          </cell>
          <cell r="G2989">
            <v>0</v>
          </cell>
          <cell r="H2989">
            <v>0</v>
          </cell>
          <cell r="I2989">
            <v>0</v>
          </cell>
        </row>
        <row r="2990">
          <cell r="A2990" t="str">
            <v>B11002</v>
          </cell>
          <cell r="B2990">
            <v>-24807.81568</v>
          </cell>
          <cell r="C2990">
            <v>-45.568429999999999</v>
          </cell>
          <cell r="D2990">
            <v>-53.893250000000002</v>
          </cell>
          <cell r="E2990">
            <v>-24907.27736</v>
          </cell>
          <cell r="F2990">
            <v>-2926109.6092099999</v>
          </cell>
          <cell r="G2990">
            <v>-6634.8178500000004</v>
          </cell>
          <cell r="H2990">
            <v>-1607.97081</v>
          </cell>
          <cell r="I2990">
            <v>-2934352.39787</v>
          </cell>
        </row>
        <row r="2991">
          <cell r="A2991" t="str">
            <v>B11014</v>
          </cell>
          <cell r="F2991">
            <v>-2726093.2281200001</v>
          </cell>
          <cell r="G2991">
            <v>-6284.9959900000003</v>
          </cell>
          <cell r="H2991">
            <v>-1267.0253499999999</v>
          </cell>
          <cell r="I2991">
            <v>-2733645.2494600001</v>
          </cell>
        </row>
        <row r="2992">
          <cell r="A2992" t="str">
            <v>B11017</v>
          </cell>
          <cell r="B2992">
            <v>-24807.81568</v>
          </cell>
          <cell r="C2992">
            <v>-45.568429999999999</v>
          </cell>
          <cell r="D2992">
            <v>-53.893250000000002</v>
          </cell>
          <cell r="E2992">
            <v>-24907.27736</v>
          </cell>
          <cell r="F2992">
            <v>-200016.38109000001</v>
          </cell>
          <cell r="G2992">
            <v>-370.85793999999999</v>
          </cell>
          <cell r="H2992">
            <v>-340.94546000000003</v>
          </cell>
          <cell r="I2992">
            <v>-200728.18449000001</v>
          </cell>
        </row>
        <row r="2993">
          <cell r="A2993" t="str">
            <v>B11018</v>
          </cell>
          <cell r="G2993">
            <v>21.036079999999998</v>
          </cell>
          <cell r="I2993">
            <v>21.036079999999998</v>
          </cell>
        </row>
        <row r="2994">
          <cell r="A2994" t="str">
            <v>B11025</v>
          </cell>
          <cell r="G2994">
            <v>0</v>
          </cell>
          <cell r="I2994">
            <v>0</v>
          </cell>
        </row>
        <row r="2995">
          <cell r="A2995" t="str">
            <v>B11022</v>
          </cell>
          <cell r="G2995">
            <v>0</v>
          </cell>
          <cell r="I2995">
            <v>0</v>
          </cell>
        </row>
        <row r="2996">
          <cell r="A2996" t="str">
            <v>B120</v>
          </cell>
          <cell r="D2996">
            <v>-25.640689999999999</v>
          </cell>
          <cell r="E2996">
            <v>-25.640689999999999</v>
          </cell>
          <cell r="H2996">
            <v>208.07478</v>
          </cell>
          <cell r="I2996">
            <v>208.07478</v>
          </cell>
        </row>
        <row r="2997">
          <cell r="A2997" t="str">
            <v>B12004</v>
          </cell>
          <cell r="H2997">
            <v>1559.7547400000001</v>
          </cell>
          <cell r="I2997">
            <v>1559.7547400000001</v>
          </cell>
        </row>
        <row r="2998">
          <cell r="A2998" t="str">
            <v>B12006</v>
          </cell>
          <cell r="H2998">
            <v>1559.7547400000001</v>
          </cell>
          <cell r="I2998">
            <v>1559.7547400000001</v>
          </cell>
        </row>
        <row r="2999">
          <cell r="A2999" t="str">
            <v>B12051</v>
          </cell>
          <cell r="H2999">
            <v>1559.7547300000001</v>
          </cell>
          <cell r="I2999">
            <v>1559.7547300000001</v>
          </cell>
        </row>
        <row r="3000">
          <cell r="A3000" t="str">
            <v>B12017</v>
          </cell>
          <cell r="H3000">
            <v>1.0000000000000001E-5</v>
          </cell>
          <cell r="I3000">
            <v>1.0000000000000001E-5</v>
          </cell>
        </row>
        <row r="3001">
          <cell r="A3001" t="str">
            <v>B12005</v>
          </cell>
          <cell r="D3001">
            <v>-25.640689999999999</v>
          </cell>
          <cell r="E3001">
            <v>-25.640689999999999</v>
          </cell>
          <cell r="H3001">
            <v>-1351.6799599999999</v>
          </cell>
          <cell r="I3001">
            <v>-1351.6799599999999</v>
          </cell>
        </row>
        <row r="3002">
          <cell r="A3002" t="str">
            <v>B12010</v>
          </cell>
          <cell r="H3002">
            <v>-1146.55438</v>
          </cell>
          <cell r="I3002">
            <v>-1146.55438</v>
          </cell>
        </row>
        <row r="3003">
          <cell r="A3003" t="str">
            <v>B12031</v>
          </cell>
          <cell r="H3003">
            <v>-1146.5543700000001</v>
          </cell>
          <cell r="I3003">
            <v>-1146.5543700000001</v>
          </cell>
        </row>
        <row r="3004">
          <cell r="A3004" t="str">
            <v>B12032</v>
          </cell>
          <cell r="H3004">
            <v>-1.0000000000000001E-5</v>
          </cell>
          <cell r="I3004">
            <v>-1.0000000000000001E-5</v>
          </cell>
        </row>
        <row r="3005">
          <cell r="A3005" t="str">
            <v>B12011</v>
          </cell>
          <cell r="D3005">
            <v>-25.640689999999999</v>
          </cell>
          <cell r="E3005">
            <v>-25.640689999999999</v>
          </cell>
          <cell r="H3005">
            <v>-205.12558000000001</v>
          </cell>
          <cell r="I3005">
            <v>-205.12558000000001</v>
          </cell>
        </row>
        <row r="3006">
          <cell r="A3006" t="str">
            <v>B12046</v>
          </cell>
          <cell r="D3006">
            <v>-25.640689999999999</v>
          </cell>
          <cell r="E3006">
            <v>-25.640689999999999</v>
          </cell>
          <cell r="H3006">
            <v>-205.12558000000001</v>
          </cell>
          <cell r="I3006">
            <v>-205.12558000000001</v>
          </cell>
        </row>
        <row r="3007">
          <cell r="A3007" t="str">
            <v>B130</v>
          </cell>
          <cell r="G3007">
            <v>0</v>
          </cell>
          <cell r="H3007">
            <v>47.111640000000001</v>
          </cell>
          <cell r="I3007">
            <v>47.111640000000001</v>
          </cell>
        </row>
        <row r="3008">
          <cell r="A3008" t="str">
            <v>B132</v>
          </cell>
          <cell r="G3008">
            <v>0</v>
          </cell>
          <cell r="H3008">
            <v>47.111640000000001</v>
          </cell>
          <cell r="I3008">
            <v>47.111640000000001</v>
          </cell>
        </row>
        <row r="3009">
          <cell r="A3009" t="str">
            <v>B13201</v>
          </cell>
          <cell r="H3009">
            <v>47.111640000000001</v>
          </cell>
          <cell r="I3009">
            <v>47.111640000000001</v>
          </cell>
        </row>
        <row r="3010">
          <cell r="A3010" t="str">
            <v>B13202</v>
          </cell>
          <cell r="G3010">
            <v>0</v>
          </cell>
          <cell r="I3010">
            <v>0</v>
          </cell>
        </row>
        <row r="3011">
          <cell r="A3011" t="str">
            <v>B13204</v>
          </cell>
        </row>
        <row r="3012">
          <cell r="A3012" t="str">
            <v>B13205</v>
          </cell>
          <cell r="G3012">
            <v>0</v>
          </cell>
          <cell r="I3012">
            <v>0</v>
          </cell>
        </row>
        <row r="3013">
          <cell r="A3013" t="str">
            <v>B200</v>
          </cell>
          <cell r="B3013">
            <v>372.44635</v>
          </cell>
          <cell r="C3013">
            <v>-277.64013</v>
          </cell>
          <cell r="D3013">
            <v>596.35598000000005</v>
          </cell>
          <cell r="E3013">
            <v>691.16219999999998</v>
          </cell>
          <cell r="F3013">
            <v>-838.48793999999998</v>
          </cell>
          <cell r="G3013">
            <v>4311.4303600000003</v>
          </cell>
          <cell r="H3013">
            <v>91215.297789999997</v>
          </cell>
          <cell r="I3013">
            <v>94688.240210000004</v>
          </cell>
        </row>
        <row r="3014">
          <cell r="A3014" t="str">
            <v>B270</v>
          </cell>
          <cell r="B3014">
            <v>372.44635</v>
          </cell>
          <cell r="C3014">
            <v>-277.64013</v>
          </cell>
          <cell r="D3014">
            <v>596.35598000000005</v>
          </cell>
          <cell r="E3014">
            <v>691.16219999999998</v>
          </cell>
          <cell r="F3014">
            <v>-838.48793999999998</v>
          </cell>
          <cell r="G3014">
            <v>4311.4303600000003</v>
          </cell>
          <cell r="H3014">
            <v>91215.297789999997</v>
          </cell>
          <cell r="I3014">
            <v>94688.240210000004</v>
          </cell>
        </row>
        <row r="3015">
          <cell r="A3015" t="str">
            <v>B250</v>
          </cell>
          <cell r="B3015">
            <v>12291.755279999999</v>
          </cell>
          <cell r="D3015">
            <v>2200.8047299999998</v>
          </cell>
          <cell r="E3015">
            <v>14492.560009999999</v>
          </cell>
          <cell r="F3015">
            <v>-64372.315609999998</v>
          </cell>
          <cell r="G3015">
            <v>-22.75723</v>
          </cell>
          <cell r="H3015">
            <v>418219.484</v>
          </cell>
          <cell r="I3015">
            <v>353824.41116000002</v>
          </cell>
        </row>
        <row r="3016">
          <cell r="A3016" t="str">
            <v>B300</v>
          </cell>
          <cell r="B3016">
            <v>327729.33477999998</v>
          </cell>
          <cell r="C3016">
            <v>-525.28571999999997</v>
          </cell>
          <cell r="D3016">
            <v>-247233.37406</v>
          </cell>
          <cell r="E3016">
            <v>79970.675000000003</v>
          </cell>
          <cell r="F3016">
            <v>-442945.01381999999</v>
          </cell>
          <cell r="G3016">
            <v>-72044.566359999997</v>
          </cell>
          <cell r="H3016">
            <v>849154.22533000004</v>
          </cell>
          <cell r="I3016">
            <v>334164.64515</v>
          </cell>
        </row>
        <row r="3017">
          <cell r="A3017" t="str">
            <v>B310</v>
          </cell>
          <cell r="B3017">
            <v>24864.375329999999</v>
          </cell>
          <cell r="D3017">
            <v>702.95412999999996</v>
          </cell>
          <cell r="E3017">
            <v>25567.329460000001</v>
          </cell>
          <cell r="F3017">
            <v>41309.083910000001</v>
          </cell>
          <cell r="G3017">
            <v>0</v>
          </cell>
          <cell r="H3017">
            <v>6435.5245599999998</v>
          </cell>
          <cell r="I3017">
            <v>47744.608469999999</v>
          </cell>
        </row>
        <row r="3018">
          <cell r="A3018" t="str">
            <v>B320</v>
          </cell>
          <cell r="B3018">
            <v>27304.556769999999</v>
          </cell>
          <cell r="C3018">
            <v>-467.38889</v>
          </cell>
          <cell r="D3018">
            <v>-351.49475000000001</v>
          </cell>
          <cell r="E3018">
            <v>26485.673129999999</v>
          </cell>
          <cell r="F3018">
            <v>-1789475.6770299999</v>
          </cell>
          <cell r="G3018">
            <v>-72188.295440000002</v>
          </cell>
          <cell r="H3018">
            <v>1920788.8281</v>
          </cell>
          <cell r="I3018">
            <v>59124.855629999998</v>
          </cell>
        </row>
        <row r="3019">
          <cell r="A3019" t="str">
            <v>B321</v>
          </cell>
          <cell r="F3019">
            <v>20446.109929999999</v>
          </cell>
          <cell r="I3019">
            <v>20446.109929999999</v>
          </cell>
        </row>
        <row r="3020">
          <cell r="A3020" t="str">
            <v>B322</v>
          </cell>
          <cell r="F3020">
            <v>-209.54013</v>
          </cell>
          <cell r="G3020">
            <v>209.54013</v>
          </cell>
          <cell r="I3020">
            <v>0</v>
          </cell>
        </row>
        <row r="3021">
          <cell r="A3021" t="str">
            <v>B330</v>
          </cell>
          <cell r="B3021">
            <v>275560.40268</v>
          </cell>
          <cell r="C3021">
            <v>-57.896830000000001</v>
          </cell>
          <cell r="D3021">
            <v>-247584.83343999999</v>
          </cell>
          <cell r="E3021">
            <v>27917.672409999999</v>
          </cell>
          <cell r="F3021">
            <v>1284985.0094999999</v>
          </cell>
          <cell r="G3021">
            <v>-65.811049999999994</v>
          </cell>
          <cell r="H3021">
            <v>-1078070.12733</v>
          </cell>
          <cell r="I3021">
            <v>206849.07112000001</v>
          </cell>
        </row>
        <row r="3022">
          <cell r="A3022" t="str">
            <v>B332</v>
          </cell>
          <cell r="B3022">
            <v>275560.40268</v>
          </cell>
          <cell r="C3022">
            <v>-57.896830000000001</v>
          </cell>
          <cell r="D3022">
            <v>-247584.83343999999</v>
          </cell>
          <cell r="E3022">
            <v>27917.672409999999</v>
          </cell>
          <cell r="F3022">
            <v>1284985.0094999999</v>
          </cell>
          <cell r="G3022">
            <v>-65.811049999999994</v>
          </cell>
          <cell r="H3022">
            <v>-1078070.12733</v>
          </cell>
          <cell r="I3022">
            <v>206849.07112000001</v>
          </cell>
        </row>
        <row r="3023">
          <cell r="A3023" t="str">
            <v>B400</v>
          </cell>
          <cell r="B3023">
            <v>-115974.23529</v>
          </cell>
          <cell r="C3023">
            <v>-3238.9911200000001</v>
          </cell>
          <cell r="D3023">
            <v>-1986.0090399999999</v>
          </cell>
          <cell r="E3023">
            <v>-121199.23544999999</v>
          </cell>
          <cell r="F3023">
            <v>-383854.14545000001</v>
          </cell>
          <cell r="G3023">
            <v>-65232.619910000001</v>
          </cell>
          <cell r="H3023">
            <v>124281.26383</v>
          </cell>
          <cell r="I3023">
            <v>-324805.50153000001</v>
          </cell>
        </row>
        <row r="3024">
          <cell r="A3024" t="str">
            <v>B410</v>
          </cell>
          <cell r="B3024">
            <v>-107838.25431</v>
          </cell>
          <cell r="C3024">
            <v>-3284.44299</v>
          </cell>
          <cell r="D3024">
            <v>-4811.4693799999995</v>
          </cell>
          <cell r="E3024">
            <v>-115934.16667999999</v>
          </cell>
          <cell r="F3024">
            <v>-108187.54848</v>
          </cell>
          <cell r="G3024">
            <v>-77450.041169999997</v>
          </cell>
          <cell r="H3024">
            <v>-104366.15846000001</v>
          </cell>
          <cell r="I3024">
            <v>-290003.74810999999</v>
          </cell>
        </row>
        <row r="3025">
          <cell r="A3025" t="str">
            <v>B411</v>
          </cell>
          <cell r="B3025">
            <v>-107886.09567</v>
          </cell>
          <cell r="C3025">
            <v>-3284.44299</v>
          </cell>
          <cell r="D3025">
            <v>-4811.4693699999998</v>
          </cell>
          <cell r="E3025">
            <v>-115982.00803</v>
          </cell>
          <cell r="F3025">
            <v>-104616.15664</v>
          </cell>
          <cell r="G3025">
            <v>-77450.041169999997</v>
          </cell>
          <cell r="H3025">
            <v>-104366.15843</v>
          </cell>
          <cell r="I3025">
            <v>-286432.35623999999</v>
          </cell>
        </row>
        <row r="3026">
          <cell r="A3026" t="str">
            <v>B413</v>
          </cell>
          <cell r="B3026">
            <v>47.841360000000002</v>
          </cell>
          <cell r="D3026">
            <v>-1.0000000000000001E-5</v>
          </cell>
          <cell r="E3026">
            <v>47.841349999999998</v>
          </cell>
          <cell r="F3026">
            <v>-3571.3918399999998</v>
          </cell>
          <cell r="H3026">
            <v>-3.0000000000000001E-5</v>
          </cell>
          <cell r="I3026">
            <v>-3571.3918699999999</v>
          </cell>
        </row>
        <row r="3027">
          <cell r="A3027" t="str">
            <v>B420</v>
          </cell>
          <cell r="B3027">
            <v>-8135.9809800000003</v>
          </cell>
          <cell r="C3027">
            <v>45.45187</v>
          </cell>
          <cell r="D3027">
            <v>2825.4603400000001</v>
          </cell>
          <cell r="E3027">
            <v>-5265.0687699999999</v>
          </cell>
          <cell r="F3027">
            <v>-275666.59697000001</v>
          </cell>
          <cell r="G3027">
            <v>12217.421259999999</v>
          </cell>
          <cell r="H3027">
            <v>228647.42228999999</v>
          </cell>
          <cell r="I3027">
            <v>-34801.753420000001</v>
          </cell>
        </row>
        <row r="3028">
          <cell r="A3028" t="str">
            <v>B421</v>
          </cell>
          <cell r="B3028">
            <v>-10785.876109999999</v>
          </cell>
          <cell r="D3028">
            <v>4471.93804</v>
          </cell>
          <cell r="E3028">
            <v>-6313.9380700000002</v>
          </cell>
          <cell r="F3028">
            <v>-287086.09548999998</v>
          </cell>
          <cell r="G3028">
            <v>-989.44628999999998</v>
          </cell>
          <cell r="H3028">
            <v>252255.49437999999</v>
          </cell>
          <cell r="I3028">
            <v>-35820.047400000003</v>
          </cell>
        </row>
        <row r="3029">
          <cell r="A3029" t="str">
            <v>B42101</v>
          </cell>
          <cell r="D3029">
            <v>4471.93804</v>
          </cell>
          <cell r="E3029">
            <v>4471.93804</v>
          </cell>
          <cell r="H3029">
            <v>86739.457190000001</v>
          </cell>
          <cell r="I3029">
            <v>86739.457190000001</v>
          </cell>
        </row>
        <row r="3030">
          <cell r="A3030" t="str">
            <v>B42102</v>
          </cell>
          <cell r="B3030">
            <v>-10785.876109999999</v>
          </cell>
          <cell r="E3030">
            <v>-10785.876109999999</v>
          </cell>
          <cell r="F3030">
            <v>-89122.554440000007</v>
          </cell>
          <cell r="H3030">
            <v>63.555909999999997</v>
          </cell>
          <cell r="I3030">
            <v>-89058.998529999997</v>
          </cell>
        </row>
        <row r="3031">
          <cell r="A3031" t="str">
            <v>B42103</v>
          </cell>
          <cell r="F3031">
            <v>-198971.75786000001</v>
          </cell>
          <cell r="G3031">
            <v>-989.44628999999998</v>
          </cell>
          <cell r="H3031">
            <v>165452.48128000001</v>
          </cell>
          <cell r="I3031">
            <v>-34508.722869999998</v>
          </cell>
        </row>
        <row r="3032">
          <cell r="A3032" t="str">
            <v>B42104</v>
          </cell>
          <cell r="F3032">
            <v>1008.21681</v>
          </cell>
          <cell r="I3032">
            <v>1008.21681</v>
          </cell>
        </row>
        <row r="3033">
          <cell r="A3033" t="str">
            <v>B422</v>
          </cell>
          <cell r="B3033">
            <v>2649.8951299999999</v>
          </cell>
          <cell r="C3033">
            <v>45.45187</v>
          </cell>
          <cell r="D3033">
            <v>-1646.4776999999999</v>
          </cell>
          <cell r="E3033">
            <v>1048.8693000000001</v>
          </cell>
          <cell r="F3033">
            <v>11419.498519999999</v>
          </cell>
          <cell r="G3033">
            <v>13206.867550000001</v>
          </cell>
          <cell r="H3033">
            <v>-23608.072090000001</v>
          </cell>
          <cell r="I3033">
            <v>1018.29398</v>
          </cell>
        </row>
        <row r="3034">
          <cell r="A3034" t="str">
            <v>B500</v>
          </cell>
          <cell r="H3034">
            <v>0</v>
          </cell>
          <cell r="I3034">
            <v>0</v>
          </cell>
        </row>
        <row r="3035">
          <cell r="A3035" t="str">
            <v>B600</v>
          </cell>
          <cell r="B3035">
            <v>-2177.9901500000001</v>
          </cell>
          <cell r="D3035">
            <v>99.615830000000003</v>
          </cell>
          <cell r="E3035">
            <v>-2078.3743199999999</v>
          </cell>
          <cell r="F3035">
            <v>-402074.86427000002</v>
          </cell>
          <cell r="G3035">
            <v>0</v>
          </cell>
          <cell r="H3035">
            <v>16071.39853</v>
          </cell>
          <cell r="I3035">
            <v>-386003.46574000001</v>
          </cell>
        </row>
        <row r="3036">
          <cell r="A3036" t="str">
            <v>B630</v>
          </cell>
        </row>
        <row r="3037">
          <cell r="A3037" t="str">
            <v>B640</v>
          </cell>
          <cell r="B3037">
            <v>-1743.0019400000001</v>
          </cell>
          <cell r="E3037">
            <v>-1743.0019400000001</v>
          </cell>
          <cell r="F3037">
            <v>-367773.40823</v>
          </cell>
          <cell r="I3037">
            <v>-367773.40823</v>
          </cell>
        </row>
        <row r="3038">
          <cell r="A3038" t="str">
            <v>B64001</v>
          </cell>
          <cell r="F3038">
            <v>-353829.39272</v>
          </cell>
          <cell r="I3038">
            <v>-353829.39272</v>
          </cell>
        </row>
        <row r="3039">
          <cell r="A3039" t="str">
            <v>B64003</v>
          </cell>
          <cell r="B3039">
            <v>-1743.0019400000001</v>
          </cell>
          <cell r="E3039">
            <v>-1743.0019400000001</v>
          </cell>
          <cell r="F3039">
            <v>-13944.015520000001</v>
          </cell>
          <cell r="I3039">
            <v>-13944.015520000001</v>
          </cell>
        </row>
        <row r="3040">
          <cell r="A3040" t="str">
            <v>B64007</v>
          </cell>
          <cell r="F3040">
            <v>1.0000000000000001E-5</v>
          </cell>
          <cell r="I3040">
            <v>1.0000000000000001E-5</v>
          </cell>
        </row>
        <row r="3041">
          <cell r="A3041" t="str">
            <v>B650</v>
          </cell>
          <cell r="B3041">
            <v>-434.98820999999998</v>
          </cell>
          <cell r="D3041">
            <v>99.615830000000003</v>
          </cell>
          <cell r="E3041">
            <v>-335.37238000000002</v>
          </cell>
          <cell r="F3041">
            <v>-34301.456039999997</v>
          </cell>
          <cell r="G3041">
            <v>0</v>
          </cell>
          <cell r="H3041">
            <v>16071.39853</v>
          </cell>
          <cell r="I3041">
            <v>-18230.057509999999</v>
          </cell>
        </row>
        <row r="3042">
          <cell r="A3042" t="str">
            <v>B65001</v>
          </cell>
          <cell r="B3042">
            <v>-334.32983999999999</v>
          </cell>
          <cell r="E3042">
            <v>-334.32983999999999</v>
          </cell>
          <cell r="F3042">
            <v>-18119.932499999999</v>
          </cell>
          <cell r="H3042">
            <v>0</v>
          </cell>
          <cell r="I3042">
            <v>-18119.932499999999</v>
          </cell>
        </row>
        <row r="3043">
          <cell r="A3043" t="str">
            <v>B65002</v>
          </cell>
          <cell r="F3043">
            <v>-16716.97033</v>
          </cell>
          <cell r="I3043">
            <v>-16716.97033</v>
          </cell>
        </row>
        <row r="3044">
          <cell r="A3044" t="str">
            <v>B65004</v>
          </cell>
          <cell r="B3044">
            <v>-191.02587</v>
          </cell>
          <cell r="E3044">
            <v>-191.02587</v>
          </cell>
          <cell r="F3044">
            <v>-2264.31475</v>
          </cell>
          <cell r="I3044">
            <v>-2264.31475</v>
          </cell>
        </row>
        <row r="3045">
          <cell r="A3045" t="str">
            <v>B65007</v>
          </cell>
          <cell r="B3045">
            <v>-143.30396999999999</v>
          </cell>
          <cell r="E3045">
            <v>-143.30396999999999</v>
          </cell>
          <cell r="F3045">
            <v>861.35257999999999</v>
          </cell>
          <cell r="H3045">
            <v>0</v>
          </cell>
          <cell r="I3045">
            <v>861.35257999999999</v>
          </cell>
        </row>
        <row r="3046">
          <cell r="A3046" t="str">
            <v>B65031P</v>
          </cell>
          <cell r="B3046">
            <v>-100.65837000000001</v>
          </cell>
          <cell r="D3046">
            <v>99.615830000000003</v>
          </cell>
          <cell r="E3046">
            <v>-1.04254</v>
          </cell>
          <cell r="F3046">
            <v>-16181.52354</v>
          </cell>
          <cell r="G3046">
            <v>0</v>
          </cell>
          <cell r="H3046">
            <v>16071.39853</v>
          </cell>
          <cell r="I3046">
            <v>-110.12501</v>
          </cell>
        </row>
        <row r="3047">
          <cell r="A3047" t="str">
            <v>B65035</v>
          </cell>
          <cell r="F3047">
            <v>27416.678879999999</v>
          </cell>
          <cell r="H3047">
            <v>17316.062480000001</v>
          </cell>
          <cell r="I3047">
            <v>44732.74136</v>
          </cell>
        </row>
        <row r="3048">
          <cell r="A3048" t="str">
            <v>B65034</v>
          </cell>
          <cell r="B3048">
            <v>-100.65837000000001</v>
          </cell>
          <cell r="D3048">
            <v>99.615830000000003</v>
          </cell>
          <cell r="E3048">
            <v>-1.04254</v>
          </cell>
          <cell r="F3048">
            <v>1393.0027299999999</v>
          </cell>
          <cell r="G3048">
            <v>0</v>
          </cell>
          <cell r="H3048">
            <v>-1244.6639500000001</v>
          </cell>
          <cell r="I3048">
            <v>148.33878000000001</v>
          </cell>
        </row>
        <row r="3049">
          <cell r="A3049" t="str">
            <v>B65031</v>
          </cell>
          <cell r="F3049">
            <v>-44991.205150000002</v>
          </cell>
          <cell r="I3049">
            <v>-44991.205150000002</v>
          </cell>
        </row>
        <row r="3050">
          <cell r="A3050" t="str">
            <v>B800</v>
          </cell>
          <cell r="B3050">
            <v>-18968.491870000002</v>
          </cell>
          <cell r="C3050">
            <v>3864.6069600000001</v>
          </cell>
          <cell r="D3050">
            <v>16619.489440000001</v>
          </cell>
          <cell r="E3050">
            <v>1515.6045300000001</v>
          </cell>
          <cell r="F3050">
            <v>2819650.1881900001</v>
          </cell>
          <cell r="G3050">
            <v>-667839.01309000002</v>
          </cell>
          <cell r="H3050">
            <v>-2472456.2189699998</v>
          </cell>
          <cell r="I3050">
            <v>-320645.04386999999</v>
          </cell>
        </row>
        <row r="3051">
          <cell r="A3051" t="str">
            <v>B810</v>
          </cell>
          <cell r="F3051">
            <v>-756.90105000000005</v>
          </cell>
          <cell r="G3051">
            <v>95000</v>
          </cell>
          <cell r="H3051">
            <v>-1475695.7324000001</v>
          </cell>
          <cell r="I3051">
            <v>-1381452.6334500001</v>
          </cell>
        </row>
        <row r="3052">
          <cell r="A3052" t="str">
            <v>B81001</v>
          </cell>
          <cell r="F3052">
            <v>-756.90105000000005</v>
          </cell>
          <cell r="G3052">
            <v>95000</v>
          </cell>
          <cell r="H3052">
            <v>-1475695.7324000001</v>
          </cell>
          <cell r="I3052">
            <v>-1381452.6334500001</v>
          </cell>
        </row>
        <row r="3053">
          <cell r="A3053" t="str">
            <v>B81004</v>
          </cell>
          <cell r="F3053">
            <v>-756.90105000000005</v>
          </cell>
          <cell r="G3053">
            <v>95000</v>
          </cell>
          <cell r="H3053">
            <v>-1475695.7324000001</v>
          </cell>
          <cell r="I3053">
            <v>-1381452.6334500001</v>
          </cell>
        </row>
        <row r="3054">
          <cell r="A3054" t="str">
            <v>B81009</v>
          </cell>
        </row>
        <row r="3055">
          <cell r="A3055" t="str">
            <v>B81025</v>
          </cell>
        </row>
        <row r="3056">
          <cell r="A3056" t="str">
            <v>B81026</v>
          </cell>
        </row>
        <row r="3057">
          <cell r="A3057" t="str">
            <v>B81010</v>
          </cell>
          <cell r="F3057">
            <v>-756.90105000000005</v>
          </cell>
          <cell r="G3057">
            <v>95000</v>
          </cell>
          <cell r="H3057">
            <v>-1475695.7324000001</v>
          </cell>
          <cell r="I3057">
            <v>-1381452.6334500001</v>
          </cell>
        </row>
        <row r="3058">
          <cell r="A3058" t="str">
            <v>B81027</v>
          </cell>
          <cell r="F3058">
            <v>-756.90105000000005</v>
          </cell>
          <cell r="G3058">
            <v>95000</v>
          </cell>
          <cell r="H3058">
            <v>-1475695.7324000001</v>
          </cell>
          <cell r="I3058">
            <v>-1381452.6334500001</v>
          </cell>
        </row>
        <row r="3059">
          <cell r="A3059" t="str">
            <v>B81028</v>
          </cell>
        </row>
        <row r="3060">
          <cell r="A3060" t="str">
            <v>B81029</v>
          </cell>
          <cell r="G3060">
            <v>0</v>
          </cell>
          <cell r="I3060">
            <v>0</v>
          </cell>
        </row>
        <row r="3061">
          <cell r="A3061" t="str">
            <v>B820</v>
          </cell>
          <cell r="B3061">
            <v>-18968.491870000002</v>
          </cell>
          <cell r="C3061">
            <v>3864.6069600000001</v>
          </cell>
          <cell r="D3061">
            <v>16619.489440000001</v>
          </cell>
          <cell r="E3061">
            <v>1515.6045300000001</v>
          </cell>
          <cell r="F3061">
            <v>2820407.0892400001</v>
          </cell>
          <cell r="G3061">
            <v>-762839.01309000002</v>
          </cell>
          <cell r="H3061">
            <v>-996760.48656999995</v>
          </cell>
          <cell r="I3061">
            <v>1060807.5895799999</v>
          </cell>
        </row>
        <row r="3062">
          <cell r="A3062" t="str">
            <v>B821</v>
          </cell>
          <cell r="B3062">
            <v>-18968.491870000002</v>
          </cell>
          <cell r="C3062">
            <v>3864.6069600000001</v>
          </cell>
          <cell r="D3062">
            <v>16619.489440000001</v>
          </cell>
          <cell r="E3062">
            <v>1515.6045300000001</v>
          </cell>
          <cell r="F3062">
            <v>2820407.0892400001</v>
          </cell>
          <cell r="G3062">
            <v>-762839.01309000002</v>
          </cell>
          <cell r="H3062">
            <v>-996760.48656999995</v>
          </cell>
          <cell r="I3062">
            <v>1060807.5895799999</v>
          </cell>
        </row>
        <row r="3063">
          <cell r="A3063" t="str">
            <v>B82101</v>
          </cell>
          <cell r="F3063">
            <v>3287832.5976499999</v>
          </cell>
          <cell r="G3063">
            <v>-770796.81995999999</v>
          </cell>
          <cell r="H3063">
            <v>-1786059.22753</v>
          </cell>
          <cell r="I3063">
            <v>730976.55015999998</v>
          </cell>
        </row>
        <row r="3064">
          <cell r="A3064" t="str">
            <v>B82102</v>
          </cell>
          <cell r="B3064">
            <v>-18968.491870000002</v>
          </cell>
          <cell r="C3064">
            <v>3864.6069600000001</v>
          </cell>
          <cell r="D3064">
            <v>16619.489440000001</v>
          </cell>
          <cell r="E3064">
            <v>1515.6045300000001</v>
          </cell>
          <cell r="F3064">
            <v>-467380.44351000001</v>
          </cell>
          <cell r="G3064">
            <v>7957.8068800000001</v>
          </cell>
          <cell r="H3064">
            <v>264445.29657000001</v>
          </cell>
          <cell r="I3064">
            <v>-194977.34005999999</v>
          </cell>
        </row>
        <row r="3065">
          <cell r="A3065" t="str">
            <v>B82115</v>
          </cell>
          <cell r="F3065">
            <v>-45.064900000000002</v>
          </cell>
          <cell r="G3065">
            <v>-1.0000000000000001E-5</v>
          </cell>
          <cell r="H3065">
            <v>524853.44438999996</v>
          </cell>
          <cell r="I3065">
            <v>524808.37948</v>
          </cell>
        </row>
        <row r="3066">
          <cell r="A3066" t="str">
            <v>B900</v>
          </cell>
          <cell r="B3066">
            <v>-213145.82641000001</v>
          </cell>
          <cell r="C3066">
            <v>222.87844000000001</v>
          </cell>
          <cell r="D3066">
            <v>229540.81625</v>
          </cell>
          <cell r="E3066">
            <v>16617.868279999999</v>
          </cell>
          <cell r="F3066">
            <v>-3234429.78412</v>
          </cell>
          <cell r="G3066">
            <v>796956.55847000005</v>
          </cell>
          <cell r="H3066">
            <v>952605.51009999996</v>
          </cell>
          <cell r="I3066">
            <v>-1484867.7155500001</v>
          </cell>
        </row>
        <row r="3067">
          <cell r="A3067" t="str">
            <v>B910</v>
          </cell>
          <cell r="B3067">
            <v>-220421.92572999999</v>
          </cell>
          <cell r="C3067">
            <v>222.87844000000001</v>
          </cell>
          <cell r="D3067">
            <v>229540.81625</v>
          </cell>
          <cell r="E3067">
            <v>9341.7689599999994</v>
          </cell>
          <cell r="F3067">
            <v>-3491834.20817</v>
          </cell>
          <cell r="G3067">
            <v>796876.40729</v>
          </cell>
          <cell r="H3067">
            <v>1279595.4253</v>
          </cell>
          <cell r="I3067">
            <v>-1415362.37558</v>
          </cell>
        </row>
        <row r="3068">
          <cell r="A3068" t="str">
            <v>B912</v>
          </cell>
          <cell r="B3068">
            <v>-220421.92572999999</v>
          </cell>
          <cell r="C3068">
            <v>222.87844000000001</v>
          </cell>
          <cell r="D3068">
            <v>229540.81625</v>
          </cell>
          <cell r="E3068">
            <v>9341.7689599999994</v>
          </cell>
          <cell r="F3068">
            <v>-3121470.4757400001</v>
          </cell>
          <cell r="G3068">
            <v>796876.40729</v>
          </cell>
          <cell r="H3068">
            <v>1344714.9750999999</v>
          </cell>
          <cell r="I3068">
            <v>-979879.09334999998</v>
          </cell>
        </row>
        <row r="3069">
          <cell r="A3069" t="str">
            <v>B91201</v>
          </cell>
          <cell r="B3069">
            <v>-220424.01157999999</v>
          </cell>
          <cell r="C3069">
            <v>185.23766000000001</v>
          </cell>
          <cell r="D3069">
            <v>228260.56998999999</v>
          </cell>
          <cell r="E3069">
            <v>8021.7960700000003</v>
          </cell>
          <cell r="F3069">
            <v>-4861751.5951899998</v>
          </cell>
          <cell r="G3069">
            <v>681410.61054999998</v>
          </cell>
          <cell r="H3069">
            <v>3258237.2121600001</v>
          </cell>
          <cell r="I3069">
            <v>-922103.77248000004</v>
          </cell>
        </row>
        <row r="3070">
          <cell r="A3070" t="str">
            <v>B91202</v>
          </cell>
          <cell r="B3070">
            <v>2.0858500000000002</v>
          </cell>
          <cell r="C3070">
            <v>37.640779999999999</v>
          </cell>
          <cell r="D3070">
            <v>1280.2462599999999</v>
          </cell>
          <cell r="E3070">
            <v>1319.97289</v>
          </cell>
          <cell r="F3070">
            <v>1740281.1194500001</v>
          </cell>
          <cell r="G3070">
            <v>115465.79674000001</v>
          </cell>
          <cell r="H3070">
            <v>-1913522.23706</v>
          </cell>
          <cell r="I3070">
            <v>-57775.320870000003</v>
          </cell>
        </row>
        <row r="3071">
          <cell r="A3071" t="str">
            <v>B913P</v>
          </cell>
          <cell r="F3071">
            <v>-370363.73242999997</v>
          </cell>
          <cell r="H3071">
            <v>-65119.549800000001</v>
          </cell>
          <cell r="I3071">
            <v>-435483.28223000001</v>
          </cell>
        </row>
        <row r="3072">
          <cell r="A3072" t="str">
            <v>B91301</v>
          </cell>
          <cell r="F3072">
            <v>-370363.73242999997</v>
          </cell>
          <cell r="H3072">
            <v>-104899.70086</v>
          </cell>
          <cell r="I3072">
            <v>-475263.43329000002</v>
          </cell>
        </row>
        <row r="3073">
          <cell r="A3073" t="str">
            <v>B91302</v>
          </cell>
        </row>
        <row r="3074">
          <cell r="A3074" t="str">
            <v>B91305</v>
          </cell>
          <cell r="H3074">
            <v>39780.151059999997</v>
          </cell>
          <cell r="I3074">
            <v>39780.151059999997</v>
          </cell>
        </row>
        <row r="3075">
          <cell r="A3075" t="str">
            <v>B920</v>
          </cell>
          <cell r="B3075">
            <v>7276.0993200000003</v>
          </cell>
          <cell r="E3075">
            <v>7276.0993200000003</v>
          </cell>
          <cell r="F3075">
            <v>257404.42405</v>
          </cell>
          <cell r="G3075">
            <v>80.151179999999997</v>
          </cell>
          <cell r="H3075">
            <v>-326989.91519999999</v>
          </cell>
          <cell r="I3075">
            <v>-69505.339970000001</v>
          </cell>
        </row>
        <row r="3076">
          <cell r="A3076" t="str">
            <v>B92001</v>
          </cell>
          <cell r="F3076">
            <v>0.27742</v>
          </cell>
          <cell r="G3076">
            <v>1.7780000000000001E-2</v>
          </cell>
          <cell r="H3076">
            <v>-0.29520000000000002</v>
          </cell>
          <cell r="I3076">
            <v>0</v>
          </cell>
        </row>
        <row r="3077">
          <cell r="A3077" t="str">
            <v>B92013P</v>
          </cell>
          <cell r="F3077">
            <v>0.27742</v>
          </cell>
          <cell r="G3077">
            <v>1.7780000000000001E-2</v>
          </cell>
          <cell r="H3077">
            <v>-0.29520000000000002</v>
          </cell>
          <cell r="I3077">
            <v>0</v>
          </cell>
        </row>
        <row r="3078">
          <cell r="A3078" t="str">
            <v>B92015</v>
          </cell>
          <cell r="F3078">
            <v>0.27742</v>
          </cell>
          <cell r="G3078">
            <v>1.7780000000000001E-2</v>
          </cell>
          <cell r="H3078">
            <v>-0.29520000000000002</v>
          </cell>
          <cell r="I3078">
            <v>0</v>
          </cell>
        </row>
        <row r="3079">
          <cell r="A3079" t="str">
            <v>B92016</v>
          </cell>
        </row>
        <row r="3080">
          <cell r="A3080" t="str">
            <v>B92002</v>
          </cell>
          <cell r="B3080">
            <v>7276.0993200000003</v>
          </cell>
          <cell r="E3080">
            <v>7276.0993200000003</v>
          </cell>
          <cell r="F3080">
            <v>257404.14663</v>
          </cell>
          <cell r="G3080">
            <v>80.133399999999995</v>
          </cell>
          <cell r="H3080">
            <v>-326989.62</v>
          </cell>
          <cell r="I3080">
            <v>-69505.339970000001</v>
          </cell>
        </row>
        <row r="3081">
          <cell r="A3081" t="str">
            <v>B92004</v>
          </cell>
          <cell r="B3081">
            <v>47.841340000000002</v>
          </cell>
          <cell r="E3081">
            <v>47.841340000000002</v>
          </cell>
          <cell r="F3081">
            <v>16295.38283</v>
          </cell>
          <cell r="H3081">
            <v>3500</v>
          </cell>
          <cell r="I3081">
            <v>19795.382829999999</v>
          </cell>
        </row>
        <row r="3082">
          <cell r="A3082" t="str">
            <v>B92005</v>
          </cell>
          <cell r="B3082">
            <v>7228.2579800000003</v>
          </cell>
          <cell r="E3082">
            <v>7228.2579800000003</v>
          </cell>
          <cell r="F3082">
            <v>34650.791830000002</v>
          </cell>
          <cell r="H3082">
            <v>-39780.151059999997</v>
          </cell>
          <cell r="I3082">
            <v>-5129.35923</v>
          </cell>
        </row>
        <row r="3083">
          <cell r="A3083" t="str">
            <v>B92009</v>
          </cell>
          <cell r="F3083">
            <v>206457.97197000001</v>
          </cell>
          <cell r="G3083">
            <v>80.133399999999995</v>
          </cell>
          <cell r="H3083">
            <v>-298189.41029999999</v>
          </cell>
          <cell r="I3083">
            <v>-91651.304929999998</v>
          </cell>
        </row>
        <row r="3084">
          <cell r="A3084" t="str">
            <v>B92020</v>
          </cell>
          <cell r="H3084">
            <v>7479.9413599999998</v>
          </cell>
          <cell r="I3084">
            <v>7479.9413599999998</v>
          </cell>
        </row>
        <row r="3085">
          <cell r="A3085" t="str">
            <v>PL</v>
          </cell>
          <cell r="B3085">
            <v>-18968.491870000002</v>
          </cell>
          <cell r="C3085">
            <v>3864.6069600000001</v>
          </cell>
          <cell r="D3085">
            <v>16619.489440000001</v>
          </cell>
          <cell r="E3085">
            <v>1515.6045300000001</v>
          </cell>
          <cell r="F3085">
            <v>-467380.44351000001</v>
          </cell>
          <cell r="G3085">
            <v>7957.8068800000001</v>
          </cell>
          <cell r="H3085">
            <v>264445.29657000001</v>
          </cell>
          <cell r="I3085">
            <v>-194977.34005999999</v>
          </cell>
        </row>
        <row r="3086">
          <cell r="A3086" t="str">
            <v>P7</v>
          </cell>
          <cell r="B3086">
            <v>-18968.491870000002</v>
          </cell>
          <cell r="C3086">
            <v>3864.6069600000001</v>
          </cell>
          <cell r="D3086">
            <v>16619.489440000001</v>
          </cell>
          <cell r="E3086">
            <v>1515.6045300000001</v>
          </cell>
          <cell r="F3086">
            <v>-467380.44351000001</v>
          </cell>
          <cell r="G3086">
            <v>7957.8068800000001</v>
          </cell>
          <cell r="H3086">
            <v>264445.29657000001</v>
          </cell>
          <cell r="I3086">
            <v>-194977.34005999999</v>
          </cell>
        </row>
        <row r="3087">
          <cell r="A3087" t="str">
            <v>P5</v>
          </cell>
          <cell r="B3087">
            <v>-18968.491870000002</v>
          </cell>
          <cell r="C3087">
            <v>3864.6069600000001</v>
          </cell>
          <cell r="D3087">
            <v>16619.489440000001</v>
          </cell>
          <cell r="E3087">
            <v>1515.6045300000001</v>
          </cell>
          <cell r="F3087">
            <v>-467380.44351000001</v>
          </cell>
          <cell r="G3087">
            <v>7957.8068800000001</v>
          </cell>
          <cell r="H3087">
            <v>264445.29657000001</v>
          </cell>
          <cell r="I3087">
            <v>-194977.34005999999</v>
          </cell>
        </row>
        <row r="3088">
          <cell r="A3088" t="str">
            <v>P3</v>
          </cell>
          <cell r="B3088">
            <v>-18678.56926</v>
          </cell>
          <cell r="C3088">
            <v>3864.6069600000001</v>
          </cell>
          <cell r="D3088">
            <v>18820.294170000001</v>
          </cell>
          <cell r="E3088">
            <v>4006.33187</v>
          </cell>
          <cell r="F3088">
            <v>-562823.53665999998</v>
          </cell>
          <cell r="G3088">
            <v>7957.8068800000001</v>
          </cell>
          <cell r="H3088">
            <v>203939.27656999999</v>
          </cell>
          <cell r="I3088">
            <v>-350926.45321000001</v>
          </cell>
        </row>
        <row r="3089">
          <cell r="A3089" t="str">
            <v>P2</v>
          </cell>
          <cell r="B3089">
            <v>-28104.412649999998</v>
          </cell>
          <cell r="C3089">
            <v>3864.5723800000001</v>
          </cell>
          <cell r="D3089">
            <v>16342.69256</v>
          </cell>
          <cell r="E3089">
            <v>-7897.1477100000002</v>
          </cell>
          <cell r="F3089">
            <v>-548639.88711999997</v>
          </cell>
          <cell r="G3089">
            <v>8038.1159200000002</v>
          </cell>
          <cell r="H3089">
            <v>157993.16901000001</v>
          </cell>
          <cell r="I3089">
            <v>-382608.60219000001</v>
          </cell>
        </row>
        <row r="3090">
          <cell r="A3090" t="str">
            <v>P100</v>
          </cell>
          <cell r="B3090">
            <v>-83022.005040000004</v>
          </cell>
          <cell r="E3090">
            <v>-83022.005040000004</v>
          </cell>
          <cell r="F3090">
            <v>-927996.53266999999</v>
          </cell>
          <cell r="H3090">
            <v>0</v>
          </cell>
          <cell r="I3090">
            <v>-927996.53266999999</v>
          </cell>
        </row>
        <row r="3091">
          <cell r="A3091" t="str">
            <v>P110</v>
          </cell>
          <cell r="B3091">
            <v>-83022.005040000004</v>
          </cell>
          <cell r="E3091">
            <v>-83022.005040000004</v>
          </cell>
          <cell r="F3091">
            <v>-927996.53264999995</v>
          </cell>
          <cell r="H3091">
            <v>0</v>
          </cell>
          <cell r="I3091">
            <v>-927996.53264999995</v>
          </cell>
        </row>
        <row r="3092">
          <cell r="A3092" t="str">
            <v>P111</v>
          </cell>
          <cell r="B3092">
            <v>-252.34646000000001</v>
          </cell>
          <cell r="E3092">
            <v>-252.34646000000001</v>
          </cell>
          <cell r="F3092">
            <v>-2322.8240999999998</v>
          </cell>
          <cell r="I3092">
            <v>-2322.8240999999998</v>
          </cell>
        </row>
        <row r="3093">
          <cell r="A3093" t="str">
            <v>P11101</v>
          </cell>
        </row>
        <row r="3094">
          <cell r="A3094" t="str">
            <v>P11102</v>
          </cell>
          <cell r="B3094">
            <v>-252.34646000000001</v>
          </cell>
          <cell r="E3094">
            <v>-252.34646000000001</v>
          </cell>
          <cell r="F3094">
            <v>-2322.8240999999998</v>
          </cell>
          <cell r="I3094">
            <v>-2322.8240999999998</v>
          </cell>
        </row>
        <row r="3095">
          <cell r="A3095" t="str">
            <v>P112</v>
          </cell>
          <cell r="B3095">
            <v>-38676.707569999999</v>
          </cell>
          <cell r="E3095">
            <v>-38676.707569999999</v>
          </cell>
          <cell r="F3095">
            <v>-932382.32898999995</v>
          </cell>
          <cell r="H3095">
            <v>0</v>
          </cell>
          <cell r="I3095">
            <v>-932382.32898999995</v>
          </cell>
        </row>
        <row r="3096">
          <cell r="A3096" t="str">
            <v>P11201</v>
          </cell>
          <cell r="B3096">
            <v>-38676.707569999999</v>
          </cell>
          <cell r="E3096">
            <v>-38676.707569999999</v>
          </cell>
          <cell r="F3096">
            <v>-932382.32898999995</v>
          </cell>
          <cell r="H3096">
            <v>0</v>
          </cell>
          <cell r="I3096">
            <v>-932382.32898999995</v>
          </cell>
        </row>
        <row r="3097">
          <cell r="A3097" t="str">
            <v>P113</v>
          </cell>
          <cell r="B3097">
            <v>-24914.429680000001</v>
          </cell>
          <cell r="E3097">
            <v>-24914.429680000001</v>
          </cell>
          <cell r="F3097">
            <v>-2774.8914500000001</v>
          </cell>
          <cell r="I3097">
            <v>-2774.8914500000001</v>
          </cell>
        </row>
        <row r="3098">
          <cell r="A3098" t="str">
            <v>P115</v>
          </cell>
          <cell r="B3098">
            <v>-19178.52133</v>
          </cell>
          <cell r="E3098">
            <v>-19178.52133</v>
          </cell>
          <cell r="F3098">
            <v>9483.5118899999998</v>
          </cell>
          <cell r="I3098">
            <v>9483.5118899999998</v>
          </cell>
        </row>
        <row r="3099">
          <cell r="A3099" t="str">
            <v>P120</v>
          </cell>
          <cell r="F3099">
            <v>-2.0000000000000002E-5</v>
          </cell>
          <cell r="I3099">
            <v>-2.0000000000000002E-5</v>
          </cell>
        </row>
        <row r="3100">
          <cell r="A3100" t="str">
            <v>P12002</v>
          </cell>
          <cell r="F3100">
            <v>-2.0000000000000002E-5</v>
          </cell>
          <cell r="I3100">
            <v>-2.0000000000000002E-5</v>
          </cell>
        </row>
        <row r="3101">
          <cell r="A3101" t="str">
            <v>P200</v>
          </cell>
          <cell r="B3101">
            <v>54917.592389999998</v>
          </cell>
          <cell r="C3101">
            <v>3864.5723800000001</v>
          </cell>
          <cell r="D3101">
            <v>16342.69256</v>
          </cell>
          <cell r="E3101">
            <v>75124.857329999999</v>
          </cell>
          <cell r="F3101">
            <v>379356.64555000002</v>
          </cell>
          <cell r="G3101">
            <v>8038.1159200000002</v>
          </cell>
          <cell r="H3101">
            <v>157993.16901000001</v>
          </cell>
          <cell r="I3101">
            <v>545387.93047999998</v>
          </cell>
        </row>
        <row r="3102">
          <cell r="A3102" t="str">
            <v>P220</v>
          </cell>
          <cell r="B3102">
            <v>10344.584080000001</v>
          </cell>
          <cell r="E3102">
            <v>10344.584080000001</v>
          </cell>
          <cell r="F3102">
            <v>96732.405450000006</v>
          </cell>
          <cell r="I3102">
            <v>96732.405450000006</v>
          </cell>
        </row>
        <row r="3103">
          <cell r="A3103" t="str">
            <v>P220</v>
          </cell>
        </row>
        <row r="3104">
          <cell r="A3104" t="str">
            <v>P22001</v>
          </cell>
          <cell r="B3104">
            <v>10252.05593</v>
          </cell>
          <cell r="E3104">
            <v>10252.05593</v>
          </cell>
          <cell r="F3104">
            <v>96121.485750000007</v>
          </cell>
          <cell r="I3104">
            <v>96121.485750000007</v>
          </cell>
        </row>
        <row r="3105">
          <cell r="A3105" t="str">
            <v>P22002</v>
          </cell>
          <cell r="B3105">
            <v>92.528149999999997</v>
          </cell>
          <cell r="E3105">
            <v>92.528149999999997</v>
          </cell>
          <cell r="F3105">
            <v>610.91970000000003</v>
          </cell>
          <cell r="I3105">
            <v>610.91970000000003</v>
          </cell>
        </row>
        <row r="3106">
          <cell r="A3106" t="str">
            <v>P230</v>
          </cell>
          <cell r="B3106">
            <v>15968.04278</v>
          </cell>
          <cell r="C3106">
            <v>337.21868000000001</v>
          </cell>
          <cell r="D3106">
            <v>13369.5116</v>
          </cell>
          <cell r="E3106">
            <v>29674.77306</v>
          </cell>
          <cell r="F3106">
            <v>110179.37901</v>
          </cell>
          <cell r="G3106">
            <v>1305.1904999999999</v>
          </cell>
          <cell r="H3106">
            <v>42193.363239999999</v>
          </cell>
          <cell r="I3106">
            <v>153677.93275000001</v>
          </cell>
        </row>
        <row r="3107">
          <cell r="A3107" t="str">
            <v>P231</v>
          </cell>
          <cell r="B3107">
            <v>6950.4857899999997</v>
          </cell>
          <cell r="E3107">
            <v>6950.4857899999997</v>
          </cell>
          <cell r="F3107">
            <v>32220.926500000001</v>
          </cell>
          <cell r="I3107">
            <v>32220.926500000001</v>
          </cell>
        </row>
        <row r="3108">
          <cell r="A3108" t="str">
            <v>P232</v>
          </cell>
          <cell r="B3108">
            <v>2611.26674</v>
          </cell>
          <cell r="E3108">
            <v>2611.26674</v>
          </cell>
          <cell r="F3108">
            <v>13110.551880000001</v>
          </cell>
          <cell r="I3108">
            <v>13110.551880000001</v>
          </cell>
        </row>
        <row r="3109">
          <cell r="A3109" t="str">
            <v>P233</v>
          </cell>
          <cell r="B3109">
            <v>4299.6303799999996</v>
          </cell>
          <cell r="E3109">
            <v>4299.6303799999996</v>
          </cell>
          <cell r="F3109">
            <v>45248.529289999999</v>
          </cell>
          <cell r="I3109">
            <v>45248.529289999999</v>
          </cell>
        </row>
        <row r="3110">
          <cell r="A3110" t="str">
            <v>P235</v>
          </cell>
          <cell r="B3110">
            <v>1175.2012199999999</v>
          </cell>
          <cell r="C3110">
            <v>26.420549999999999</v>
          </cell>
          <cell r="D3110">
            <v>38.690489999999997</v>
          </cell>
          <cell r="E3110">
            <v>1240.3122599999999</v>
          </cell>
          <cell r="F3110">
            <v>14090.92474</v>
          </cell>
          <cell r="G3110">
            <v>681.45159999999998</v>
          </cell>
          <cell r="H3110">
            <v>195.69271000000001</v>
          </cell>
          <cell r="I3110">
            <v>14968.06905</v>
          </cell>
        </row>
        <row r="3111">
          <cell r="A3111" t="str">
            <v>P236</v>
          </cell>
          <cell r="B3111">
            <v>931.45865000000003</v>
          </cell>
          <cell r="C3111">
            <v>310.79813000000001</v>
          </cell>
          <cell r="D3111">
            <v>11737.447469999999</v>
          </cell>
          <cell r="E3111">
            <v>12979.704250000001</v>
          </cell>
          <cell r="F3111">
            <v>5552.3941999999997</v>
          </cell>
          <cell r="G3111">
            <v>642.96280000000002</v>
          </cell>
          <cell r="H3111">
            <v>34706.987099999998</v>
          </cell>
          <cell r="I3111">
            <v>40902.344100000002</v>
          </cell>
        </row>
        <row r="3112">
          <cell r="A3112" t="str">
            <v>P237</v>
          </cell>
          <cell r="D3112">
            <v>1593.37364</v>
          </cell>
          <cell r="E3112">
            <v>1593.37364</v>
          </cell>
          <cell r="F3112">
            <v>-36.95579</v>
          </cell>
          <cell r="G3112">
            <v>-19.2239</v>
          </cell>
          <cell r="H3112">
            <v>7290.68343</v>
          </cell>
          <cell r="I3112">
            <v>7234.5037400000001</v>
          </cell>
        </row>
        <row r="3113">
          <cell r="A3113" t="str">
            <v>P238</v>
          </cell>
          <cell r="F3113">
            <v>-6.9918100000000001</v>
          </cell>
          <cell r="I3113">
            <v>-6.9918100000000001</v>
          </cell>
        </row>
        <row r="3114">
          <cell r="A3114" t="str">
            <v>P240</v>
          </cell>
          <cell r="B3114">
            <v>1055.77124</v>
          </cell>
          <cell r="C3114">
            <v>563.15790000000004</v>
          </cell>
          <cell r="D3114">
            <v>639.54862000000003</v>
          </cell>
          <cell r="E3114">
            <v>2258.4777600000002</v>
          </cell>
          <cell r="F3114">
            <v>9457.6193800000001</v>
          </cell>
          <cell r="G3114">
            <v>1700.9228599999999</v>
          </cell>
          <cell r="H3114">
            <v>4713.3757699999996</v>
          </cell>
          <cell r="I3114">
            <v>15871.918009999999</v>
          </cell>
        </row>
        <row r="3115">
          <cell r="A3115" t="str">
            <v>P241</v>
          </cell>
          <cell r="B3115">
            <v>-0.46588000000000002</v>
          </cell>
          <cell r="E3115">
            <v>-0.46588000000000002</v>
          </cell>
          <cell r="F3115">
            <v>83.977789999999999</v>
          </cell>
          <cell r="I3115">
            <v>83.977789999999999</v>
          </cell>
        </row>
        <row r="3116">
          <cell r="A3116" t="str">
            <v>P24102</v>
          </cell>
          <cell r="B3116">
            <v>-0.46588000000000002</v>
          </cell>
          <cell r="E3116">
            <v>-0.46588000000000002</v>
          </cell>
          <cell r="F3116">
            <v>83.977789999999999</v>
          </cell>
          <cell r="I3116">
            <v>83.977789999999999</v>
          </cell>
        </row>
        <row r="3117">
          <cell r="A3117" t="str">
            <v>P242</v>
          </cell>
          <cell r="B3117">
            <v>1056.23712</v>
          </cell>
          <cell r="E3117">
            <v>1056.23712</v>
          </cell>
          <cell r="F3117">
            <v>9287.7303800000009</v>
          </cell>
          <cell r="I3117">
            <v>9287.7303800000009</v>
          </cell>
        </row>
        <row r="3118">
          <cell r="A3118" t="str">
            <v>P243</v>
          </cell>
          <cell r="C3118">
            <v>527.76124000000004</v>
          </cell>
          <cell r="D3118">
            <v>625.93883000000005</v>
          </cell>
          <cell r="E3118">
            <v>1153.7000700000001</v>
          </cell>
          <cell r="G3118">
            <v>1760.93128</v>
          </cell>
          <cell r="H3118">
            <v>4641.6039300000002</v>
          </cell>
          <cell r="I3118">
            <v>6402.53521</v>
          </cell>
        </row>
        <row r="3119">
          <cell r="A3119" t="str">
            <v>P24310</v>
          </cell>
          <cell r="C3119">
            <v>527.76124000000004</v>
          </cell>
          <cell r="D3119">
            <v>282.43027000000001</v>
          </cell>
          <cell r="E3119">
            <v>810.19150999999999</v>
          </cell>
          <cell r="G3119">
            <v>1760.93128</v>
          </cell>
          <cell r="H3119">
            <v>549.57604000000003</v>
          </cell>
          <cell r="I3119">
            <v>2310.5073200000002</v>
          </cell>
        </row>
        <row r="3120">
          <cell r="A3120" t="str">
            <v>P24311</v>
          </cell>
          <cell r="C3120">
            <v>527.76124000000004</v>
          </cell>
          <cell r="D3120">
            <v>282.43027000000001</v>
          </cell>
          <cell r="E3120">
            <v>810.19150999999999</v>
          </cell>
          <cell r="G3120">
            <v>1760.93128</v>
          </cell>
          <cell r="H3120">
            <v>549.57604000000003</v>
          </cell>
          <cell r="I3120">
            <v>2310.5073200000002</v>
          </cell>
        </row>
        <row r="3121">
          <cell r="A3121" t="str">
            <v>P24320</v>
          </cell>
          <cell r="D3121">
            <v>343.50855999999999</v>
          </cell>
          <cell r="E3121">
            <v>343.50855999999999</v>
          </cell>
          <cell r="H3121">
            <v>4092.0278899999998</v>
          </cell>
          <cell r="I3121">
            <v>4092.0278899999998</v>
          </cell>
        </row>
        <row r="3122">
          <cell r="A3122" t="str">
            <v>P24313</v>
          </cell>
          <cell r="D3122">
            <v>343.50855999999999</v>
          </cell>
          <cell r="E3122">
            <v>343.50855999999999</v>
          </cell>
          <cell r="H3122">
            <v>4092.0278899999998</v>
          </cell>
          <cell r="I3122">
            <v>4092.0278899999998</v>
          </cell>
        </row>
        <row r="3123">
          <cell r="A3123" t="str">
            <v>P244P</v>
          </cell>
          <cell r="C3123">
            <v>35.396659999999997</v>
          </cell>
          <cell r="D3123">
            <v>13.60979</v>
          </cell>
          <cell r="E3123">
            <v>49.006450000000001</v>
          </cell>
          <cell r="F3123">
            <v>85.911209999999997</v>
          </cell>
          <cell r="G3123">
            <v>-60.008420000000001</v>
          </cell>
          <cell r="H3123">
            <v>71.771839999999997</v>
          </cell>
          <cell r="I3123">
            <v>97.674629999999993</v>
          </cell>
        </row>
        <row r="3124">
          <cell r="A3124" t="str">
            <v>P24401</v>
          </cell>
          <cell r="C3124">
            <v>35.396659999999997</v>
          </cell>
          <cell r="D3124">
            <v>13.60979</v>
          </cell>
          <cell r="E3124">
            <v>49.006450000000001</v>
          </cell>
          <cell r="F3124">
            <v>85.911209999999997</v>
          </cell>
          <cell r="G3124">
            <v>-60.008420000000001</v>
          </cell>
          <cell r="H3124">
            <v>71.771839999999997</v>
          </cell>
          <cell r="I3124">
            <v>97.674629999999993</v>
          </cell>
        </row>
        <row r="3125">
          <cell r="A3125" t="str">
            <v>P250</v>
          </cell>
          <cell r="B3125">
            <v>2657.2102399999999</v>
          </cell>
          <cell r="C3125">
            <v>2904.9407000000001</v>
          </cell>
          <cell r="E3125">
            <v>5562.1509400000004</v>
          </cell>
          <cell r="F3125">
            <v>15379.78364</v>
          </cell>
          <cell r="G3125">
            <v>8688.92965</v>
          </cell>
          <cell r="I3125">
            <v>24068.71329</v>
          </cell>
        </row>
        <row r="3126">
          <cell r="A3126" t="str">
            <v>P251</v>
          </cell>
          <cell r="B3126">
            <v>2695.3780499999998</v>
          </cell>
          <cell r="C3126">
            <v>2904.9407000000001</v>
          </cell>
          <cell r="E3126">
            <v>5600.3187500000004</v>
          </cell>
          <cell r="F3126">
            <v>14789.62701</v>
          </cell>
          <cell r="G3126">
            <v>8688.92965</v>
          </cell>
          <cell r="I3126">
            <v>23478.556659999998</v>
          </cell>
        </row>
        <row r="3127">
          <cell r="A3127" t="str">
            <v>P253</v>
          </cell>
          <cell r="B3127">
            <v>-38.167810000000003</v>
          </cell>
          <cell r="E3127">
            <v>-38.167810000000003</v>
          </cell>
          <cell r="F3127">
            <v>590.15662999999995</v>
          </cell>
          <cell r="I3127">
            <v>590.15662999999995</v>
          </cell>
        </row>
        <row r="3128">
          <cell r="A3128" t="str">
            <v>P260</v>
          </cell>
          <cell r="B3128">
            <v>24807.81568</v>
          </cell>
          <cell r="C3128">
            <v>45.568429999999999</v>
          </cell>
          <cell r="D3128">
            <v>79.533940000000001</v>
          </cell>
          <cell r="E3128">
            <v>24932.91805</v>
          </cell>
          <cell r="F3128">
            <v>200016.38109000001</v>
          </cell>
          <cell r="G3128">
            <v>370.85793999999999</v>
          </cell>
          <cell r="H3128">
            <v>546.07104000000004</v>
          </cell>
          <cell r="I3128">
            <v>200933.31007000001</v>
          </cell>
        </row>
        <row r="3129">
          <cell r="A3129" t="str">
            <v>P261</v>
          </cell>
          <cell r="B3129">
            <v>24807.81568</v>
          </cell>
          <cell r="C3129">
            <v>45.568429999999999</v>
          </cell>
          <cell r="D3129">
            <v>79.533940000000001</v>
          </cell>
          <cell r="E3129">
            <v>24932.91805</v>
          </cell>
          <cell r="F3129">
            <v>200016.38008999999</v>
          </cell>
          <cell r="G3129">
            <v>370.85793999999999</v>
          </cell>
          <cell r="H3129">
            <v>546.07104000000004</v>
          </cell>
          <cell r="I3129">
            <v>200933.30906999999</v>
          </cell>
        </row>
        <row r="3130">
          <cell r="A3130" t="str">
            <v>P26101</v>
          </cell>
          <cell r="B3130">
            <v>18405.875</v>
          </cell>
          <cell r="C3130">
            <v>45.568429999999999</v>
          </cell>
          <cell r="D3130">
            <v>79.533940000000001</v>
          </cell>
          <cell r="E3130">
            <v>18530.977370000001</v>
          </cell>
          <cell r="F3130">
            <v>152846.98040999999</v>
          </cell>
          <cell r="G3130">
            <v>370.85793999999999</v>
          </cell>
          <cell r="H3130">
            <v>546.07104000000004</v>
          </cell>
          <cell r="I3130">
            <v>153763.90938999999</v>
          </cell>
        </row>
        <row r="3131">
          <cell r="A3131" t="str">
            <v>P26105</v>
          </cell>
          <cell r="B3131">
            <v>6401.9406799999997</v>
          </cell>
          <cell r="E3131">
            <v>6401.9406799999997</v>
          </cell>
          <cell r="F3131">
            <v>47169.399680000002</v>
          </cell>
          <cell r="I3131">
            <v>47169.399680000002</v>
          </cell>
        </row>
        <row r="3132">
          <cell r="A3132" t="str">
            <v>P263</v>
          </cell>
          <cell r="F3132">
            <v>1E-3</v>
          </cell>
          <cell r="I3132">
            <v>1E-3</v>
          </cell>
        </row>
        <row r="3133">
          <cell r="A3133" t="str">
            <v>P26301</v>
          </cell>
          <cell r="F3133">
            <v>1E-3</v>
          </cell>
          <cell r="I3133">
            <v>1E-3</v>
          </cell>
        </row>
        <row r="3134">
          <cell r="A3134" t="str">
            <v>P275</v>
          </cell>
          <cell r="B3134">
            <v>84.168369999999996</v>
          </cell>
          <cell r="C3134">
            <v>13.686669999999999</v>
          </cell>
          <cell r="D3134">
            <v>-858.51532999999995</v>
          </cell>
          <cell r="E3134">
            <v>-760.66029000000003</v>
          </cell>
          <cell r="F3134">
            <v>-52408.923020000002</v>
          </cell>
          <cell r="G3134">
            <v>-4027.78503</v>
          </cell>
          <cell r="H3134">
            <v>102412.96387000001</v>
          </cell>
          <cell r="I3134">
            <v>45976.255819999998</v>
          </cell>
        </row>
        <row r="3135">
          <cell r="A3135" t="str">
            <v>P280</v>
          </cell>
          <cell r="D3135">
            <v>3112.61373</v>
          </cell>
          <cell r="E3135">
            <v>3112.61373</v>
          </cell>
          <cell r="H3135">
            <v>8127.39509</v>
          </cell>
          <cell r="I3135">
            <v>8127.39509</v>
          </cell>
        </row>
        <row r="3136">
          <cell r="A3136" t="str">
            <v>P300</v>
          </cell>
          <cell r="B3136">
            <v>9425.84339</v>
          </cell>
          <cell r="C3136">
            <v>3.458E-2</v>
          </cell>
          <cell r="D3136">
            <v>2477.6016100000002</v>
          </cell>
          <cell r="E3136">
            <v>11903.479579999999</v>
          </cell>
          <cell r="F3136">
            <v>-14183.64954</v>
          </cell>
          <cell r="G3136">
            <v>-80.309039999999996</v>
          </cell>
          <cell r="H3136">
            <v>45946.107559999997</v>
          </cell>
          <cell r="I3136">
            <v>31682.148980000002</v>
          </cell>
        </row>
        <row r="3137">
          <cell r="A3137" t="str">
            <v>P340</v>
          </cell>
          <cell r="F3137">
            <v>-96649.244600000005</v>
          </cell>
          <cell r="G3137">
            <v>-12.67952</v>
          </cell>
          <cell r="I3137">
            <v>-96661.924119999996</v>
          </cell>
        </row>
        <row r="3138">
          <cell r="A3138" t="str">
            <v>P342</v>
          </cell>
          <cell r="F3138">
            <v>-96649.244600000005</v>
          </cell>
          <cell r="G3138">
            <v>-12.67952</v>
          </cell>
          <cell r="I3138">
            <v>-96661.924119999996</v>
          </cell>
        </row>
        <row r="3139">
          <cell r="A3139" t="str">
            <v>P26103</v>
          </cell>
          <cell r="F3139">
            <v>-96649.244600000005</v>
          </cell>
          <cell r="G3139">
            <v>-12.67952</v>
          </cell>
          <cell r="I3139">
            <v>-96661.924119999996</v>
          </cell>
        </row>
        <row r="3140">
          <cell r="A3140" t="str">
            <v>P26302</v>
          </cell>
        </row>
        <row r="3141">
          <cell r="A3141" t="str">
            <v>P310</v>
          </cell>
          <cell r="B3141">
            <v>-0.52214000000000005</v>
          </cell>
          <cell r="E3141">
            <v>-0.52214000000000005</v>
          </cell>
          <cell r="F3141">
            <v>-3.0146000000000002</v>
          </cell>
          <cell r="H3141">
            <v>-6284.0358399999996</v>
          </cell>
          <cell r="I3141">
            <v>-6287.05044</v>
          </cell>
        </row>
        <row r="3142">
          <cell r="A3142" t="str">
            <v>P311</v>
          </cell>
          <cell r="B3142">
            <v>-0.52214000000000005</v>
          </cell>
          <cell r="E3142">
            <v>-0.52214000000000005</v>
          </cell>
          <cell r="F3142">
            <v>-3.0146000000000002</v>
          </cell>
          <cell r="H3142">
            <v>-6284.0358399999996</v>
          </cell>
          <cell r="I3142">
            <v>-6287.05044</v>
          </cell>
        </row>
        <row r="3143">
          <cell r="A3143" t="str">
            <v>P320</v>
          </cell>
          <cell r="B3143">
            <v>9253.4313000000002</v>
          </cell>
          <cell r="D3143">
            <v>3786.5664499999998</v>
          </cell>
          <cell r="E3143">
            <v>13039.99775</v>
          </cell>
          <cell r="F3143">
            <v>82392.694820000004</v>
          </cell>
          <cell r="G3143">
            <v>7.2700000000000004E-3</v>
          </cell>
          <cell r="H3143">
            <v>32170.04983</v>
          </cell>
          <cell r="I3143">
            <v>114562.75192</v>
          </cell>
        </row>
        <row r="3144">
          <cell r="A3144" t="str">
            <v>P321</v>
          </cell>
          <cell r="B3144">
            <v>1009.41419</v>
          </cell>
          <cell r="D3144">
            <v>3856.7029499999999</v>
          </cell>
          <cell r="E3144">
            <v>4866.1171400000003</v>
          </cell>
          <cell r="F3144">
            <v>8410.6442399999996</v>
          </cell>
          <cell r="H3144">
            <v>30501.188119999999</v>
          </cell>
          <cell r="I3144">
            <v>38911.83236</v>
          </cell>
        </row>
        <row r="3145">
          <cell r="A3145" t="str">
            <v>P32103</v>
          </cell>
          <cell r="B3145">
            <v>1022.41828</v>
          </cell>
          <cell r="D3145">
            <v>3856.7029499999999</v>
          </cell>
          <cell r="E3145">
            <v>4879.1212299999997</v>
          </cell>
          <cell r="F3145">
            <v>8606.6506599999993</v>
          </cell>
          <cell r="H3145">
            <v>30501.188119999999</v>
          </cell>
          <cell r="I3145">
            <v>39107.838779999998</v>
          </cell>
        </row>
        <row r="3146">
          <cell r="A3146" t="str">
            <v>P32104</v>
          </cell>
          <cell r="B3146">
            <v>-13.00409</v>
          </cell>
          <cell r="E3146">
            <v>-13.00409</v>
          </cell>
          <cell r="F3146">
            <v>-196.00641999999999</v>
          </cell>
          <cell r="I3146">
            <v>-196.00641999999999</v>
          </cell>
        </row>
        <row r="3147">
          <cell r="A3147" t="str">
            <v>P322</v>
          </cell>
          <cell r="B3147">
            <v>7582.5505400000002</v>
          </cell>
          <cell r="D3147">
            <v>-70.136499999999998</v>
          </cell>
          <cell r="E3147">
            <v>7512.4140399999997</v>
          </cell>
          <cell r="F3147">
            <v>62659.512589999998</v>
          </cell>
          <cell r="G3147">
            <v>7.2700000000000004E-3</v>
          </cell>
          <cell r="H3147">
            <v>1668.8617099999999</v>
          </cell>
          <cell r="I3147">
            <v>64328.381569999998</v>
          </cell>
        </row>
        <row r="3148">
          <cell r="A3148" t="str">
            <v>P323</v>
          </cell>
          <cell r="B3148">
            <v>-1081.5353700000001</v>
          </cell>
          <cell r="E3148">
            <v>-1081.5353700000001</v>
          </cell>
          <cell r="F3148">
            <v>-2621.4775300000001</v>
          </cell>
          <cell r="I3148">
            <v>-2621.4775300000001</v>
          </cell>
        </row>
        <row r="3149">
          <cell r="A3149" t="str">
            <v>P324</v>
          </cell>
          <cell r="B3149">
            <v>1743.0019400000001</v>
          </cell>
          <cell r="E3149">
            <v>1743.0019400000001</v>
          </cell>
          <cell r="F3149">
            <v>13944.015520000001</v>
          </cell>
          <cell r="I3149">
            <v>13944.015520000001</v>
          </cell>
        </row>
        <row r="3150">
          <cell r="A3150" t="str">
            <v>P330</v>
          </cell>
          <cell r="B3150">
            <v>172.93423000000001</v>
          </cell>
          <cell r="C3150">
            <v>3.458E-2</v>
          </cell>
          <cell r="D3150">
            <v>-1308.9648400000001</v>
          </cell>
          <cell r="E3150">
            <v>-1135.99603</v>
          </cell>
          <cell r="F3150">
            <v>75.914839999999998</v>
          </cell>
          <cell r="G3150">
            <v>-67.636790000000005</v>
          </cell>
          <cell r="H3150">
            <v>20060.093570000001</v>
          </cell>
          <cell r="I3150">
            <v>20068.371620000002</v>
          </cell>
        </row>
        <row r="3151">
          <cell r="A3151" t="str">
            <v>P331</v>
          </cell>
          <cell r="D3151">
            <v>-8.9881399999999996</v>
          </cell>
          <cell r="E3151">
            <v>-8.9881399999999996</v>
          </cell>
          <cell r="F3151">
            <v>-2.0000000000000001E-4</v>
          </cell>
          <cell r="H3151">
            <v>5442.6836000000003</v>
          </cell>
          <cell r="I3151">
            <v>5442.6833999999999</v>
          </cell>
        </row>
        <row r="3152">
          <cell r="A3152" t="str">
            <v>P333</v>
          </cell>
          <cell r="D3152">
            <v>-1102.35095</v>
          </cell>
          <cell r="E3152">
            <v>-1102.35095</v>
          </cell>
          <cell r="F3152">
            <v>1.57542</v>
          </cell>
          <cell r="H3152">
            <v>21211.897629999999</v>
          </cell>
          <cell r="I3152">
            <v>21213.473050000001</v>
          </cell>
        </row>
        <row r="3153">
          <cell r="A3153" t="str">
            <v>P338</v>
          </cell>
          <cell r="B3153">
            <v>172.93423000000001</v>
          </cell>
          <cell r="C3153">
            <v>3.458E-2</v>
          </cell>
          <cell r="D3153">
            <v>-197.62575000000001</v>
          </cell>
          <cell r="E3153">
            <v>-24.656939999999999</v>
          </cell>
          <cell r="F3153">
            <v>74.339619999999996</v>
          </cell>
          <cell r="G3153">
            <v>-67.636790000000005</v>
          </cell>
          <cell r="H3153">
            <v>-6594.4876599999998</v>
          </cell>
          <cell r="I3153">
            <v>-6587.7848299999996</v>
          </cell>
        </row>
        <row r="3154">
          <cell r="A3154" t="str">
            <v>P400</v>
          </cell>
          <cell r="B3154">
            <v>-289.92261000000002</v>
          </cell>
          <cell r="D3154">
            <v>-2200.8047299999998</v>
          </cell>
          <cell r="E3154">
            <v>-2490.7273399999999</v>
          </cell>
          <cell r="F3154">
            <v>95443.093150000001</v>
          </cell>
          <cell r="H3154">
            <v>60506.02</v>
          </cell>
          <cell r="I3154">
            <v>155949.11314999999</v>
          </cell>
        </row>
        <row r="3155">
          <cell r="A3155" t="str">
            <v>P410</v>
          </cell>
          <cell r="B3155">
            <v>12001.83267</v>
          </cell>
          <cell r="E3155">
            <v>12001.83267</v>
          </cell>
          <cell r="F3155">
            <v>98693.309299999994</v>
          </cell>
          <cell r="H3155">
            <v>-63.555909999999997</v>
          </cell>
          <cell r="I3155">
            <v>98629.753389999998</v>
          </cell>
        </row>
        <row r="3156">
          <cell r="A3156" t="str">
            <v>P411</v>
          </cell>
          <cell r="B3156">
            <v>1215.9565600000001</v>
          </cell>
          <cell r="E3156">
            <v>1215.9565600000001</v>
          </cell>
          <cell r="F3156">
            <v>9570.7548599999991</v>
          </cell>
          <cell r="H3156">
            <v>0</v>
          </cell>
          <cell r="I3156">
            <v>9570.7548599999991</v>
          </cell>
        </row>
        <row r="3157">
          <cell r="A3157" t="str">
            <v>P412</v>
          </cell>
          <cell r="F3157">
            <v>10616.921979999999</v>
          </cell>
          <cell r="I3157">
            <v>10616.921979999999</v>
          </cell>
        </row>
        <row r="3158">
          <cell r="A3158" t="str">
            <v>P413</v>
          </cell>
          <cell r="B3158">
            <v>10785.876109999999</v>
          </cell>
          <cell r="E3158">
            <v>10785.876109999999</v>
          </cell>
          <cell r="F3158">
            <v>78505.632459999993</v>
          </cell>
          <cell r="H3158">
            <v>-63.555909999999997</v>
          </cell>
          <cell r="I3158">
            <v>78442.076549999998</v>
          </cell>
        </row>
        <row r="3159">
          <cell r="A3159" t="str">
            <v>P420</v>
          </cell>
          <cell r="B3159">
            <v>-12291.755279999999</v>
          </cell>
          <cell r="D3159">
            <v>-2200.8047299999998</v>
          </cell>
          <cell r="E3159">
            <v>-14492.560009999999</v>
          </cell>
          <cell r="F3159">
            <v>-3250.2161500000002</v>
          </cell>
          <cell r="H3159">
            <v>60569.57591</v>
          </cell>
          <cell r="I3159">
            <v>57319.359759999999</v>
          </cell>
        </row>
        <row r="3160">
          <cell r="A3160" t="str">
            <v>P421</v>
          </cell>
          <cell r="B3160">
            <v>-4512.85322</v>
          </cell>
          <cell r="E3160">
            <v>-4512.85322</v>
          </cell>
          <cell r="F3160">
            <v>-51718.800580000003</v>
          </cell>
          <cell r="H3160">
            <v>-425.97719000000001</v>
          </cell>
          <cell r="I3160">
            <v>-52144.777770000001</v>
          </cell>
        </row>
        <row r="3161">
          <cell r="A3161" t="str">
            <v>P422</v>
          </cell>
          <cell r="B3161">
            <v>-7778.9020600000003</v>
          </cell>
          <cell r="D3161">
            <v>-2200.8047299999998</v>
          </cell>
          <cell r="E3161">
            <v>-9979.7067900000002</v>
          </cell>
          <cell r="F3161">
            <v>48468.584430000003</v>
          </cell>
          <cell r="H3161">
            <v>60995.553099999997</v>
          </cell>
          <cell r="I3161">
            <v>109464.13753000001</v>
          </cell>
        </row>
        <row r="3162">
          <cell r="A3162" t="str">
            <v>P8H</v>
          </cell>
          <cell r="B3162">
            <v>-22138.480100000001</v>
          </cell>
          <cell r="C3162">
            <v>3864.5723800000001</v>
          </cell>
          <cell r="D3162">
            <v>11029.274100000001</v>
          </cell>
          <cell r="E3162">
            <v>-7244.6336199999996</v>
          </cell>
          <cell r="F3162">
            <v>-494800.14445000002</v>
          </cell>
          <cell r="G3162">
            <v>8025.4363999999996</v>
          </cell>
          <cell r="H3162">
            <v>210797.77111</v>
          </cell>
          <cell r="I3162">
            <v>-275976.93693999999</v>
          </cell>
        </row>
        <row r="3163">
          <cell r="A3163" t="str">
            <v>P8</v>
          </cell>
          <cell r="B3163">
            <v>-22138.480100000001</v>
          </cell>
          <cell r="C3163">
            <v>3864.5723800000001</v>
          </cell>
          <cell r="D3163">
            <v>11029.274100000001</v>
          </cell>
          <cell r="E3163">
            <v>-7244.6336199999996</v>
          </cell>
          <cell r="F3163">
            <v>-494800.14445000002</v>
          </cell>
          <cell r="G3163">
            <v>8025.4363999999996</v>
          </cell>
          <cell r="H3163">
            <v>210797.77111</v>
          </cell>
          <cell r="I3163">
            <v>-275976.93693999999</v>
          </cell>
        </row>
        <row r="3164">
          <cell r="A3164" t="str">
            <v>P8</v>
          </cell>
          <cell r="B3164">
            <v>0</v>
          </cell>
          <cell r="C3164">
            <v>0</v>
          </cell>
          <cell r="D3164">
            <v>0</v>
          </cell>
          <cell r="E3164">
            <v>0</v>
          </cell>
          <cell r="F3164">
            <v>0</v>
          </cell>
          <cell r="G3164">
            <v>0</v>
          </cell>
          <cell r="H3164">
            <v>0</v>
          </cell>
          <cell r="I3164">
            <v>0</v>
          </cell>
        </row>
        <row r="3165">
          <cell r="A3165" t="str">
            <v>P5</v>
          </cell>
          <cell r="B3165">
            <v>-18968.491870000002</v>
          </cell>
          <cell r="C3165">
            <v>3864.6069600000001</v>
          </cell>
          <cell r="D3165">
            <v>16619.489440000001</v>
          </cell>
          <cell r="E3165">
            <v>1515.6045300000001</v>
          </cell>
          <cell r="F3165">
            <v>-467380.44351000001</v>
          </cell>
          <cell r="G3165">
            <v>7957.8068800000001</v>
          </cell>
          <cell r="H3165">
            <v>264445.29657000001</v>
          </cell>
          <cell r="I3165">
            <v>-194977.34005999999</v>
          </cell>
        </row>
        <row r="3166">
          <cell r="A3166" t="str">
            <v>P3</v>
          </cell>
          <cell r="B3166">
            <v>-18678.56926</v>
          </cell>
          <cell r="C3166">
            <v>3864.6069600000001</v>
          </cell>
          <cell r="D3166">
            <v>18820.294170000001</v>
          </cell>
          <cell r="E3166">
            <v>4006.33187</v>
          </cell>
          <cell r="F3166">
            <v>-562823.53665999998</v>
          </cell>
          <cell r="G3166">
            <v>7957.8068800000001</v>
          </cell>
          <cell r="H3166">
            <v>203939.27656999999</v>
          </cell>
          <cell r="I3166">
            <v>-350926.45321000001</v>
          </cell>
        </row>
        <row r="3167">
          <cell r="A3167" t="str">
            <v>P2</v>
          </cell>
          <cell r="B3167">
            <v>-28104.412649999998</v>
          </cell>
          <cell r="C3167">
            <v>3864.5723800000001</v>
          </cell>
          <cell r="D3167">
            <v>16342.69256</v>
          </cell>
          <cell r="E3167">
            <v>-7897.1477100000002</v>
          </cell>
          <cell r="F3167">
            <v>-548639.88711999997</v>
          </cell>
          <cell r="G3167">
            <v>8038.1159200000002</v>
          </cell>
          <cell r="H3167">
            <v>157993.16901000001</v>
          </cell>
          <cell r="I3167">
            <v>-382608.60219000001</v>
          </cell>
        </row>
        <row r="3168">
          <cell r="A3168" t="str">
            <v>P100</v>
          </cell>
          <cell r="B3168">
            <v>-83022.005040000004</v>
          </cell>
          <cell r="E3168">
            <v>-83022.005040000004</v>
          </cell>
          <cell r="F3168">
            <v>-927996.53266999999</v>
          </cell>
          <cell r="H3168">
            <v>0</v>
          </cell>
          <cell r="I3168">
            <v>-927996.53266999999</v>
          </cell>
        </row>
        <row r="3169">
          <cell r="A3169" t="str">
            <v>P110</v>
          </cell>
          <cell r="B3169">
            <v>-83022.005040000004</v>
          </cell>
          <cell r="E3169">
            <v>-83022.005040000004</v>
          </cell>
          <cell r="F3169">
            <v>-927996.53264999995</v>
          </cell>
          <cell r="H3169">
            <v>0</v>
          </cell>
          <cell r="I3169">
            <v>-927996.53264999995</v>
          </cell>
        </row>
        <row r="3170">
          <cell r="A3170" t="str">
            <v>P111</v>
          </cell>
          <cell r="B3170">
            <v>-252.34646000000001</v>
          </cell>
          <cell r="E3170">
            <v>-252.34646000000001</v>
          </cell>
          <cell r="F3170">
            <v>-2322.8240999999998</v>
          </cell>
          <cell r="I3170">
            <v>-2322.8240999999998</v>
          </cell>
        </row>
        <row r="3171">
          <cell r="A3171" t="str">
            <v>P11101</v>
          </cell>
        </row>
        <row r="3172">
          <cell r="A3172" t="str">
            <v>P11102</v>
          </cell>
          <cell r="B3172">
            <v>-252.34646000000001</v>
          </cell>
          <cell r="E3172">
            <v>-252.34646000000001</v>
          </cell>
          <cell r="F3172">
            <v>-2322.8240999999998</v>
          </cell>
          <cell r="I3172">
            <v>-2322.8240999999998</v>
          </cell>
        </row>
        <row r="3173">
          <cell r="A3173" t="str">
            <v>P112</v>
          </cell>
          <cell r="B3173">
            <v>-38676.707569999999</v>
          </cell>
          <cell r="E3173">
            <v>-38676.707569999999</v>
          </cell>
          <cell r="F3173">
            <v>-932382.32898999995</v>
          </cell>
          <cell r="H3173">
            <v>0</v>
          </cell>
          <cell r="I3173">
            <v>-932382.32898999995</v>
          </cell>
        </row>
        <row r="3174">
          <cell r="A3174" t="str">
            <v>P11201</v>
          </cell>
          <cell r="B3174">
            <v>-38676.707569999999</v>
          </cell>
          <cell r="E3174">
            <v>-38676.707569999999</v>
          </cell>
          <cell r="F3174">
            <v>-932382.32898999995</v>
          </cell>
          <cell r="H3174">
            <v>0</v>
          </cell>
          <cell r="I3174">
            <v>-932382.32898999995</v>
          </cell>
        </row>
        <row r="3175">
          <cell r="A3175" t="str">
            <v>P113</v>
          </cell>
          <cell r="B3175">
            <v>-24914.429680000001</v>
          </cell>
          <cell r="E3175">
            <v>-24914.429680000001</v>
          </cell>
          <cell r="F3175">
            <v>-2774.8914500000001</v>
          </cell>
          <cell r="I3175">
            <v>-2774.8914500000001</v>
          </cell>
        </row>
        <row r="3176">
          <cell r="A3176" t="str">
            <v>P115</v>
          </cell>
          <cell r="B3176">
            <v>-19178.52133</v>
          </cell>
          <cell r="E3176">
            <v>-19178.52133</v>
          </cell>
          <cell r="F3176">
            <v>9483.5118899999998</v>
          </cell>
          <cell r="I3176">
            <v>9483.5118899999998</v>
          </cell>
        </row>
        <row r="3177">
          <cell r="A3177" t="str">
            <v>P120</v>
          </cell>
          <cell r="F3177">
            <v>-2.0000000000000002E-5</v>
          </cell>
          <cell r="I3177">
            <v>-2.0000000000000002E-5</v>
          </cell>
        </row>
        <row r="3178">
          <cell r="A3178" t="str">
            <v>P12002</v>
          </cell>
          <cell r="F3178">
            <v>-2.0000000000000002E-5</v>
          </cell>
          <cell r="I3178">
            <v>-2.0000000000000002E-5</v>
          </cell>
        </row>
        <row r="3179">
          <cell r="A3179" t="str">
            <v>P200</v>
          </cell>
          <cell r="B3179">
            <v>54917.592389999998</v>
          </cell>
          <cell r="C3179">
            <v>3864.5723800000001</v>
          </cell>
          <cell r="D3179">
            <v>16342.69256</v>
          </cell>
          <cell r="E3179">
            <v>75124.857329999999</v>
          </cell>
          <cell r="F3179">
            <v>379356.64555000002</v>
          </cell>
          <cell r="G3179">
            <v>8038.1159200000002</v>
          </cell>
          <cell r="H3179">
            <v>157993.16901000001</v>
          </cell>
          <cell r="I3179">
            <v>545387.93047999998</v>
          </cell>
        </row>
        <row r="3180">
          <cell r="A3180" t="str">
            <v>P220</v>
          </cell>
          <cell r="B3180">
            <v>10344.584080000001</v>
          </cell>
          <cell r="E3180">
            <v>10344.584080000001</v>
          </cell>
          <cell r="F3180">
            <v>96732.405450000006</v>
          </cell>
          <cell r="I3180">
            <v>96732.405450000006</v>
          </cell>
        </row>
        <row r="3181">
          <cell r="A3181" t="str">
            <v>P220</v>
          </cell>
        </row>
        <row r="3182">
          <cell r="A3182" t="str">
            <v>P22001</v>
          </cell>
          <cell r="B3182">
            <v>10252.05593</v>
          </cell>
          <cell r="E3182">
            <v>10252.05593</v>
          </cell>
          <cell r="F3182">
            <v>96121.485750000007</v>
          </cell>
          <cell r="I3182">
            <v>96121.485750000007</v>
          </cell>
        </row>
        <row r="3183">
          <cell r="A3183" t="str">
            <v>P22002</v>
          </cell>
          <cell r="B3183">
            <v>92.528149999999997</v>
          </cell>
          <cell r="E3183">
            <v>92.528149999999997</v>
          </cell>
          <cell r="F3183">
            <v>610.91970000000003</v>
          </cell>
          <cell r="I3183">
            <v>610.91970000000003</v>
          </cell>
        </row>
        <row r="3184">
          <cell r="A3184" t="str">
            <v>P230</v>
          </cell>
          <cell r="B3184">
            <v>15968.04278</v>
          </cell>
          <cell r="C3184">
            <v>337.21868000000001</v>
          </cell>
          <cell r="D3184">
            <v>13369.5116</v>
          </cell>
          <cell r="E3184">
            <v>29674.77306</v>
          </cell>
          <cell r="F3184">
            <v>110179.37901</v>
          </cell>
          <cell r="G3184">
            <v>1305.1904999999999</v>
          </cell>
          <cell r="H3184">
            <v>42193.363239999999</v>
          </cell>
          <cell r="I3184">
            <v>153677.93275000001</v>
          </cell>
        </row>
        <row r="3185">
          <cell r="A3185" t="str">
            <v>P231</v>
          </cell>
          <cell r="B3185">
            <v>6950.4857899999997</v>
          </cell>
          <cell r="E3185">
            <v>6950.4857899999997</v>
          </cell>
          <cell r="F3185">
            <v>32220.926500000001</v>
          </cell>
          <cell r="I3185">
            <v>32220.926500000001</v>
          </cell>
        </row>
        <row r="3186">
          <cell r="A3186" t="str">
            <v>P232</v>
          </cell>
          <cell r="B3186">
            <v>2611.26674</v>
          </cell>
          <cell r="E3186">
            <v>2611.26674</v>
          </cell>
          <cell r="F3186">
            <v>13110.551880000001</v>
          </cell>
          <cell r="I3186">
            <v>13110.551880000001</v>
          </cell>
        </row>
        <row r="3187">
          <cell r="A3187" t="str">
            <v>P233</v>
          </cell>
          <cell r="B3187">
            <v>4299.6303799999996</v>
          </cell>
          <cell r="E3187">
            <v>4299.6303799999996</v>
          </cell>
          <cell r="F3187">
            <v>45248.529289999999</v>
          </cell>
          <cell r="I3187">
            <v>45248.529289999999</v>
          </cell>
        </row>
        <row r="3188">
          <cell r="A3188" t="str">
            <v>P235</v>
          </cell>
          <cell r="B3188">
            <v>1175.2012199999999</v>
          </cell>
          <cell r="C3188">
            <v>26.420549999999999</v>
          </cell>
          <cell r="D3188">
            <v>38.690489999999997</v>
          </cell>
          <cell r="E3188">
            <v>1240.3122599999999</v>
          </cell>
          <cell r="F3188">
            <v>14090.92474</v>
          </cell>
          <cell r="G3188">
            <v>681.45159999999998</v>
          </cell>
          <cell r="H3188">
            <v>195.69271000000001</v>
          </cell>
          <cell r="I3188">
            <v>14968.06905</v>
          </cell>
        </row>
        <row r="3189">
          <cell r="A3189" t="str">
            <v>P236</v>
          </cell>
          <cell r="B3189">
            <v>931.45865000000003</v>
          </cell>
          <cell r="C3189">
            <v>310.79813000000001</v>
          </cell>
          <cell r="D3189">
            <v>11737.447469999999</v>
          </cell>
          <cell r="E3189">
            <v>12979.704250000001</v>
          </cell>
          <cell r="F3189">
            <v>5552.3941999999997</v>
          </cell>
          <cell r="G3189">
            <v>642.96280000000002</v>
          </cell>
          <cell r="H3189">
            <v>34706.987099999998</v>
          </cell>
          <cell r="I3189">
            <v>40902.344100000002</v>
          </cell>
        </row>
        <row r="3190">
          <cell r="A3190" t="str">
            <v>P237</v>
          </cell>
          <cell r="D3190">
            <v>1593.37364</v>
          </cell>
          <cell r="E3190">
            <v>1593.37364</v>
          </cell>
          <cell r="F3190">
            <v>-36.95579</v>
          </cell>
          <cell r="G3190">
            <v>-19.2239</v>
          </cell>
          <cell r="H3190">
            <v>7290.68343</v>
          </cell>
          <cell r="I3190">
            <v>7234.5037400000001</v>
          </cell>
        </row>
        <row r="3191">
          <cell r="A3191" t="str">
            <v>P238</v>
          </cell>
          <cell r="F3191">
            <v>-6.9918100000000001</v>
          </cell>
          <cell r="I3191">
            <v>-6.9918100000000001</v>
          </cell>
        </row>
        <row r="3192">
          <cell r="A3192" t="str">
            <v>P240</v>
          </cell>
          <cell r="B3192">
            <v>1055.77124</v>
          </cell>
          <cell r="C3192">
            <v>563.15790000000004</v>
          </cell>
          <cell r="D3192">
            <v>639.54862000000003</v>
          </cell>
          <cell r="E3192">
            <v>2258.4777600000002</v>
          </cell>
          <cell r="F3192">
            <v>9457.6193800000001</v>
          </cell>
          <cell r="G3192">
            <v>1700.9228599999999</v>
          </cell>
          <cell r="H3192">
            <v>4713.3757699999996</v>
          </cell>
          <cell r="I3192">
            <v>15871.918009999999</v>
          </cell>
        </row>
        <row r="3193">
          <cell r="A3193" t="str">
            <v>P241</v>
          </cell>
          <cell r="B3193">
            <v>-0.46588000000000002</v>
          </cell>
          <cell r="E3193">
            <v>-0.46588000000000002</v>
          </cell>
          <cell r="F3193">
            <v>83.977789999999999</v>
          </cell>
          <cell r="I3193">
            <v>83.977789999999999</v>
          </cell>
        </row>
        <row r="3194">
          <cell r="A3194" t="str">
            <v>P24102</v>
          </cell>
          <cell r="B3194">
            <v>-0.46588000000000002</v>
          </cell>
          <cell r="E3194">
            <v>-0.46588000000000002</v>
          </cell>
          <cell r="F3194">
            <v>83.977789999999999</v>
          </cell>
          <cell r="I3194">
            <v>83.977789999999999</v>
          </cell>
        </row>
        <row r="3195">
          <cell r="A3195" t="str">
            <v>P242</v>
          </cell>
          <cell r="B3195">
            <v>1056.23712</v>
          </cell>
          <cell r="E3195">
            <v>1056.23712</v>
          </cell>
          <cell r="F3195">
            <v>9287.7303800000009</v>
          </cell>
          <cell r="I3195">
            <v>9287.7303800000009</v>
          </cell>
        </row>
        <row r="3196">
          <cell r="A3196" t="str">
            <v>P243</v>
          </cell>
          <cell r="C3196">
            <v>527.76124000000004</v>
          </cell>
          <cell r="D3196">
            <v>625.93883000000005</v>
          </cell>
          <cell r="E3196">
            <v>1153.7000700000001</v>
          </cell>
          <cell r="G3196">
            <v>1760.93128</v>
          </cell>
          <cell r="H3196">
            <v>4641.6039300000002</v>
          </cell>
          <cell r="I3196">
            <v>6402.53521</v>
          </cell>
        </row>
        <row r="3197">
          <cell r="A3197" t="str">
            <v>P24310</v>
          </cell>
          <cell r="C3197">
            <v>527.76124000000004</v>
          </cell>
          <cell r="D3197">
            <v>282.43027000000001</v>
          </cell>
          <cell r="E3197">
            <v>810.19150999999999</v>
          </cell>
          <cell r="G3197">
            <v>1760.93128</v>
          </cell>
          <cell r="H3197">
            <v>549.57604000000003</v>
          </cell>
          <cell r="I3197">
            <v>2310.5073200000002</v>
          </cell>
        </row>
        <row r="3198">
          <cell r="A3198" t="str">
            <v>P24311</v>
          </cell>
          <cell r="C3198">
            <v>527.76124000000004</v>
          </cell>
          <cell r="D3198">
            <v>282.43027000000001</v>
          </cell>
          <cell r="E3198">
            <v>810.19150999999999</v>
          </cell>
          <cell r="G3198">
            <v>1760.93128</v>
          </cell>
          <cell r="H3198">
            <v>549.57604000000003</v>
          </cell>
          <cell r="I3198">
            <v>2310.5073200000002</v>
          </cell>
        </row>
        <row r="3199">
          <cell r="A3199" t="str">
            <v>P24320</v>
          </cell>
          <cell r="D3199">
            <v>343.50855999999999</v>
          </cell>
          <cell r="E3199">
            <v>343.50855999999999</v>
          </cell>
          <cell r="H3199">
            <v>4092.0278899999998</v>
          </cell>
          <cell r="I3199">
            <v>4092.0278899999998</v>
          </cell>
        </row>
        <row r="3200">
          <cell r="A3200" t="str">
            <v>P24313</v>
          </cell>
          <cell r="D3200">
            <v>343.50855999999999</v>
          </cell>
          <cell r="E3200">
            <v>343.50855999999999</v>
          </cell>
          <cell r="H3200">
            <v>4092.0278899999998</v>
          </cell>
          <cell r="I3200">
            <v>4092.0278899999998</v>
          </cell>
        </row>
        <row r="3201">
          <cell r="A3201" t="str">
            <v>P244P</v>
          </cell>
          <cell r="C3201">
            <v>35.396659999999997</v>
          </cell>
          <cell r="D3201">
            <v>13.60979</v>
          </cell>
          <cell r="E3201">
            <v>49.006450000000001</v>
          </cell>
          <cell r="F3201">
            <v>85.911209999999997</v>
          </cell>
          <cell r="G3201">
            <v>-60.008420000000001</v>
          </cell>
          <cell r="H3201">
            <v>71.771839999999997</v>
          </cell>
          <cell r="I3201">
            <v>97.674629999999993</v>
          </cell>
        </row>
        <row r="3202">
          <cell r="A3202" t="str">
            <v>P24401</v>
          </cell>
          <cell r="C3202">
            <v>35.396659999999997</v>
          </cell>
          <cell r="D3202">
            <v>13.60979</v>
          </cell>
          <cell r="E3202">
            <v>49.006450000000001</v>
          </cell>
          <cell r="F3202">
            <v>85.911209999999997</v>
          </cell>
          <cell r="G3202">
            <v>-60.008420000000001</v>
          </cell>
          <cell r="H3202">
            <v>71.771839999999997</v>
          </cell>
          <cell r="I3202">
            <v>97.674629999999993</v>
          </cell>
        </row>
        <row r="3203">
          <cell r="A3203" t="str">
            <v>P250</v>
          </cell>
          <cell r="B3203">
            <v>2657.2102399999999</v>
          </cell>
          <cell r="C3203">
            <v>2904.9407000000001</v>
          </cell>
          <cell r="E3203">
            <v>5562.1509400000004</v>
          </cell>
          <cell r="F3203">
            <v>15379.78364</v>
          </cell>
          <cell r="G3203">
            <v>8688.92965</v>
          </cell>
          <cell r="I3203">
            <v>24068.71329</v>
          </cell>
        </row>
        <row r="3204">
          <cell r="A3204" t="str">
            <v>P251</v>
          </cell>
          <cell r="B3204">
            <v>2695.3780499999998</v>
          </cell>
          <cell r="C3204">
            <v>2904.9407000000001</v>
          </cell>
          <cell r="E3204">
            <v>5600.3187500000004</v>
          </cell>
          <cell r="F3204">
            <v>14789.62701</v>
          </cell>
          <cell r="G3204">
            <v>8688.92965</v>
          </cell>
          <cell r="I3204">
            <v>23478.556659999998</v>
          </cell>
        </row>
        <row r="3205">
          <cell r="A3205" t="str">
            <v>P253</v>
          </cell>
          <cell r="B3205">
            <v>-38.167810000000003</v>
          </cell>
          <cell r="E3205">
            <v>-38.167810000000003</v>
          </cell>
          <cell r="F3205">
            <v>590.15662999999995</v>
          </cell>
          <cell r="I3205">
            <v>590.15662999999995</v>
          </cell>
        </row>
        <row r="3206">
          <cell r="A3206" t="str">
            <v>P260</v>
          </cell>
          <cell r="B3206">
            <v>24807.81568</v>
          </cell>
          <cell r="C3206">
            <v>45.568429999999999</v>
          </cell>
          <cell r="D3206">
            <v>79.533940000000001</v>
          </cell>
          <cell r="E3206">
            <v>24932.91805</v>
          </cell>
          <cell r="F3206">
            <v>200016.38109000001</v>
          </cell>
          <cell r="G3206">
            <v>370.85793999999999</v>
          </cell>
          <cell r="H3206">
            <v>546.07104000000004</v>
          </cell>
          <cell r="I3206">
            <v>200933.31007000001</v>
          </cell>
        </row>
        <row r="3207">
          <cell r="A3207" t="str">
            <v>P261</v>
          </cell>
          <cell r="B3207">
            <v>24807.81568</v>
          </cell>
          <cell r="C3207">
            <v>45.568429999999999</v>
          </cell>
          <cell r="D3207">
            <v>79.533940000000001</v>
          </cell>
          <cell r="E3207">
            <v>24932.91805</v>
          </cell>
          <cell r="F3207">
            <v>200016.38008999999</v>
          </cell>
          <cell r="G3207">
            <v>370.85793999999999</v>
          </cell>
          <cell r="H3207">
            <v>546.07104000000004</v>
          </cell>
          <cell r="I3207">
            <v>200933.30906999999</v>
          </cell>
        </row>
        <row r="3208">
          <cell r="A3208" t="str">
            <v>P26101</v>
          </cell>
          <cell r="B3208">
            <v>18405.875</v>
          </cell>
          <cell r="C3208">
            <v>45.568429999999999</v>
          </cell>
          <cell r="D3208">
            <v>79.533940000000001</v>
          </cell>
          <cell r="E3208">
            <v>18530.977370000001</v>
          </cell>
          <cell r="F3208">
            <v>152846.98040999999</v>
          </cell>
          <cell r="G3208">
            <v>370.85793999999999</v>
          </cell>
          <cell r="H3208">
            <v>546.07104000000004</v>
          </cell>
          <cell r="I3208">
            <v>153763.90938999999</v>
          </cell>
        </row>
        <row r="3209">
          <cell r="A3209" t="str">
            <v>P26105</v>
          </cell>
          <cell r="B3209">
            <v>6401.9406799999997</v>
          </cell>
          <cell r="E3209">
            <v>6401.9406799999997</v>
          </cell>
          <cell r="F3209">
            <v>47169.399680000002</v>
          </cell>
          <cell r="I3209">
            <v>47169.399680000002</v>
          </cell>
        </row>
        <row r="3210">
          <cell r="A3210" t="str">
            <v>P263</v>
          </cell>
          <cell r="F3210">
            <v>1E-3</v>
          </cell>
          <cell r="I3210">
            <v>1E-3</v>
          </cell>
        </row>
        <row r="3211">
          <cell r="A3211" t="str">
            <v>P26301</v>
          </cell>
          <cell r="F3211">
            <v>1E-3</v>
          </cell>
          <cell r="I3211">
            <v>1E-3</v>
          </cell>
        </row>
        <row r="3212">
          <cell r="A3212" t="str">
            <v>P275</v>
          </cell>
          <cell r="B3212">
            <v>84.168369999999996</v>
          </cell>
          <cell r="C3212">
            <v>13.686669999999999</v>
          </cell>
          <cell r="D3212">
            <v>-858.51532999999995</v>
          </cell>
          <cell r="E3212">
            <v>-760.66029000000003</v>
          </cell>
          <cell r="F3212">
            <v>-52408.923020000002</v>
          </cell>
          <cell r="G3212">
            <v>-4027.78503</v>
          </cell>
          <cell r="H3212">
            <v>102412.96387000001</v>
          </cell>
          <cell r="I3212">
            <v>45976.255819999998</v>
          </cell>
        </row>
        <row r="3213">
          <cell r="A3213" t="str">
            <v>P280</v>
          </cell>
          <cell r="D3213">
            <v>3112.61373</v>
          </cell>
          <cell r="E3213">
            <v>3112.61373</v>
          </cell>
          <cell r="H3213">
            <v>8127.39509</v>
          </cell>
          <cell r="I3213">
            <v>8127.39509</v>
          </cell>
        </row>
        <row r="3214">
          <cell r="A3214" t="str">
            <v>P300</v>
          </cell>
          <cell r="B3214">
            <v>9425.84339</v>
          </cell>
          <cell r="C3214">
            <v>3.458E-2</v>
          </cell>
          <cell r="D3214">
            <v>2477.6016100000002</v>
          </cell>
          <cell r="E3214">
            <v>11903.479579999999</v>
          </cell>
          <cell r="F3214">
            <v>-14183.64954</v>
          </cell>
          <cell r="G3214">
            <v>-80.309039999999996</v>
          </cell>
          <cell r="H3214">
            <v>45946.107559999997</v>
          </cell>
          <cell r="I3214">
            <v>31682.148980000002</v>
          </cell>
        </row>
        <row r="3215">
          <cell r="A3215" t="str">
            <v>P340</v>
          </cell>
          <cell r="F3215">
            <v>-96649.244600000005</v>
          </cell>
          <cell r="G3215">
            <v>-12.67952</v>
          </cell>
          <cell r="I3215">
            <v>-96661.924119999996</v>
          </cell>
        </row>
        <row r="3216">
          <cell r="A3216" t="str">
            <v>P342</v>
          </cell>
          <cell r="F3216">
            <v>-96649.244600000005</v>
          </cell>
          <cell r="G3216">
            <v>-12.67952</v>
          </cell>
          <cell r="I3216">
            <v>-96661.924119999996</v>
          </cell>
        </row>
        <row r="3217">
          <cell r="A3217" t="str">
            <v>P26103</v>
          </cell>
          <cell r="F3217">
            <v>-96649.244600000005</v>
          </cell>
          <cell r="G3217">
            <v>-12.67952</v>
          </cell>
          <cell r="I3217">
            <v>-96661.924119999996</v>
          </cell>
        </row>
        <row r="3218">
          <cell r="A3218" t="str">
            <v>P26302</v>
          </cell>
        </row>
        <row r="3219">
          <cell r="A3219" t="str">
            <v>P310</v>
          </cell>
          <cell r="B3219">
            <v>-0.52214000000000005</v>
          </cell>
          <cell r="E3219">
            <v>-0.52214000000000005</v>
          </cell>
          <cell r="F3219">
            <v>-3.0146000000000002</v>
          </cell>
          <cell r="H3219">
            <v>-6284.0358399999996</v>
          </cell>
          <cell r="I3219">
            <v>-6287.05044</v>
          </cell>
        </row>
        <row r="3220">
          <cell r="A3220" t="str">
            <v>P311</v>
          </cell>
          <cell r="B3220">
            <v>-0.52214000000000005</v>
          </cell>
          <cell r="E3220">
            <v>-0.52214000000000005</v>
          </cell>
          <cell r="F3220">
            <v>-3.0146000000000002</v>
          </cell>
          <cell r="H3220">
            <v>-6284.0358399999996</v>
          </cell>
          <cell r="I3220">
            <v>-6287.05044</v>
          </cell>
        </row>
        <row r="3221">
          <cell r="A3221" t="str">
            <v>P320</v>
          </cell>
          <cell r="B3221">
            <v>9253.4313000000002</v>
          </cell>
          <cell r="D3221">
            <v>3786.5664499999998</v>
          </cell>
          <cell r="E3221">
            <v>13039.99775</v>
          </cell>
          <cell r="F3221">
            <v>82392.694820000004</v>
          </cell>
          <cell r="G3221">
            <v>7.2700000000000004E-3</v>
          </cell>
          <cell r="H3221">
            <v>32170.04983</v>
          </cell>
          <cell r="I3221">
            <v>114562.75192</v>
          </cell>
        </row>
        <row r="3222">
          <cell r="A3222" t="str">
            <v>P321</v>
          </cell>
          <cell r="B3222">
            <v>1009.41419</v>
          </cell>
          <cell r="D3222">
            <v>3856.7029499999999</v>
          </cell>
          <cell r="E3222">
            <v>4866.1171400000003</v>
          </cell>
          <cell r="F3222">
            <v>8410.6442399999996</v>
          </cell>
          <cell r="H3222">
            <v>30501.188119999999</v>
          </cell>
          <cell r="I3222">
            <v>38911.83236</v>
          </cell>
        </row>
        <row r="3223">
          <cell r="A3223" t="str">
            <v>P32103</v>
          </cell>
          <cell r="B3223">
            <v>1022.41828</v>
          </cell>
          <cell r="D3223">
            <v>3856.7029499999999</v>
          </cell>
          <cell r="E3223">
            <v>4879.1212299999997</v>
          </cell>
          <cell r="F3223">
            <v>8606.6506599999993</v>
          </cell>
          <cell r="H3223">
            <v>30501.188119999999</v>
          </cell>
          <cell r="I3223">
            <v>39107.838779999998</v>
          </cell>
        </row>
        <row r="3224">
          <cell r="A3224" t="str">
            <v>P32104</v>
          </cell>
          <cell r="B3224">
            <v>-13.00409</v>
          </cell>
          <cell r="E3224">
            <v>-13.00409</v>
          </cell>
          <cell r="F3224">
            <v>-196.00641999999999</v>
          </cell>
          <cell r="I3224">
            <v>-196.00641999999999</v>
          </cell>
        </row>
        <row r="3225">
          <cell r="A3225" t="str">
            <v>P322</v>
          </cell>
          <cell r="B3225">
            <v>7582.5505400000002</v>
          </cell>
          <cell r="D3225">
            <v>-70.136499999999998</v>
          </cell>
          <cell r="E3225">
            <v>7512.4140399999997</v>
          </cell>
          <cell r="F3225">
            <v>62659.512589999998</v>
          </cell>
          <cell r="G3225">
            <v>7.2700000000000004E-3</v>
          </cell>
          <cell r="H3225">
            <v>1668.8617099999999</v>
          </cell>
          <cell r="I3225">
            <v>64328.381569999998</v>
          </cell>
        </row>
        <row r="3226">
          <cell r="A3226" t="str">
            <v>P323</v>
          </cell>
          <cell r="B3226">
            <v>-1081.5353700000001</v>
          </cell>
          <cell r="E3226">
            <v>-1081.5353700000001</v>
          </cell>
          <cell r="F3226">
            <v>-2621.4775300000001</v>
          </cell>
          <cell r="I3226">
            <v>-2621.4775300000001</v>
          </cell>
        </row>
        <row r="3227">
          <cell r="A3227" t="str">
            <v>P324</v>
          </cell>
          <cell r="B3227">
            <v>1743.0019400000001</v>
          </cell>
          <cell r="E3227">
            <v>1743.0019400000001</v>
          </cell>
          <cell r="F3227">
            <v>13944.015520000001</v>
          </cell>
          <cell r="I3227">
            <v>13944.015520000001</v>
          </cell>
        </row>
        <row r="3228">
          <cell r="A3228" t="str">
            <v>P330</v>
          </cell>
          <cell r="B3228">
            <v>172.93423000000001</v>
          </cell>
          <cell r="C3228">
            <v>3.458E-2</v>
          </cell>
          <cell r="D3228">
            <v>-1308.9648400000001</v>
          </cell>
          <cell r="E3228">
            <v>-1135.99603</v>
          </cell>
          <cell r="F3228">
            <v>75.914839999999998</v>
          </cell>
          <cell r="G3228">
            <v>-67.636790000000005</v>
          </cell>
          <cell r="H3228">
            <v>20060.093570000001</v>
          </cell>
          <cell r="I3228">
            <v>20068.371620000002</v>
          </cell>
        </row>
        <row r="3229">
          <cell r="A3229" t="str">
            <v>P331</v>
          </cell>
          <cell r="D3229">
            <v>-8.9881399999999996</v>
          </cell>
          <cell r="E3229">
            <v>-8.9881399999999996</v>
          </cell>
          <cell r="F3229">
            <v>-2.0000000000000001E-4</v>
          </cell>
          <cell r="H3229">
            <v>5442.6836000000003</v>
          </cell>
          <cell r="I3229">
            <v>5442.6833999999999</v>
          </cell>
        </row>
        <row r="3230">
          <cell r="A3230" t="str">
            <v>P333</v>
          </cell>
          <cell r="D3230">
            <v>-1102.35095</v>
          </cell>
          <cell r="E3230">
            <v>-1102.35095</v>
          </cell>
          <cell r="F3230">
            <v>1.57542</v>
          </cell>
          <cell r="H3230">
            <v>21211.897629999999</v>
          </cell>
          <cell r="I3230">
            <v>21213.473050000001</v>
          </cell>
        </row>
        <row r="3231">
          <cell r="A3231" t="str">
            <v>P338</v>
          </cell>
          <cell r="B3231">
            <v>172.93423000000001</v>
          </cell>
          <cell r="C3231">
            <v>3.458E-2</v>
          </cell>
          <cell r="D3231">
            <v>-197.62575000000001</v>
          </cell>
          <cell r="E3231">
            <v>-24.656939999999999</v>
          </cell>
          <cell r="F3231">
            <v>74.339619999999996</v>
          </cell>
          <cell r="G3231">
            <v>-67.636790000000005</v>
          </cell>
          <cell r="H3231">
            <v>-6594.4876599999998</v>
          </cell>
          <cell r="I3231">
            <v>-6587.7848299999996</v>
          </cell>
        </row>
        <row r="3232">
          <cell r="A3232" t="str">
            <v>P400</v>
          </cell>
          <cell r="B3232">
            <v>-289.92261000000002</v>
          </cell>
          <cell r="D3232">
            <v>-2200.8047299999998</v>
          </cell>
          <cell r="E3232">
            <v>-2490.7273399999999</v>
          </cell>
          <cell r="F3232">
            <v>95443.093150000001</v>
          </cell>
          <cell r="H3232">
            <v>60506.02</v>
          </cell>
          <cell r="I3232">
            <v>155949.11314999999</v>
          </cell>
        </row>
        <row r="3233">
          <cell r="A3233" t="str">
            <v>P410</v>
          </cell>
          <cell r="B3233">
            <v>12001.83267</v>
          </cell>
          <cell r="E3233">
            <v>12001.83267</v>
          </cell>
          <cell r="F3233">
            <v>98693.309299999994</v>
          </cell>
          <cell r="H3233">
            <v>-63.555909999999997</v>
          </cell>
          <cell r="I3233">
            <v>98629.753389999998</v>
          </cell>
        </row>
        <row r="3234">
          <cell r="A3234" t="str">
            <v>P411</v>
          </cell>
          <cell r="B3234">
            <v>1215.9565600000001</v>
          </cell>
          <cell r="E3234">
            <v>1215.9565600000001</v>
          </cell>
          <cell r="F3234">
            <v>9570.7548599999991</v>
          </cell>
          <cell r="H3234">
            <v>0</v>
          </cell>
          <cell r="I3234">
            <v>9570.7548599999991</v>
          </cell>
        </row>
        <row r="3235">
          <cell r="A3235" t="str">
            <v>P412</v>
          </cell>
          <cell r="F3235">
            <v>10616.921979999999</v>
          </cell>
          <cell r="I3235">
            <v>10616.921979999999</v>
          </cell>
        </row>
        <row r="3236">
          <cell r="A3236" t="str">
            <v>P413</v>
          </cell>
          <cell r="B3236">
            <v>10785.876109999999</v>
          </cell>
          <cell r="E3236">
            <v>10785.876109999999</v>
          </cell>
          <cell r="F3236">
            <v>78505.632459999993</v>
          </cell>
          <cell r="H3236">
            <v>-63.555909999999997</v>
          </cell>
          <cell r="I3236">
            <v>78442.076549999998</v>
          </cell>
        </row>
        <row r="3237">
          <cell r="A3237" t="str">
            <v>P420</v>
          </cell>
          <cell r="B3237">
            <v>-12291.755279999999</v>
          </cell>
          <cell r="D3237">
            <v>-2200.8047299999998</v>
          </cell>
          <cell r="E3237">
            <v>-14492.560009999999</v>
          </cell>
          <cell r="F3237">
            <v>-3250.2161500000002</v>
          </cell>
          <cell r="H3237">
            <v>60569.57591</v>
          </cell>
          <cell r="I3237">
            <v>57319.359759999999</v>
          </cell>
        </row>
        <row r="3238">
          <cell r="A3238" t="str">
            <v>P421</v>
          </cell>
          <cell r="B3238">
            <v>-4512.85322</v>
          </cell>
          <cell r="E3238">
            <v>-4512.85322</v>
          </cell>
          <cell r="F3238">
            <v>-51718.800580000003</v>
          </cell>
          <cell r="H3238">
            <v>-425.97719000000001</v>
          </cell>
          <cell r="I3238">
            <v>-52144.777770000001</v>
          </cell>
        </row>
        <row r="3239">
          <cell r="A3239" t="str">
            <v>P422</v>
          </cell>
          <cell r="B3239">
            <v>-7778.9020600000003</v>
          </cell>
          <cell r="D3239">
            <v>-2200.8047299999998</v>
          </cell>
          <cell r="E3239">
            <v>-9979.7067900000002</v>
          </cell>
          <cell r="F3239">
            <v>48468.584430000003</v>
          </cell>
          <cell r="H3239">
            <v>60995.553099999997</v>
          </cell>
          <cell r="I3239">
            <v>109464.13753000001</v>
          </cell>
        </row>
        <row r="3240">
          <cell r="A3240" t="str">
            <v>P802</v>
          </cell>
          <cell r="B3240">
            <v>-172.93423000000001</v>
          </cell>
          <cell r="C3240">
            <v>-3.458E-2</v>
          </cell>
          <cell r="D3240">
            <v>1308.9648400000001</v>
          </cell>
          <cell r="E3240">
            <v>1135.99603</v>
          </cell>
          <cell r="F3240">
            <v>-75.914839999999998</v>
          </cell>
          <cell r="G3240">
            <v>67.636790000000005</v>
          </cell>
          <cell r="H3240">
            <v>-20060.093570000001</v>
          </cell>
          <cell r="I3240">
            <v>-20068.371620000002</v>
          </cell>
        </row>
        <row r="3241">
          <cell r="A3241" t="str">
            <v>P331S</v>
          </cell>
          <cell r="D3241">
            <v>8.9881399999999996</v>
          </cell>
          <cell r="E3241">
            <v>8.9881399999999996</v>
          </cell>
          <cell r="F3241">
            <v>2.0000000000000001E-4</v>
          </cell>
          <cell r="H3241">
            <v>-5442.6836000000003</v>
          </cell>
          <cell r="I3241">
            <v>-5442.6833999999999</v>
          </cell>
        </row>
        <row r="3242">
          <cell r="A3242" t="str">
            <v>P333S</v>
          </cell>
          <cell r="D3242">
            <v>1102.35095</v>
          </cell>
          <cell r="E3242">
            <v>1102.35095</v>
          </cell>
          <cell r="F3242">
            <v>-1.57542</v>
          </cell>
          <cell r="H3242">
            <v>-21211.897629999999</v>
          </cell>
          <cell r="I3242">
            <v>-21213.473050000001</v>
          </cell>
        </row>
        <row r="3243">
          <cell r="A3243" t="str">
            <v>P338S</v>
          </cell>
          <cell r="B3243">
            <v>-172.93423000000001</v>
          </cell>
          <cell r="C3243">
            <v>-3.458E-2</v>
          </cell>
          <cell r="D3243">
            <v>197.62575000000001</v>
          </cell>
          <cell r="E3243">
            <v>24.656939999999999</v>
          </cell>
          <cell r="F3243">
            <v>-74.339619999999996</v>
          </cell>
          <cell r="G3243">
            <v>67.636790000000005</v>
          </cell>
          <cell r="H3243">
            <v>6594.4876599999998</v>
          </cell>
          <cell r="I3243">
            <v>6587.7848299999996</v>
          </cell>
        </row>
        <row r="3244">
          <cell r="A3244" t="str">
            <v>P803</v>
          </cell>
          <cell r="B3244">
            <v>-7509.9072200000001</v>
          </cell>
          <cell r="D3244">
            <v>-3786.5664499999998</v>
          </cell>
          <cell r="E3244">
            <v>-11296.473669999999</v>
          </cell>
          <cell r="F3244">
            <v>-68445.664699999994</v>
          </cell>
          <cell r="G3244">
            <v>-7.2700000000000004E-3</v>
          </cell>
          <cell r="H3244">
            <v>-25886.013989999999</v>
          </cell>
          <cell r="I3244">
            <v>-94331.685960000003</v>
          </cell>
        </row>
        <row r="3245">
          <cell r="A3245" t="str">
            <v>P311S</v>
          </cell>
          <cell r="B3245">
            <v>0.52214000000000005</v>
          </cell>
          <cell r="E3245">
            <v>0.52214000000000005</v>
          </cell>
          <cell r="F3245">
            <v>3.0146000000000002</v>
          </cell>
          <cell r="H3245">
            <v>6284.0358399999996</v>
          </cell>
          <cell r="I3245">
            <v>6287.05044</v>
          </cell>
        </row>
        <row r="3246">
          <cell r="A3246" t="str">
            <v>P320S</v>
          </cell>
          <cell r="B3246">
            <v>-7510.4293600000001</v>
          </cell>
          <cell r="D3246">
            <v>-3786.5664499999998</v>
          </cell>
          <cell r="E3246">
            <v>-11296.99581</v>
          </cell>
          <cell r="F3246">
            <v>-68448.679300000003</v>
          </cell>
          <cell r="G3246">
            <v>-7.2700000000000004E-3</v>
          </cell>
          <cell r="H3246">
            <v>-32170.04983</v>
          </cell>
          <cell r="I3246">
            <v>-100618.73639999999</v>
          </cell>
        </row>
        <row r="3247">
          <cell r="A3247" t="str">
            <v>P321S</v>
          </cell>
          <cell r="B3247">
            <v>-1009.41419</v>
          </cell>
          <cell r="D3247">
            <v>-3856.7029499999999</v>
          </cell>
          <cell r="E3247">
            <v>-4866.1171400000003</v>
          </cell>
          <cell r="F3247">
            <v>-8410.6442399999996</v>
          </cell>
          <cell r="H3247">
            <v>-30501.188119999999</v>
          </cell>
          <cell r="I3247">
            <v>-38911.83236</v>
          </cell>
        </row>
        <row r="3248">
          <cell r="A3248" t="str">
            <v>P32103S</v>
          </cell>
          <cell r="B3248">
            <v>-1022.41828</v>
          </cell>
          <cell r="D3248">
            <v>-3856.7029499999999</v>
          </cell>
          <cell r="E3248">
            <v>-4879.1212299999997</v>
          </cell>
          <cell r="F3248">
            <v>-8606.6506599999993</v>
          </cell>
          <cell r="H3248">
            <v>-30501.188119999999</v>
          </cell>
          <cell r="I3248">
            <v>-39107.838779999998</v>
          </cell>
        </row>
        <row r="3249">
          <cell r="A3249" t="str">
            <v>P32104S</v>
          </cell>
          <cell r="B3249">
            <v>13.00409</v>
          </cell>
          <cell r="E3249">
            <v>13.00409</v>
          </cell>
          <cell r="F3249">
            <v>196.00641999999999</v>
          </cell>
          <cell r="I3249">
            <v>196.00641999999999</v>
          </cell>
        </row>
        <row r="3250">
          <cell r="A3250" t="str">
            <v>P322S</v>
          </cell>
          <cell r="B3250">
            <v>-7582.5505400000002</v>
          </cell>
          <cell r="D3250">
            <v>70.136499999999998</v>
          </cell>
          <cell r="E3250">
            <v>-7512.4140399999997</v>
          </cell>
          <cell r="F3250">
            <v>-62659.512589999998</v>
          </cell>
          <cell r="G3250">
            <v>-7.2700000000000004E-3</v>
          </cell>
          <cell r="H3250">
            <v>-1668.8617099999999</v>
          </cell>
          <cell r="I3250">
            <v>-64328.381569999998</v>
          </cell>
        </row>
        <row r="3251">
          <cell r="A3251" t="str">
            <v>P323S</v>
          </cell>
          <cell r="B3251">
            <v>1081.5353700000001</v>
          </cell>
          <cell r="E3251">
            <v>1081.5353700000001</v>
          </cell>
          <cell r="F3251">
            <v>2621.4775300000001</v>
          </cell>
          <cell r="I3251">
            <v>2621.4775300000001</v>
          </cell>
        </row>
        <row r="3252">
          <cell r="A3252" t="str">
            <v>P804</v>
          </cell>
          <cell r="B3252">
            <v>4512.85322</v>
          </cell>
          <cell r="E3252">
            <v>4512.85322</v>
          </cell>
          <cell r="F3252">
            <v>41101.878599999996</v>
          </cell>
          <cell r="H3252">
            <v>425.97719000000001</v>
          </cell>
          <cell r="I3252">
            <v>41527.855790000001</v>
          </cell>
        </row>
        <row r="3253">
          <cell r="A3253" t="str">
            <v>P412S</v>
          </cell>
          <cell r="F3253">
            <v>-10616.921979999999</v>
          </cell>
          <cell r="I3253">
            <v>-10616.921979999999</v>
          </cell>
        </row>
        <row r="3254">
          <cell r="A3254" t="str">
            <v>P421S</v>
          </cell>
          <cell r="B3254">
            <v>4512.85322</v>
          </cell>
          <cell r="E3254">
            <v>4512.85322</v>
          </cell>
          <cell r="F3254">
            <v>51718.800580000003</v>
          </cell>
          <cell r="H3254">
            <v>425.97719000000001</v>
          </cell>
          <cell r="I3254">
            <v>52144.777770000001</v>
          </cell>
        </row>
        <row r="3255">
          <cell r="A3255" t="str">
            <v>P805</v>
          </cell>
          <cell r="D3255">
            <v>-3112.61373</v>
          </cell>
          <cell r="E3255">
            <v>-3112.61373</v>
          </cell>
          <cell r="H3255">
            <v>-8127.39509</v>
          </cell>
          <cell r="I3255">
            <v>-8127.39509</v>
          </cell>
        </row>
        <row r="3256">
          <cell r="A3256" t="str">
            <v>P280S</v>
          </cell>
          <cell r="D3256">
            <v>-3112.61373</v>
          </cell>
          <cell r="E3256">
            <v>-3112.61373</v>
          </cell>
          <cell r="H3256">
            <v>-8127.39509</v>
          </cell>
          <cell r="I3256">
            <v>-8127.39509</v>
          </cell>
        </row>
        <row r="3257">
          <cell r="A3257" t="str">
            <v>AF</v>
          </cell>
          <cell r="B3257">
            <v>-8130.7187899999999</v>
          </cell>
          <cell r="C3257">
            <v>-2904.9407000000001</v>
          </cell>
          <cell r="D3257">
            <v>-1128.5723499999999</v>
          </cell>
          <cell r="E3257">
            <v>-12164.23184</v>
          </cell>
          <cell r="F3257">
            <v>-137124.30437999999</v>
          </cell>
          <cell r="G3257">
            <v>-8688.92965</v>
          </cell>
          <cell r="H3257">
            <v>36586.010540000003</v>
          </cell>
          <cell r="I3257">
            <v>-109227.22349</v>
          </cell>
        </row>
        <row r="3258">
          <cell r="A3258" t="str">
            <v>C212_C2E</v>
          </cell>
          <cell r="F3258">
            <v>1624.5344600000001</v>
          </cell>
          <cell r="H3258">
            <v>-0.17111999999999999</v>
          </cell>
          <cell r="I3258">
            <v>1624.3633400000001</v>
          </cell>
        </row>
        <row r="3259">
          <cell r="A3259" t="str">
            <v>C212_TRUE</v>
          </cell>
          <cell r="B3259">
            <v>-8130.7187899999999</v>
          </cell>
          <cell r="C3259">
            <v>-2904.9407000000001</v>
          </cell>
          <cell r="E3259">
            <v>-11035.65949</v>
          </cell>
          <cell r="F3259">
            <v>-138748.83884000001</v>
          </cell>
          <cell r="G3259">
            <v>-8688.92965</v>
          </cell>
          <cell r="H3259">
            <v>0</v>
          </cell>
          <cell r="I3259">
            <v>-147437.76848999999</v>
          </cell>
        </row>
        <row r="3260">
          <cell r="A3260" t="str">
            <v>P400N</v>
          </cell>
          <cell r="D3260">
            <v>-1128.5723499999999</v>
          </cell>
          <cell r="E3260">
            <v>-1128.5723499999999</v>
          </cell>
          <cell r="G3260">
            <v>0</v>
          </cell>
          <cell r="H3260">
            <v>36586.181660000002</v>
          </cell>
          <cell r="I3260">
            <v>36586.181660000002</v>
          </cell>
        </row>
        <row r="3261">
          <cell r="A3261" t="str">
            <v>CF</v>
          </cell>
          <cell r="B3261">
            <v>0</v>
          </cell>
          <cell r="C3261">
            <v>0</v>
          </cell>
          <cell r="D3261">
            <v>0</v>
          </cell>
          <cell r="E3261">
            <v>0</v>
          </cell>
          <cell r="F3261">
            <v>-1E-3</v>
          </cell>
          <cell r="G3261">
            <v>0</v>
          </cell>
          <cell r="H3261">
            <v>0</v>
          </cell>
          <cell r="I3261">
            <v>-1E-3</v>
          </cell>
        </row>
        <row r="3262">
          <cell r="A3262" t="str">
            <v>BBCFCHK</v>
          </cell>
          <cell r="B3262">
            <v>-551120.80536</v>
          </cell>
          <cell r="C3262">
            <v>115.79366</v>
          </cell>
          <cell r="D3262">
            <v>495169.66687999998</v>
          </cell>
          <cell r="E3262">
            <v>-55835.344819999998</v>
          </cell>
          <cell r="F3262">
            <v>-1131470.29474</v>
          </cell>
          <cell r="G3262">
            <v>115.79366</v>
          </cell>
          <cell r="H3262">
            <v>1666976.92552</v>
          </cell>
          <cell r="I3262">
            <v>535622.42443999997</v>
          </cell>
        </row>
        <row r="3263">
          <cell r="A3263" t="str">
            <v>C7</v>
          </cell>
          <cell r="B3263">
            <v>275560.40268</v>
          </cell>
          <cell r="C3263">
            <v>-57.896830000000001</v>
          </cell>
          <cell r="D3263">
            <v>-247584.83343999999</v>
          </cell>
          <cell r="E3263">
            <v>27917.672409999999</v>
          </cell>
          <cell r="F3263">
            <v>565735.14737000002</v>
          </cell>
          <cell r="G3263">
            <v>-57.896830000000001</v>
          </cell>
          <cell r="H3263">
            <v>-833488.46276000002</v>
          </cell>
          <cell r="I3263">
            <v>-267811.21221999999</v>
          </cell>
        </row>
        <row r="3264">
          <cell r="A3264" t="str">
            <v>C710</v>
          </cell>
          <cell r="B3264">
            <v>275560.40268</v>
          </cell>
          <cell r="C3264">
            <v>-57.896830000000001</v>
          </cell>
          <cell r="D3264">
            <v>-247584.83343999999</v>
          </cell>
          <cell r="E3264">
            <v>27917.672409999999</v>
          </cell>
          <cell r="F3264">
            <v>565735.14737000002</v>
          </cell>
          <cell r="G3264">
            <v>-57.896830000000001</v>
          </cell>
          <cell r="H3264">
            <v>-833488.46276000002</v>
          </cell>
          <cell r="I3264">
            <v>-267811.21221999999</v>
          </cell>
        </row>
        <row r="3265">
          <cell r="A3265" t="str">
            <v>C6</v>
          </cell>
          <cell r="B3265">
            <v>275560.40268</v>
          </cell>
          <cell r="C3265">
            <v>-57.896830000000001</v>
          </cell>
          <cell r="D3265">
            <v>-247584.83343999999</v>
          </cell>
          <cell r="E3265">
            <v>27917.672409999999</v>
          </cell>
          <cell r="F3265">
            <v>565735.14636999997</v>
          </cell>
          <cell r="G3265">
            <v>-57.896830000000001</v>
          </cell>
          <cell r="H3265">
            <v>-833488.46276000002</v>
          </cell>
          <cell r="I3265">
            <v>-267811.21321999998</v>
          </cell>
        </row>
        <row r="3266">
          <cell r="A3266" t="str">
            <v>C3</v>
          </cell>
          <cell r="B3266">
            <v>63999.05861</v>
          </cell>
          <cell r="C3266">
            <v>165.01618999999999</v>
          </cell>
          <cell r="D3266">
            <v>-14455.076499999999</v>
          </cell>
          <cell r="E3266">
            <v>49708.998299999999</v>
          </cell>
          <cell r="F3266">
            <v>770196.08975000004</v>
          </cell>
          <cell r="G3266">
            <v>2498.3902200000002</v>
          </cell>
          <cell r="H3266">
            <v>-311581.37715000001</v>
          </cell>
          <cell r="I3266">
            <v>461113.10281999997</v>
          </cell>
        </row>
        <row r="3267">
          <cell r="A3267" t="str">
            <v>C3</v>
          </cell>
          <cell r="B3267">
            <v>0</v>
          </cell>
          <cell r="C3267">
            <v>0</v>
          </cell>
          <cell r="D3267">
            <v>0</v>
          </cell>
          <cell r="E3267">
            <v>0</v>
          </cell>
          <cell r="F3267">
            <v>0</v>
          </cell>
          <cell r="G3267">
            <v>0</v>
          </cell>
          <cell r="H3267">
            <v>0</v>
          </cell>
          <cell r="I3267">
            <v>0</v>
          </cell>
        </row>
        <row r="3268">
          <cell r="A3268" t="str">
            <v>C1</v>
          </cell>
          <cell r="B3268">
            <v>97559.656279999996</v>
          </cell>
          <cell r="C3268">
            <v>165.01618999999999</v>
          </cell>
          <cell r="D3268">
            <v>2082.2333199999998</v>
          </cell>
          <cell r="E3268">
            <v>99806.905790000004</v>
          </cell>
          <cell r="F3268">
            <v>850317.43527000002</v>
          </cell>
          <cell r="G3268">
            <v>2485.8337799999999</v>
          </cell>
          <cell r="H3268">
            <v>-300965.93505999999</v>
          </cell>
          <cell r="I3268">
            <v>551837.33398999996</v>
          </cell>
        </row>
        <row r="3269">
          <cell r="A3269" t="str">
            <v>C110</v>
          </cell>
          <cell r="B3269">
            <v>18968.491870000002</v>
          </cell>
          <cell r="C3269">
            <v>-3864.6069600000001</v>
          </cell>
          <cell r="D3269">
            <v>-16619.489440000001</v>
          </cell>
          <cell r="E3269">
            <v>-1515.6045300000001</v>
          </cell>
          <cell r="F3269">
            <v>467380.44351000001</v>
          </cell>
          <cell r="G3269">
            <v>-7957.8068800000001</v>
          </cell>
          <cell r="H3269">
            <v>-264445.29657000001</v>
          </cell>
          <cell r="I3269">
            <v>194977.34005999999</v>
          </cell>
        </row>
        <row r="3270">
          <cell r="A3270" t="str">
            <v>C120</v>
          </cell>
          <cell r="B3270">
            <v>24807.81568</v>
          </cell>
          <cell r="C3270">
            <v>45.568429999999999</v>
          </cell>
          <cell r="D3270">
            <v>79.533940000000001</v>
          </cell>
          <cell r="E3270">
            <v>24932.91805</v>
          </cell>
          <cell r="F3270">
            <v>103367.13649</v>
          </cell>
          <cell r="G3270">
            <v>358.17842000000002</v>
          </cell>
          <cell r="H3270">
            <v>546.07104000000004</v>
          </cell>
          <cell r="I3270">
            <v>104271.38595</v>
          </cell>
        </row>
        <row r="3271">
          <cell r="A3271" t="str">
            <v>C130</v>
          </cell>
          <cell r="B3271">
            <v>53240.202669999999</v>
          </cell>
          <cell r="C3271">
            <v>3706.4145899999999</v>
          </cell>
          <cell r="D3271">
            <v>5908.8619399999998</v>
          </cell>
          <cell r="E3271">
            <v>62855.479200000002</v>
          </cell>
          <cell r="F3271">
            <v>137059.98063999999</v>
          </cell>
          <cell r="G3271">
            <v>9100.4571799999994</v>
          </cell>
          <cell r="H3271">
            <v>-20724.426289999999</v>
          </cell>
          <cell r="I3271">
            <v>125436.01153</v>
          </cell>
        </row>
        <row r="3272">
          <cell r="A3272" t="str">
            <v>C131</v>
          </cell>
          <cell r="B3272">
            <v>-27304.556769999999</v>
          </cell>
          <cell r="C3272">
            <v>467.38889</v>
          </cell>
          <cell r="D3272">
            <v>351.49475000000001</v>
          </cell>
          <cell r="E3272">
            <v>-26485.673129999999</v>
          </cell>
          <cell r="F3272">
            <v>46027.167099999999</v>
          </cell>
          <cell r="G3272">
            <v>606.40826000000004</v>
          </cell>
          <cell r="H3272">
            <v>212761.81541000001</v>
          </cell>
          <cell r="I3272">
            <v>259395.39077</v>
          </cell>
        </row>
        <row r="3273">
          <cell r="A3273" t="str">
            <v>C132P</v>
          </cell>
          <cell r="B3273">
            <v>108059.02989999999</v>
          </cell>
          <cell r="C3273">
            <v>3284.47757</v>
          </cell>
          <cell r="D3273">
            <v>4613.8436199999996</v>
          </cell>
          <cell r="E3273">
            <v>115957.35109</v>
          </cell>
          <cell r="F3273">
            <v>175986.13803999999</v>
          </cell>
          <cell r="G3273">
            <v>7441.6867499999998</v>
          </cell>
          <cell r="H3273">
            <v>-318911.50786000001</v>
          </cell>
          <cell r="I3273">
            <v>-135483.68307</v>
          </cell>
        </row>
        <row r="3274">
          <cell r="A3274" t="str">
            <v>C13201</v>
          </cell>
          <cell r="B3274">
            <v>107886.09567</v>
          </cell>
          <cell r="C3274">
            <v>3284.44299</v>
          </cell>
          <cell r="D3274">
            <v>4811.4693699999998</v>
          </cell>
          <cell r="E3274">
            <v>115982.00803</v>
          </cell>
          <cell r="F3274">
            <v>175911.79842000001</v>
          </cell>
          <cell r="G3274">
            <v>7509.3235400000003</v>
          </cell>
          <cell r="H3274">
            <v>-312317.02020000003</v>
          </cell>
          <cell r="I3274">
            <v>-128895.89823999999</v>
          </cell>
        </row>
        <row r="3275">
          <cell r="A3275" t="str">
            <v>C13204</v>
          </cell>
          <cell r="B3275">
            <v>172.93423000000001</v>
          </cell>
          <cell r="C3275">
            <v>3.458E-2</v>
          </cell>
          <cell r="D3275">
            <v>-197.62575000000001</v>
          </cell>
          <cell r="E3275">
            <v>-24.656939999999999</v>
          </cell>
          <cell r="F3275">
            <v>74.339619999999996</v>
          </cell>
          <cell r="G3275">
            <v>-67.636790000000005</v>
          </cell>
          <cell r="H3275">
            <v>-6594.4876599999998</v>
          </cell>
          <cell r="I3275">
            <v>-6587.7848299999996</v>
          </cell>
        </row>
        <row r="3276">
          <cell r="A3276" t="str">
            <v>C133</v>
          </cell>
          <cell r="B3276">
            <v>-2649.8951299999999</v>
          </cell>
          <cell r="C3276">
            <v>-45.45187</v>
          </cell>
          <cell r="D3276">
            <v>1646.4776999999999</v>
          </cell>
          <cell r="E3276">
            <v>-1048.8693000000001</v>
          </cell>
          <cell r="F3276">
            <v>-103199.61203</v>
          </cell>
          <cell r="G3276">
            <v>1052.1592499999999</v>
          </cell>
          <cell r="H3276">
            <v>91090.159209999998</v>
          </cell>
          <cell r="I3276">
            <v>-11057.29357</v>
          </cell>
        </row>
        <row r="3277">
          <cell r="A3277" t="str">
            <v>C134</v>
          </cell>
          <cell r="B3277">
            <v>-24864.375329999999</v>
          </cell>
          <cell r="D3277">
            <v>-702.95412999999996</v>
          </cell>
          <cell r="E3277">
            <v>-25567.329460000001</v>
          </cell>
          <cell r="F3277">
            <v>-2856.0114800000001</v>
          </cell>
          <cell r="G3277">
            <v>0.20291999999999999</v>
          </cell>
          <cell r="H3277">
            <v>-5664.8930499999997</v>
          </cell>
          <cell r="I3277">
            <v>-8520.7016100000001</v>
          </cell>
        </row>
        <row r="3278">
          <cell r="A3278" t="str">
            <v>C135</v>
          </cell>
          <cell r="F3278">
            <v>21102.299009999999</v>
          </cell>
          <cell r="G3278">
            <v>0</v>
          </cell>
          <cell r="I3278">
            <v>21102.299009999999</v>
          </cell>
        </row>
        <row r="3279">
          <cell r="A3279" t="str">
            <v>C150</v>
          </cell>
          <cell r="B3279">
            <v>-11856.76707</v>
          </cell>
          <cell r="D3279">
            <v>-2300.42056</v>
          </cell>
          <cell r="E3279">
            <v>-14157.18763</v>
          </cell>
          <cell r="F3279">
            <v>-3240.2567199999999</v>
          </cell>
          <cell r="G3279">
            <v>0</v>
          </cell>
          <cell r="H3279">
            <v>61814.239860000001</v>
          </cell>
          <cell r="I3279">
            <v>58573.983139999997</v>
          </cell>
        </row>
        <row r="3280">
          <cell r="A3280" t="str">
            <v>C15001</v>
          </cell>
          <cell r="B3280">
            <v>1743.0019400000001</v>
          </cell>
          <cell r="E3280">
            <v>1743.0019400000001</v>
          </cell>
          <cell r="F3280">
            <v>13944.015509999999</v>
          </cell>
          <cell r="I3280">
            <v>13944.015509999999</v>
          </cell>
        </row>
        <row r="3281">
          <cell r="A3281" t="str">
            <v>C15002</v>
          </cell>
          <cell r="B3281">
            <v>-12291.755279999999</v>
          </cell>
          <cell r="D3281">
            <v>-2200.8047299999998</v>
          </cell>
          <cell r="E3281">
            <v>-14492.560009999999</v>
          </cell>
          <cell r="F3281">
            <v>-3250.2161500000002</v>
          </cell>
          <cell r="G3281">
            <v>0</v>
          </cell>
          <cell r="H3281">
            <v>60569.57591</v>
          </cell>
          <cell r="I3281">
            <v>57319.359759999999</v>
          </cell>
        </row>
        <row r="3282">
          <cell r="A3282" t="str">
            <v>C15003</v>
          </cell>
          <cell r="B3282">
            <v>-1308.0137299999999</v>
          </cell>
          <cell r="D3282">
            <v>-99.615830000000003</v>
          </cell>
          <cell r="E3282">
            <v>-1407.6295600000001</v>
          </cell>
          <cell r="F3282">
            <v>-13934.05608</v>
          </cell>
          <cell r="G3282">
            <v>0</v>
          </cell>
          <cell r="H3282">
            <v>1244.6639500000001</v>
          </cell>
          <cell r="I3282">
            <v>-12689.39213</v>
          </cell>
        </row>
        <row r="3283">
          <cell r="A3283" t="str">
            <v>C15004</v>
          </cell>
        </row>
        <row r="3284">
          <cell r="A3284" t="str">
            <v>C160</v>
          </cell>
          <cell r="B3284">
            <v>-8854.8287</v>
          </cell>
          <cell r="C3284">
            <v>277.64013</v>
          </cell>
          <cell r="D3284">
            <v>15699.11903</v>
          </cell>
          <cell r="E3284">
            <v>7121.9304599999996</v>
          </cell>
          <cell r="F3284">
            <v>-35332.85817</v>
          </cell>
          <cell r="G3284">
            <v>984.99779000000001</v>
          </cell>
          <cell r="H3284">
            <v>-17239.523990000002</v>
          </cell>
          <cell r="I3284">
            <v>-51587.38437</v>
          </cell>
        </row>
        <row r="3285">
          <cell r="A3285" t="str">
            <v>C16001</v>
          </cell>
          <cell r="B3285">
            <v>-372.44635</v>
          </cell>
          <cell r="C3285">
            <v>277.64013</v>
          </cell>
          <cell r="D3285">
            <v>-596.35598000000005</v>
          </cell>
          <cell r="E3285">
            <v>-691.16219999999998</v>
          </cell>
          <cell r="F3285">
            <v>8298.5318900000002</v>
          </cell>
          <cell r="G3285">
            <v>984.99779000000001</v>
          </cell>
          <cell r="H3285">
            <v>-17239.523990000002</v>
          </cell>
          <cell r="I3285">
            <v>-7955.99431</v>
          </cell>
        </row>
        <row r="3286">
          <cell r="A3286" t="str">
            <v>C16002</v>
          </cell>
          <cell r="B3286">
            <v>-38.167810000000003</v>
          </cell>
          <cell r="E3286">
            <v>-38.167810000000003</v>
          </cell>
          <cell r="F3286">
            <v>590.15662999999995</v>
          </cell>
          <cell r="I3286">
            <v>590.15662999999995</v>
          </cell>
        </row>
        <row r="3287">
          <cell r="A3287" t="str">
            <v>C16003</v>
          </cell>
          <cell r="B3287">
            <v>-7228.2579800000003</v>
          </cell>
          <cell r="E3287">
            <v>-7228.2579800000003</v>
          </cell>
          <cell r="F3287">
            <v>-34650.791830000002</v>
          </cell>
          <cell r="I3287">
            <v>-34650.791830000002</v>
          </cell>
        </row>
        <row r="3288">
          <cell r="A3288" t="str">
            <v>C16004</v>
          </cell>
          <cell r="D3288">
            <v>16295.47501</v>
          </cell>
          <cell r="E3288">
            <v>16295.47501</v>
          </cell>
          <cell r="G3288">
            <v>0</v>
          </cell>
          <cell r="H3288">
            <v>0</v>
          </cell>
          <cell r="I3288">
            <v>0</v>
          </cell>
        </row>
        <row r="3289">
          <cell r="A3289" t="str">
            <v>C16006</v>
          </cell>
          <cell r="B3289">
            <v>-1215.9565600000001</v>
          </cell>
          <cell r="E3289">
            <v>-1215.9565600000001</v>
          </cell>
          <cell r="F3289">
            <v>-9468.4558500000003</v>
          </cell>
          <cell r="G3289">
            <v>0</v>
          </cell>
          <cell r="H3289">
            <v>0</v>
          </cell>
          <cell r="I3289">
            <v>-9468.4558500000003</v>
          </cell>
        </row>
        <row r="3290">
          <cell r="A3290" t="str">
            <v>C16007</v>
          </cell>
          <cell r="G3290">
            <v>0</v>
          </cell>
          <cell r="I3290">
            <v>0</v>
          </cell>
        </row>
        <row r="3291">
          <cell r="A3291" t="str">
            <v>C16008</v>
          </cell>
          <cell r="F3291">
            <v>-102.29901</v>
          </cell>
          <cell r="G3291">
            <v>0</v>
          </cell>
          <cell r="I3291">
            <v>-102.29901</v>
          </cell>
        </row>
        <row r="3292">
          <cell r="A3292" t="str">
            <v>C16009</v>
          </cell>
          <cell r="F3292">
            <v>-102.29901</v>
          </cell>
          <cell r="G3292">
            <v>0</v>
          </cell>
          <cell r="I3292">
            <v>-102.29901</v>
          </cell>
        </row>
        <row r="3293">
          <cell r="A3293" t="str">
            <v>C170</v>
          </cell>
          <cell r="B3293">
            <v>21254.741829999999</v>
          </cell>
          <cell r="D3293">
            <v>3786.5664499999998</v>
          </cell>
          <cell r="E3293">
            <v>25041.308280000001</v>
          </cell>
          <cell r="F3293">
            <v>181082.98952</v>
          </cell>
          <cell r="G3293">
            <v>7.2700000000000004E-3</v>
          </cell>
          <cell r="H3293">
            <v>25822.45808</v>
          </cell>
          <cell r="I3293">
            <v>206905.45486999999</v>
          </cell>
        </row>
        <row r="3294">
          <cell r="A3294" t="str">
            <v>C17001</v>
          </cell>
          <cell r="B3294">
            <v>12001.83267</v>
          </cell>
          <cell r="E3294">
            <v>12001.83267</v>
          </cell>
          <cell r="F3294">
            <v>98693.309299999994</v>
          </cell>
          <cell r="H3294">
            <v>-63.555909999999997</v>
          </cell>
          <cell r="I3294">
            <v>98629.753389999998</v>
          </cell>
        </row>
        <row r="3295">
          <cell r="A3295" t="str">
            <v>C17002</v>
          </cell>
          <cell r="B3295">
            <v>9253.4313000000002</v>
          </cell>
          <cell r="D3295">
            <v>3786.5664499999998</v>
          </cell>
          <cell r="E3295">
            <v>13039.99775</v>
          </cell>
          <cell r="F3295">
            <v>82392.694820000004</v>
          </cell>
          <cell r="G3295">
            <v>7.2700000000000004E-3</v>
          </cell>
          <cell r="H3295">
            <v>32170.04983</v>
          </cell>
          <cell r="I3295">
            <v>114562.75192</v>
          </cell>
        </row>
        <row r="3296">
          <cell r="A3296" t="str">
            <v>C17003</v>
          </cell>
          <cell r="B3296">
            <v>-0.52214000000000005</v>
          </cell>
          <cell r="E3296">
            <v>-0.52214000000000005</v>
          </cell>
          <cell r="F3296">
            <v>-3.0146000000000002</v>
          </cell>
          <cell r="H3296">
            <v>-6284.0358399999996</v>
          </cell>
          <cell r="I3296">
            <v>-6287.05044</v>
          </cell>
        </row>
        <row r="3297">
          <cell r="A3297" t="str">
            <v>C180</v>
          </cell>
          <cell r="D3297">
            <v>-4471.93804</v>
          </cell>
          <cell r="E3297">
            <v>-4471.93804</v>
          </cell>
          <cell r="H3297">
            <v>-86739.457190000001</v>
          </cell>
          <cell r="I3297">
            <v>-86739.457190000001</v>
          </cell>
        </row>
        <row r="3298">
          <cell r="A3298" t="str">
            <v>C2</v>
          </cell>
          <cell r="B3298">
            <v>-33560.597670000003</v>
          </cell>
          <cell r="C3298">
            <v>0</v>
          </cell>
          <cell r="D3298">
            <v>-16537.309819999999</v>
          </cell>
          <cell r="E3298">
            <v>-50097.907489999998</v>
          </cell>
          <cell r="F3298">
            <v>-80121.345520000003</v>
          </cell>
          <cell r="G3298">
            <v>12.55644</v>
          </cell>
          <cell r="H3298">
            <v>-10615.44209</v>
          </cell>
          <cell r="I3298">
            <v>-90724.231169999999</v>
          </cell>
        </row>
        <row r="3299">
          <cell r="A3299" t="str">
            <v>C210</v>
          </cell>
          <cell r="B3299">
            <v>-34642.655180000002</v>
          </cell>
          <cell r="C3299">
            <v>0</v>
          </cell>
          <cell r="D3299">
            <v>-16537.309819999999</v>
          </cell>
          <cell r="E3299">
            <v>-51179.964999999997</v>
          </cell>
          <cell r="F3299">
            <v>-271745.83765</v>
          </cell>
          <cell r="G3299">
            <v>-0.12307999999999999</v>
          </cell>
          <cell r="H3299">
            <v>-9419.5365700000002</v>
          </cell>
          <cell r="I3299">
            <v>-281165.49729999999</v>
          </cell>
        </row>
        <row r="3300">
          <cell r="A3300" t="str">
            <v>C211</v>
          </cell>
          <cell r="B3300">
            <v>-29207.314439999998</v>
          </cell>
          <cell r="D3300">
            <v>-16537.309819999999</v>
          </cell>
          <cell r="E3300">
            <v>-45744.624259999997</v>
          </cell>
          <cell r="F3300">
            <v>-149411.16028000001</v>
          </cell>
          <cell r="G3300">
            <v>-0.12307999999999999</v>
          </cell>
          <cell r="H3300">
            <v>-9419.3654499999993</v>
          </cell>
          <cell r="I3300">
            <v>-158830.64881000001</v>
          </cell>
        </row>
        <row r="3301">
          <cell r="A3301" t="str">
            <v>C21101</v>
          </cell>
          <cell r="B3301">
            <v>-5484.7405099999996</v>
          </cell>
          <cell r="D3301">
            <v>-16537.309819999999</v>
          </cell>
          <cell r="E3301">
            <v>-22022.050329999998</v>
          </cell>
          <cell r="F3301">
            <v>-33284.892189999999</v>
          </cell>
          <cell r="G3301">
            <v>-0.12307999999999999</v>
          </cell>
          <cell r="H3301">
            <v>-9419.3654499999993</v>
          </cell>
          <cell r="I3301">
            <v>-42704.380720000001</v>
          </cell>
        </row>
        <row r="3302">
          <cell r="A3302" t="str">
            <v>C21102</v>
          </cell>
          <cell r="B3302">
            <v>-22641.038560000001</v>
          </cell>
          <cell r="E3302">
            <v>-22641.038560000001</v>
          </cell>
          <cell r="F3302">
            <v>-113504.79055999999</v>
          </cell>
          <cell r="I3302">
            <v>-113504.79055999999</v>
          </cell>
        </row>
        <row r="3303">
          <cell r="A3303" t="str">
            <v>C21103</v>
          </cell>
          <cell r="B3303">
            <v>-1081.5353700000001</v>
          </cell>
          <cell r="E3303">
            <v>-1081.5353700000001</v>
          </cell>
          <cell r="F3303">
            <v>-2621.4775300000001</v>
          </cell>
          <cell r="I3303">
            <v>-2621.4775300000001</v>
          </cell>
        </row>
        <row r="3304">
          <cell r="A3304" t="str">
            <v>C212</v>
          </cell>
          <cell r="B3304">
            <v>-8130.7187899999999</v>
          </cell>
          <cell r="C3304">
            <v>-2904.9407000000001</v>
          </cell>
          <cell r="E3304">
            <v>-11035.65949</v>
          </cell>
          <cell r="F3304">
            <v>-137124.30437999999</v>
          </cell>
          <cell r="G3304">
            <v>-8688.92965</v>
          </cell>
          <cell r="H3304">
            <v>-0.17111999999999999</v>
          </cell>
          <cell r="I3304">
            <v>-145813.40515000001</v>
          </cell>
        </row>
        <row r="3305">
          <cell r="A3305" t="str">
            <v>C21201</v>
          </cell>
        </row>
        <row r="3306">
          <cell r="A3306" t="str">
            <v>C21202</v>
          </cell>
          <cell r="B3306">
            <v>-113.61103</v>
          </cell>
          <cell r="C3306">
            <v>-1600.8343199999999</v>
          </cell>
          <cell r="E3306">
            <v>-1714.44535</v>
          </cell>
          <cell r="F3306">
            <v>136.40754999999999</v>
          </cell>
          <cell r="G3306">
            <v>-1032.33303</v>
          </cell>
          <cell r="I3306">
            <v>-895.92547999999999</v>
          </cell>
        </row>
        <row r="3307">
          <cell r="A3307" t="str">
            <v>C21203</v>
          </cell>
          <cell r="B3307">
            <v>-1147.0817199999999</v>
          </cell>
          <cell r="E3307">
            <v>-1147.0817199999999</v>
          </cell>
          <cell r="F3307">
            <v>-758.33281999999997</v>
          </cell>
          <cell r="H3307">
            <v>-0.17111999999999999</v>
          </cell>
          <cell r="I3307">
            <v>-758.50393999999994</v>
          </cell>
        </row>
        <row r="3308">
          <cell r="A3308" t="str">
            <v>C21204</v>
          </cell>
          <cell r="B3308">
            <v>-4288.2590200000004</v>
          </cell>
          <cell r="E3308">
            <v>-4288.2590200000004</v>
          </cell>
          <cell r="F3308">
            <v>-121576.34454999999</v>
          </cell>
          <cell r="I3308">
            <v>-121576.34454999999</v>
          </cell>
        </row>
        <row r="3309">
          <cell r="A3309" t="str">
            <v>C21205</v>
          </cell>
          <cell r="B3309">
            <v>-1099.1866299999999</v>
          </cell>
          <cell r="C3309">
            <v>-551.28168000000005</v>
          </cell>
          <cell r="E3309">
            <v>-1650.46831</v>
          </cell>
          <cell r="F3309">
            <v>-6978.8068999999996</v>
          </cell>
          <cell r="G3309">
            <v>-4557.0414000000001</v>
          </cell>
          <cell r="I3309">
            <v>-11535.8483</v>
          </cell>
        </row>
        <row r="3310">
          <cell r="A3310" t="str">
            <v>C21206</v>
          </cell>
          <cell r="B3310">
            <v>-43.777050000000003</v>
          </cell>
          <cell r="E3310">
            <v>-43.777050000000003</v>
          </cell>
          <cell r="F3310">
            <v>-336.87520000000001</v>
          </cell>
          <cell r="I3310">
            <v>-336.87520000000001</v>
          </cell>
        </row>
        <row r="3311">
          <cell r="A3311" t="str">
            <v>C21207</v>
          </cell>
          <cell r="B3311">
            <v>-1438.8033399999999</v>
          </cell>
          <cell r="C3311">
            <v>-752.82470000000001</v>
          </cell>
          <cell r="E3311">
            <v>-2191.6280400000001</v>
          </cell>
          <cell r="F3311">
            <v>-7610.3524600000001</v>
          </cell>
          <cell r="G3311">
            <v>-3099.5552200000002</v>
          </cell>
          <cell r="I3311">
            <v>-10709.90768</v>
          </cell>
        </row>
        <row r="3312">
          <cell r="A3312" t="str">
            <v>C21208</v>
          </cell>
        </row>
        <row r="3313">
          <cell r="A3313" t="str">
            <v>C213</v>
          </cell>
          <cell r="B3313">
            <v>2695.3780499999998</v>
          </cell>
          <cell r="C3313">
            <v>2904.9407000000001</v>
          </cell>
          <cell r="E3313">
            <v>5600.3187500000004</v>
          </cell>
          <cell r="F3313">
            <v>14789.62701</v>
          </cell>
          <cell r="G3313">
            <v>8688.92965</v>
          </cell>
          <cell r="I3313">
            <v>23478.556659999998</v>
          </cell>
        </row>
        <row r="3314">
          <cell r="A3314" t="str">
            <v>C217</v>
          </cell>
          <cell r="H3314">
            <v>-7479.9413599999998</v>
          </cell>
          <cell r="I3314">
            <v>-7479.9413599999998</v>
          </cell>
        </row>
        <row r="3315">
          <cell r="A3315" t="str">
            <v>C220</v>
          </cell>
          <cell r="F3315">
            <v>189000</v>
          </cell>
          <cell r="G3315">
            <v>12.67952</v>
          </cell>
          <cell r="I3315">
            <v>189012.67952000001</v>
          </cell>
        </row>
        <row r="3316">
          <cell r="A3316" t="str">
            <v>C22001</v>
          </cell>
          <cell r="F3316">
            <v>210000</v>
          </cell>
          <cell r="G3316">
            <v>12.67952</v>
          </cell>
          <cell r="I3316">
            <v>210012.67952000001</v>
          </cell>
        </row>
        <row r="3317">
          <cell r="A3317" t="str">
            <v>C22002</v>
          </cell>
          <cell r="F3317">
            <v>-21000</v>
          </cell>
          <cell r="I3317">
            <v>-21000</v>
          </cell>
        </row>
        <row r="3318">
          <cell r="A3318" t="str">
            <v>C22021</v>
          </cell>
          <cell r="F3318">
            <v>-21000</v>
          </cell>
          <cell r="I3318">
            <v>-21000</v>
          </cell>
        </row>
        <row r="3319">
          <cell r="A3319" t="str">
            <v>C22022</v>
          </cell>
        </row>
        <row r="3320">
          <cell r="A3320" t="str">
            <v>C230</v>
          </cell>
        </row>
        <row r="3321">
          <cell r="A3321" t="str">
            <v>C231</v>
          </cell>
        </row>
        <row r="3322">
          <cell r="A3322" t="str">
            <v>C23102</v>
          </cell>
        </row>
        <row r="3323">
          <cell r="A3323" t="str">
            <v>C240P</v>
          </cell>
          <cell r="B3323">
            <v>0.52214000000000005</v>
          </cell>
          <cell r="E3323">
            <v>0.52214000000000005</v>
          </cell>
          <cell r="F3323">
            <v>3.0146000000000002</v>
          </cell>
          <cell r="H3323">
            <v>6284.0358399999996</v>
          </cell>
          <cell r="I3323">
            <v>6287.05044</v>
          </cell>
        </row>
        <row r="3324">
          <cell r="A3324" t="str">
            <v>C24001</v>
          </cell>
          <cell r="B3324">
            <v>0.52214000000000005</v>
          </cell>
          <cell r="E3324">
            <v>0.52214000000000005</v>
          </cell>
          <cell r="F3324">
            <v>3.0146000000000002</v>
          </cell>
          <cell r="H3324">
            <v>6284.0358399999996</v>
          </cell>
          <cell r="I3324">
            <v>6287.05044</v>
          </cell>
        </row>
        <row r="3325">
          <cell r="A3325" t="str">
            <v>C250</v>
          </cell>
          <cell r="B3325">
            <v>1081.5353700000001</v>
          </cell>
          <cell r="E3325">
            <v>1081.5353700000001</v>
          </cell>
          <cell r="F3325">
            <v>2621.4775300000001</v>
          </cell>
          <cell r="I3325">
            <v>2621.4775300000001</v>
          </cell>
        </row>
        <row r="3326">
          <cell r="A3326" t="str">
            <v>C4</v>
          </cell>
          <cell r="B3326">
            <v>211734.27830000001</v>
          </cell>
          <cell r="C3326">
            <v>-222.87844000000001</v>
          </cell>
          <cell r="D3326">
            <v>-233327.38269</v>
          </cell>
          <cell r="E3326">
            <v>-21815.982830000001</v>
          </cell>
          <cell r="F3326">
            <v>-204386.60376</v>
          </cell>
          <cell r="G3326">
            <v>-2623.9238399999999</v>
          </cell>
          <cell r="H3326">
            <v>-528501.57327000005</v>
          </cell>
          <cell r="I3326">
            <v>-735512.10086999997</v>
          </cell>
        </row>
        <row r="3327">
          <cell r="A3327" t="str">
            <v>C410</v>
          </cell>
          <cell r="B3327">
            <v>220374.08439</v>
          </cell>
          <cell r="C3327">
            <v>-222.87844000000001</v>
          </cell>
          <cell r="D3327">
            <v>-229540.81625</v>
          </cell>
          <cell r="E3327">
            <v>-9389.6103000000003</v>
          </cell>
          <cell r="F3327">
            <v>-132947.25180999999</v>
          </cell>
          <cell r="G3327">
            <v>-2623.9165699999999</v>
          </cell>
          <cell r="H3327">
            <v>-496331.52347000001</v>
          </cell>
          <cell r="I3327">
            <v>-631902.69184999994</v>
          </cell>
        </row>
        <row r="3328">
          <cell r="A3328" t="str">
            <v>C411</v>
          </cell>
          <cell r="B3328">
            <v>220421.92572999999</v>
          </cell>
          <cell r="C3328">
            <v>-222.87844000000001</v>
          </cell>
          <cell r="D3328">
            <v>-229540.81625</v>
          </cell>
          <cell r="E3328">
            <v>-9341.7689599999994</v>
          </cell>
          <cell r="F3328">
            <v>-116651.86898</v>
          </cell>
          <cell r="G3328">
            <v>-2623.9165699999999</v>
          </cell>
          <cell r="H3328">
            <v>-492831.52347000001</v>
          </cell>
          <cell r="I3328">
            <v>-612107.30902000004</v>
          </cell>
        </row>
        <row r="3329">
          <cell r="A3329" t="str">
            <v>C41101</v>
          </cell>
        </row>
        <row r="3330">
          <cell r="A3330" t="str">
            <v>C41102</v>
          </cell>
          <cell r="B3330">
            <v>220421.92572999999</v>
          </cell>
          <cell r="C3330">
            <v>-222.87844000000001</v>
          </cell>
          <cell r="D3330">
            <v>-229540.81625</v>
          </cell>
          <cell r="E3330">
            <v>-9341.7689599999994</v>
          </cell>
          <cell r="F3330">
            <v>-116696.93388</v>
          </cell>
          <cell r="G3330">
            <v>-2623.9165800000001</v>
          </cell>
          <cell r="H3330">
            <v>32021.92092</v>
          </cell>
          <cell r="I3330">
            <v>-87298.929539999997</v>
          </cell>
        </row>
        <row r="3331">
          <cell r="A3331" t="str">
            <v>C41103</v>
          </cell>
        </row>
        <row r="3332">
          <cell r="A3332" t="str">
            <v>C41104</v>
          </cell>
          <cell r="G3332">
            <v>0</v>
          </cell>
          <cell r="I3332">
            <v>0</v>
          </cell>
        </row>
        <row r="3333">
          <cell r="A3333" t="str">
            <v>C41108</v>
          </cell>
          <cell r="G3333">
            <v>0</v>
          </cell>
          <cell r="I3333">
            <v>0</v>
          </cell>
        </row>
        <row r="3334">
          <cell r="A3334" t="str">
            <v>C41107</v>
          </cell>
          <cell r="F3334">
            <v>45.064900000000002</v>
          </cell>
          <cell r="G3334">
            <v>1.0000000000000001E-5</v>
          </cell>
          <cell r="H3334">
            <v>-524853.44438999996</v>
          </cell>
          <cell r="I3334">
            <v>-524808.37948</v>
          </cell>
        </row>
        <row r="3335">
          <cell r="A3335" t="str">
            <v>C412</v>
          </cell>
          <cell r="B3335">
            <v>-47.841340000000002</v>
          </cell>
          <cell r="E3335">
            <v>-47.841340000000002</v>
          </cell>
          <cell r="F3335">
            <v>-16295.38283</v>
          </cell>
          <cell r="H3335">
            <v>-3500</v>
          </cell>
          <cell r="I3335">
            <v>-19795.382829999999</v>
          </cell>
        </row>
        <row r="3336">
          <cell r="A3336" t="str">
            <v>C430</v>
          </cell>
          <cell r="G3336">
            <v>0</v>
          </cell>
          <cell r="I3336">
            <v>0</v>
          </cell>
        </row>
        <row r="3337">
          <cell r="A3337" t="str">
            <v>C431</v>
          </cell>
          <cell r="G3337">
            <v>0</v>
          </cell>
          <cell r="I3337">
            <v>0</v>
          </cell>
        </row>
        <row r="3338">
          <cell r="A3338" t="str">
            <v>C43101</v>
          </cell>
          <cell r="G3338">
            <v>0</v>
          </cell>
          <cell r="I3338">
            <v>0</v>
          </cell>
        </row>
        <row r="3339">
          <cell r="A3339" t="str">
            <v>C440</v>
          </cell>
          <cell r="B3339">
            <v>-8639.80609</v>
          </cell>
          <cell r="D3339">
            <v>-3786.5664400000001</v>
          </cell>
          <cell r="E3339">
            <v>-12426.372530000001</v>
          </cell>
          <cell r="F3339">
            <v>-71439.351949999997</v>
          </cell>
          <cell r="G3339">
            <v>-7.2700000000000004E-3</v>
          </cell>
          <cell r="H3339">
            <v>-32170.049800000001</v>
          </cell>
          <cell r="I3339">
            <v>-103609.40902000001</v>
          </cell>
        </row>
        <row r="3340">
          <cell r="A3340" t="str">
            <v>C510</v>
          </cell>
          <cell r="B3340">
            <v>-172.93423000000001</v>
          </cell>
          <cell r="C3340">
            <v>-3.458E-2</v>
          </cell>
          <cell r="D3340">
            <v>197.62575000000001</v>
          </cell>
          <cell r="E3340">
            <v>24.656939999999999</v>
          </cell>
          <cell r="F3340">
            <v>-74.339619999999996</v>
          </cell>
          <cell r="G3340">
            <v>67.636790000000005</v>
          </cell>
          <cell r="H3340">
            <v>6594.4876599999998</v>
          </cell>
          <cell r="I3340">
            <v>6587.7848299999996</v>
          </cell>
        </row>
        <row r="3341">
          <cell r="A3341" t="str">
            <v>C51006</v>
          </cell>
          <cell r="B3341">
            <v>-172.93423000000001</v>
          </cell>
          <cell r="C3341">
            <v>-3.458E-2</v>
          </cell>
          <cell r="D3341">
            <v>197.62575000000001</v>
          </cell>
          <cell r="E3341">
            <v>24.656939999999999</v>
          </cell>
          <cell r="F3341">
            <v>-74.339619999999996</v>
          </cell>
          <cell r="G3341">
            <v>67.636790000000005</v>
          </cell>
          <cell r="H3341">
            <v>6594.4876599999998</v>
          </cell>
          <cell r="I3341">
            <v>6587.7848299999996</v>
          </cell>
        </row>
        <row r="3399">
          <cell r="A3399" t="str">
            <v>BS</v>
          </cell>
          <cell r="B3399">
            <v>0</v>
          </cell>
          <cell r="C3399">
            <v>0</v>
          </cell>
          <cell r="D3399">
            <v>0</v>
          </cell>
          <cell r="E3399">
            <v>0</v>
          </cell>
          <cell r="F3399">
            <v>5.8900000000000003E-3</v>
          </cell>
          <cell r="G3399">
            <v>0</v>
          </cell>
          <cell r="H3399">
            <v>4.0000000000000003E-5</v>
          </cell>
          <cell r="I3399">
            <v>5.9300000000000004E-3</v>
          </cell>
        </row>
        <row r="3400">
          <cell r="A3400" t="str">
            <v>B7</v>
          </cell>
          <cell r="B3400">
            <v>-63650.964500000002</v>
          </cell>
          <cell r="C3400">
            <v>-2486.2430800000147</v>
          </cell>
          <cell r="D3400">
            <v>36731.105650000041</v>
          </cell>
          <cell r="E3400">
            <v>-29406.101929999888</v>
          </cell>
          <cell r="F3400">
            <v>351128.63731999998</v>
          </cell>
          <cell r="G3400">
            <v>-131603.78846000001</v>
          </cell>
          <cell r="H3400">
            <v>1556581.8145600001</v>
          </cell>
          <cell r="I3400">
            <v>1776106.6634200001</v>
          </cell>
        </row>
        <row r="3401">
          <cell r="A3401" t="str">
            <v>B7</v>
          </cell>
          <cell r="B3401">
            <v>-414779.60181999998</v>
          </cell>
          <cell r="C3401">
            <v>129117.54538</v>
          </cell>
          <cell r="D3401">
            <v>-1519850.70891</v>
          </cell>
          <cell r="E3401">
            <v>-1805512.76535</v>
          </cell>
          <cell r="F3401">
            <v>0</v>
          </cell>
          <cell r="G3401">
            <v>0</v>
          </cell>
          <cell r="H3401">
            <v>0</v>
          </cell>
          <cell r="I3401">
            <v>0</v>
          </cell>
        </row>
        <row r="3402">
          <cell r="A3402" t="str">
            <v>B3</v>
          </cell>
          <cell r="B3402">
            <v>-110139.48927000002</v>
          </cell>
          <cell r="C3402">
            <v>112.71339000000444</v>
          </cell>
          <cell r="D3402">
            <v>57607.909999999916</v>
          </cell>
          <cell r="E3402">
            <v>-52418.865879999939</v>
          </cell>
          <cell r="F3402">
            <v>1090569.1222699999</v>
          </cell>
          <cell r="G3402">
            <v>-63772.212079999998</v>
          </cell>
          <cell r="H3402">
            <v>1437105.95655</v>
          </cell>
          <cell r="I3402">
            <v>2463902.86674</v>
          </cell>
        </row>
        <row r="3403">
          <cell r="A3403" t="str">
            <v>B100</v>
          </cell>
          <cell r="B3403">
            <v>13871.53349000006</v>
          </cell>
          <cell r="C3403">
            <v>-45.351950000000215</v>
          </cell>
          <cell r="D3403">
            <v>-454.77784000000247</v>
          </cell>
          <cell r="E3403">
            <v>13371.403699999908</v>
          </cell>
          <cell r="F3403">
            <v>1722735.9624000001</v>
          </cell>
          <cell r="G3403">
            <v>3825.6158099999998</v>
          </cell>
          <cell r="H3403">
            <v>20454.261589999998</v>
          </cell>
          <cell r="I3403">
            <v>1747015.8398</v>
          </cell>
        </row>
        <row r="3404">
          <cell r="A3404" t="str">
            <v>B110</v>
          </cell>
          <cell r="B3404">
            <v>13871.53349000006</v>
          </cell>
          <cell r="C3404">
            <v>-45.351950000000215</v>
          </cell>
          <cell r="D3404">
            <v>-429.13712999999916</v>
          </cell>
          <cell r="E3404">
            <v>13397.04441000009</v>
          </cell>
          <cell r="F3404">
            <v>1722735.9624000001</v>
          </cell>
          <cell r="G3404">
            <v>3825.6158099999998</v>
          </cell>
          <cell r="H3404">
            <v>20224.71588</v>
          </cell>
          <cell r="I3404">
            <v>1746786.29409</v>
          </cell>
        </row>
        <row r="3405">
          <cell r="A3405" t="str">
            <v>B11001</v>
          </cell>
          <cell r="B3405">
            <v>35506.57359000016</v>
          </cell>
          <cell r="C3405">
            <v>0</v>
          </cell>
          <cell r="D3405">
            <v>-347.01609000000099</v>
          </cell>
          <cell r="E3405">
            <v>35159.557500000112</v>
          </cell>
          <cell r="F3405">
            <v>4670480.6117099999</v>
          </cell>
          <cell r="G3405">
            <v>10505.785610000001</v>
          </cell>
          <cell r="H3405">
            <v>21914.80773</v>
          </cell>
          <cell r="I3405">
            <v>4702901.20505</v>
          </cell>
        </row>
        <row r="3406">
          <cell r="A3406" t="str">
            <v>B11003</v>
          </cell>
          <cell r="B3406">
            <v>0</v>
          </cell>
          <cell r="C3406">
            <v>0</v>
          </cell>
          <cell r="D3406">
            <v>0</v>
          </cell>
          <cell r="E3406">
            <v>0</v>
          </cell>
          <cell r="F3406">
            <v>4477169.1135</v>
          </cell>
          <cell r="G3406">
            <v>10526.698609999999</v>
          </cell>
          <cell r="H3406">
            <v>12842.287249999999</v>
          </cell>
          <cell r="I3406">
            <v>4500538.0993600003</v>
          </cell>
        </row>
        <row r="3407">
          <cell r="A3407" t="str">
            <v>B11004</v>
          </cell>
          <cell r="B3407">
            <v>0</v>
          </cell>
          <cell r="C3407">
            <v>0</v>
          </cell>
          <cell r="D3407">
            <v>0</v>
          </cell>
          <cell r="E3407">
            <v>0</v>
          </cell>
          <cell r="F3407">
            <v>-113350.75539999999</v>
          </cell>
          <cell r="G3407">
            <v>-21.036079999999998</v>
          </cell>
          <cell r="I3407">
            <v>-113371.79148</v>
          </cell>
        </row>
        <row r="3408">
          <cell r="A3408" t="str">
            <v>B11005</v>
          </cell>
          <cell r="B3408">
            <v>35039.182250000013</v>
          </cell>
          <cell r="C3408">
            <v>0</v>
          </cell>
          <cell r="D3408">
            <v>-16642.491099999999</v>
          </cell>
          <cell r="E3408">
            <v>18396.691150000028</v>
          </cell>
          <cell r="F3408">
            <v>303573.38474000001</v>
          </cell>
          <cell r="G3408">
            <v>0.12307999999999999</v>
          </cell>
          <cell r="H3408">
            <v>-7222.95453</v>
          </cell>
          <cell r="I3408">
            <v>296350.55329000001</v>
          </cell>
        </row>
        <row r="3409">
          <cell r="A3409" t="str">
            <v>B11006</v>
          </cell>
          <cell r="B3409">
            <v>467.39133999999967</v>
          </cell>
          <cell r="C3409">
            <v>0</v>
          </cell>
          <cell r="D3409">
            <v>0</v>
          </cell>
          <cell r="E3409">
            <v>467.39133999999967</v>
          </cell>
          <cell r="F3409">
            <v>3088.8688699999998</v>
          </cell>
          <cell r="I3409">
            <v>3088.8688699999998</v>
          </cell>
        </row>
        <row r="3410">
          <cell r="A3410" t="str">
            <v>B11021</v>
          </cell>
          <cell r="B3410">
            <v>0</v>
          </cell>
          <cell r="C3410">
            <v>0</v>
          </cell>
          <cell r="D3410">
            <v>16295.47501</v>
          </cell>
          <cell r="E3410">
            <v>16295.47501</v>
          </cell>
          <cell r="G3410">
            <v>0</v>
          </cell>
          <cell r="H3410">
            <v>16295.47501</v>
          </cell>
          <cell r="I3410">
            <v>16295.47501</v>
          </cell>
        </row>
        <row r="3411">
          <cell r="A3411" t="str">
            <v>B11012</v>
          </cell>
          <cell r="B3411">
            <v>0</v>
          </cell>
          <cell r="C3411">
            <v>0</v>
          </cell>
          <cell r="D3411">
            <v>16295.47501</v>
          </cell>
          <cell r="E3411">
            <v>16295.47501</v>
          </cell>
          <cell r="G3411">
            <v>0</v>
          </cell>
          <cell r="H3411">
            <v>16295.47501</v>
          </cell>
          <cell r="I3411">
            <v>16295.47501</v>
          </cell>
        </row>
        <row r="3412">
          <cell r="A3412" t="str">
            <v>B11002</v>
          </cell>
          <cell r="B3412">
            <v>-21635.040099999867</v>
          </cell>
          <cell r="C3412">
            <v>-45.351949999999306</v>
          </cell>
          <cell r="D3412">
            <v>-82.121039999999994</v>
          </cell>
          <cell r="E3412">
            <v>-21762.513090000022</v>
          </cell>
          <cell r="F3412">
            <v>-2947744.6493099998</v>
          </cell>
          <cell r="G3412">
            <v>-6680.1697999999997</v>
          </cell>
          <cell r="H3412">
            <v>-1690.09185</v>
          </cell>
          <cell r="I3412">
            <v>-2956114.91096</v>
          </cell>
        </row>
        <row r="3413">
          <cell r="A3413" t="str">
            <v>B11014</v>
          </cell>
          <cell r="B3413">
            <v>0</v>
          </cell>
          <cell r="C3413">
            <v>0</v>
          </cell>
          <cell r="D3413">
            <v>0</v>
          </cell>
          <cell r="E3413">
            <v>0</v>
          </cell>
          <cell r="F3413">
            <v>-2726093.2281200001</v>
          </cell>
          <cell r="G3413">
            <v>-6284.9959900000003</v>
          </cell>
          <cell r="H3413">
            <v>-1267.0253499999999</v>
          </cell>
          <cell r="I3413">
            <v>-2733645.2494600001</v>
          </cell>
        </row>
        <row r="3414">
          <cell r="A3414" t="str">
            <v>B11017</v>
          </cell>
          <cell r="B3414">
            <v>-21635.040099999984</v>
          </cell>
          <cell r="C3414">
            <v>-45.351949999999988</v>
          </cell>
          <cell r="D3414">
            <v>-82.121039999999994</v>
          </cell>
          <cell r="E3414">
            <v>-21762.513089999993</v>
          </cell>
          <cell r="F3414">
            <v>-221651.42118999999</v>
          </cell>
          <cell r="G3414">
            <v>-416.20988999999997</v>
          </cell>
          <cell r="H3414">
            <v>-423.06650000000002</v>
          </cell>
          <cell r="I3414">
            <v>-222490.69758000001</v>
          </cell>
        </row>
        <row r="3415">
          <cell r="A3415" t="str">
            <v>B11018</v>
          </cell>
          <cell r="B3415">
            <v>0</v>
          </cell>
          <cell r="C3415">
            <v>0</v>
          </cell>
          <cell r="D3415">
            <v>0</v>
          </cell>
          <cell r="E3415">
            <v>0</v>
          </cell>
          <cell r="G3415">
            <v>21.036079999999998</v>
          </cell>
          <cell r="I3415">
            <v>21.036079999999998</v>
          </cell>
        </row>
        <row r="3416">
          <cell r="A3416" t="str">
            <v>B11025</v>
          </cell>
          <cell r="B3416">
            <v>0</v>
          </cell>
          <cell r="C3416">
            <v>0</v>
          </cell>
          <cell r="D3416">
            <v>0</v>
          </cell>
          <cell r="E3416">
            <v>0</v>
          </cell>
          <cell r="G3416">
            <v>0</v>
          </cell>
          <cell r="I3416">
            <v>0</v>
          </cell>
        </row>
        <row r="3417">
          <cell r="A3417" t="str">
            <v>B11022</v>
          </cell>
          <cell r="B3417">
            <v>0</v>
          </cell>
          <cell r="C3417">
            <v>0</v>
          </cell>
          <cell r="D3417">
            <v>0</v>
          </cell>
          <cell r="E3417">
            <v>0</v>
          </cell>
          <cell r="G3417">
            <v>0</v>
          </cell>
          <cell r="I3417">
            <v>0</v>
          </cell>
        </row>
        <row r="3418">
          <cell r="A3418" t="str">
            <v>B120</v>
          </cell>
          <cell r="B3418">
            <v>0</v>
          </cell>
          <cell r="C3418">
            <v>0</v>
          </cell>
          <cell r="D3418">
            <v>-25.640710000000013</v>
          </cell>
          <cell r="E3418">
            <v>-25.640710000000013</v>
          </cell>
          <cell r="H3418">
            <v>182.43406999999999</v>
          </cell>
          <cell r="I3418">
            <v>182.43406999999999</v>
          </cell>
        </row>
        <row r="3419">
          <cell r="A3419" t="str">
            <v>B12004</v>
          </cell>
          <cell r="B3419">
            <v>0</v>
          </cell>
          <cell r="C3419">
            <v>0</v>
          </cell>
          <cell r="D3419">
            <v>0</v>
          </cell>
          <cell r="E3419">
            <v>0</v>
          </cell>
          <cell r="H3419">
            <v>1559.7547400000001</v>
          </cell>
          <cell r="I3419">
            <v>1559.7547400000001</v>
          </cell>
        </row>
        <row r="3420">
          <cell r="A3420" t="str">
            <v>B12006</v>
          </cell>
          <cell r="B3420">
            <v>0</v>
          </cell>
          <cell r="C3420">
            <v>0</v>
          </cell>
          <cell r="D3420">
            <v>0</v>
          </cell>
          <cell r="E3420">
            <v>0</v>
          </cell>
          <cell r="H3420">
            <v>1559.7547400000001</v>
          </cell>
          <cell r="I3420">
            <v>1559.7547400000001</v>
          </cell>
        </row>
        <row r="3421">
          <cell r="A3421" t="str">
            <v>B12051</v>
          </cell>
          <cell r="B3421">
            <v>0</v>
          </cell>
          <cell r="C3421">
            <v>0</v>
          </cell>
          <cell r="D3421">
            <v>0</v>
          </cell>
          <cell r="E3421">
            <v>0</v>
          </cell>
          <cell r="H3421">
            <v>1559.7547300000001</v>
          </cell>
          <cell r="I3421">
            <v>1559.7547300000001</v>
          </cell>
        </row>
        <row r="3422">
          <cell r="A3422" t="str">
            <v>B12017</v>
          </cell>
          <cell r="B3422">
            <v>0</v>
          </cell>
          <cell r="C3422">
            <v>0</v>
          </cell>
          <cell r="D3422">
            <v>0</v>
          </cell>
          <cell r="E3422">
            <v>0</v>
          </cell>
          <cell r="H3422">
            <v>1.0000000000000001E-5</v>
          </cell>
          <cell r="I3422">
            <v>1.0000000000000001E-5</v>
          </cell>
        </row>
        <row r="3423">
          <cell r="A3423" t="str">
            <v>B12005</v>
          </cell>
          <cell r="B3423">
            <v>0</v>
          </cell>
          <cell r="C3423">
            <v>0</v>
          </cell>
          <cell r="D3423">
            <v>-25.640710000000126</v>
          </cell>
          <cell r="E3423">
            <v>-25.640710000000126</v>
          </cell>
          <cell r="H3423">
            <v>-1377.3206700000001</v>
          </cell>
          <cell r="I3423">
            <v>-1377.3206700000001</v>
          </cell>
        </row>
        <row r="3424">
          <cell r="A3424" t="str">
            <v>B12010</v>
          </cell>
          <cell r="B3424">
            <v>0</v>
          </cell>
          <cell r="C3424">
            <v>0</v>
          </cell>
          <cell r="D3424">
            <v>0</v>
          </cell>
          <cell r="E3424">
            <v>0</v>
          </cell>
          <cell r="H3424">
            <v>-1146.55438</v>
          </cell>
          <cell r="I3424">
            <v>-1146.55438</v>
          </cell>
        </row>
        <row r="3425">
          <cell r="A3425" t="str">
            <v>B12031</v>
          </cell>
          <cell r="B3425">
            <v>0</v>
          </cell>
          <cell r="C3425">
            <v>0</v>
          </cell>
          <cell r="D3425">
            <v>0</v>
          </cell>
          <cell r="E3425">
            <v>0</v>
          </cell>
          <cell r="H3425">
            <v>-1146.5543700000001</v>
          </cell>
          <cell r="I3425">
            <v>-1146.5543700000001</v>
          </cell>
        </row>
        <row r="3426">
          <cell r="A3426" t="str">
            <v>B12032</v>
          </cell>
          <cell r="B3426">
            <v>0</v>
          </cell>
          <cell r="C3426">
            <v>0</v>
          </cell>
          <cell r="D3426">
            <v>0</v>
          </cell>
          <cell r="E3426">
            <v>0</v>
          </cell>
          <cell r="H3426">
            <v>-1.0000000000000001E-5</v>
          </cell>
          <cell r="I3426">
            <v>-1.0000000000000001E-5</v>
          </cell>
        </row>
        <row r="3427">
          <cell r="A3427" t="str">
            <v>B12011</v>
          </cell>
          <cell r="B3427">
            <v>0</v>
          </cell>
          <cell r="C3427">
            <v>0</v>
          </cell>
          <cell r="D3427">
            <v>-25.640709999999984</v>
          </cell>
          <cell r="E3427">
            <v>-25.640709999999984</v>
          </cell>
          <cell r="H3427">
            <v>-230.76629</v>
          </cell>
          <cell r="I3427">
            <v>-230.76629</v>
          </cell>
        </row>
        <row r="3428">
          <cell r="A3428" t="str">
            <v>B12046</v>
          </cell>
          <cell r="B3428">
            <v>0</v>
          </cell>
          <cell r="C3428">
            <v>0</v>
          </cell>
          <cell r="D3428">
            <v>-25.640709999999984</v>
          </cell>
          <cell r="E3428">
            <v>-25.640709999999984</v>
          </cell>
          <cell r="H3428">
            <v>-230.76629</v>
          </cell>
          <cell r="I3428">
            <v>-230.76629</v>
          </cell>
        </row>
        <row r="3429">
          <cell r="A3429" t="str">
            <v>B130</v>
          </cell>
          <cell r="B3429">
            <v>0</v>
          </cell>
          <cell r="C3429">
            <v>0</v>
          </cell>
          <cell r="D3429">
            <v>0</v>
          </cell>
          <cell r="E3429">
            <v>0</v>
          </cell>
          <cell r="G3429">
            <v>0</v>
          </cell>
          <cell r="H3429">
            <v>47.111640000000001</v>
          </cell>
          <cell r="I3429">
            <v>47.111640000000001</v>
          </cell>
        </row>
        <row r="3430">
          <cell r="A3430" t="str">
            <v>B132</v>
          </cell>
          <cell r="B3430">
            <v>0</v>
          </cell>
          <cell r="C3430">
            <v>0</v>
          </cell>
          <cell r="D3430">
            <v>0</v>
          </cell>
          <cell r="E3430">
            <v>0</v>
          </cell>
          <cell r="G3430">
            <v>0</v>
          </cell>
          <cell r="H3430">
            <v>47.111640000000001</v>
          </cell>
          <cell r="I3430">
            <v>47.111640000000001</v>
          </cell>
        </row>
        <row r="3431">
          <cell r="A3431" t="str">
            <v>B13201</v>
          </cell>
          <cell r="B3431">
            <v>0</v>
          </cell>
          <cell r="C3431">
            <v>0</v>
          </cell>
          <cell r="D3431">
            <v>0</v>
          </cell>
          <cell r="E3431">
            <v>0</v>
          </cell>
          <cell r="H3431">
            <v>47.111640000000001</v>
          </cell>
          <cell r="I3431">
            <v>47.111640000000001</v>
          </cell>
        </row>
        <row r="3432">
          <cell r="A3432" t="str">
            <v>B13202</v>
          </cell>
          <cell r="B3432">
            <v>0</v>
          </cell>
          <cell r="C3432">
            <v>0</v>
          </cell>
          <cell r="D3432">
            <v>0</v>
          </cell>
          <cell r="E3432">
            <v>0</v>
          </cell>
          <cell r="G3432">
            <v>0</v>
          </cell>
          <cell r="I3432">
            <v>0</v>
          </cell>
        </row>
        <row r="3433">
          <cell r="A3433" t="str">
            <v>B13204</v>
          </cell>
          <cell r="B3433">
            <v>0</v>
          </cell>
          <cell r="C3433">
            <v>0</v>
          </cell>
          <cell r="D3433">
            <v>0</v>
          </cell>
          <cell r="E3433">
            <v>0</v>
          </cell>
        </row>
        <row r="3434">
          <cell r="A3434" t="str">
            <v>B13205</v>
          </cell>
          <cell r="B3434">
            <v>0</v>
          </cell>
          <cell r="C3434">
            <v>0</v>
          </cell>
          <cell r="D3434">
            <v>0</v>
          </cell>
          <cell r="E3434">
            <v>0</v>
          </cell>
          <cell r="G3434">
            <v>0</v>
          </cell>
          <cell r="I3434">
            <v>0</v>
          </cell>
        </row>
        <row r="3435">
          <cell r="A3435" t="str">
            <v>B200</v>
          </cell>
          <cell r="B3435">
            <v>167.77211999999997</v>
          </cell>
          <cell r="C3435">
            <v>11.220599999999649</v>
          </cell>
          <cell r="D3435">
            <v>-5996.4559399999998</v>
          </cell>
          <cell r="E3435">
            <v>-5817.4632200000051</v>
          </cell>
          <cell r="F3435">
            <v>-670.71582000000001</v>
          </cell>
          <cell r="G3435">
            <v>4322.6509599999999</v>
          </cell>
          <cell r="H3435">
            <v>85218.841849999997</v>
          </cell>
          <cell r="I3435">
            <v>88870.776989999998</v>
          </cell>
        </row>
        <row r="3436">
          <cell r="A3436" t="str">
            <v>B270</v>
          </cell>
          <cell r="B3436">
            <v>167.77211999999997</v>
          </cell>
          <cell r="C3436">
            <v>11.220599999999649</v>
          </cell>
          <cell r="D3436">
            <v>-5996.4559399999998</v>
          </cell>
          <cell r="E3436">
            <v>-5817.4632200000051</v>
          </cell>
          <cell r="F3436">
            <v>-670.71582000000001</v>
          </cell>
          <cell r="G3436">
            <v>4322.6509599999999</v>
          </cell>
          <cell r="H3436">
            <v>85218.841849999997</v>
          </cell>
          <cell r="I3436">
            <v>88870.776989999998</v>
          </cell>
        </row>
        <row r="3437">
          <cell r="A3437" t="str">
            <v>B250</v>
          </cell>
          <cell r="B3437">
            <v>-8707.3689000000086</v>
          </cell>
          <cell r="C3437">
            <v>0</v>
          </cell>
          <cell r="D3437">
            <v>1111.5355599999893</v>
          </cell>
          <cell r="E3437">
            <v>-7595.833340000012</v>
          </cell>
          <cell r="F3437">
            <v>-73079.684510000006</v>
          </cell>
          <cell r="G3437">
            <v>-22.75723</v>
          </cell>
          <cell r="H3437">
            <v>419331.01955999999</v>
          </cell>
          <cell r="I3437">
            <v>346228.57782000001</v>
          </cell>
        </row>
        <row r="3438">
          <cell r="A3438" t="str">
            <v>B300</v>
          </cell>
          <cell r="B3438">
            <v>-115471.42598000006</v>
          </cell>
          <cell r="C3438">
            <v>146.84474000000046</v>
          </cell>
          <cell r="D3438">
            <v>62947.608219999936</v>
          </cell>
          <cell r="E3438">
            <v>-52376.973019999976</v>
          </cell>
          <cell r="F3438">
            <v>-558416.43980000005</v>
          </cell>
          <cell r="G3438">
            <v>-71897.721619999997</v>
          </cell>
          <cell r="H3438">
            <v>912101.83354999998</v>
          </cell>
          <cell r="I3438">
            <v>281787.67213000002</v>
          </cell>
        </row>
        <row r="3439">
          <cell r="A3439" t="str">
            <v>B310</v>
          </cell>
          <cell r="B3439">
            <v>10572.740879999998</v>
          </cell>
          <cell r="C3439">
            <v>0</v>
          </cell>
          <cell r="D3439">
            <v>1851.41741</v>
          </cell>
          <cell r="E3439">
            <v>12424.158289999999</v>
          </cell>
          <cell r="F3439">
            <v>51881.824789999999</v>
          </cell>
          <cell r="G3439">
            <v>0</v>
          </cell>
          <cell r="H3439">
            <v>8286.9419699999999</v>
          </cell>
          <cell r="I3439">
            <v>60168.766759999999</v>
          </cell>
        </row>
        <row r="3440">
          <cell r="A3440" t="str">
            <v>B320</v>
          </cell>
          <cell r="B3440">
            <v>5164.2270299999509</v>
          </cell>
          <cell r="C3440">
            <v>175.34175000000687</v>
          </cell>
          <cell r="D3440">
            <v>6738.7461999999359</v>
          </cell>
          <cell r="E3440">
            <v>12078.314980000003</v>
          </cell>
          <cell r="F3440">
            <v>-1784311.45</v>
          </cell>
          <cell r="G3440">
            <v>-72012.953689999995</v>
          </cell>
          <cell r="H3440">
            <v>1927527.5743</v>
          </cell>
          <cell r="I3440">
            <v>71203.170610000001</v>
          </cell>
        </row>
        <row r="3441">
          <cell r="A3441" t="str">
            <v>B321</v>
          </cell>
          <cell r="B3441">
            <v>2614.1257399999995</v>
          </cell>
          <cell r="C3441">
            <v>0</v>
          </cell>
          <cell r="D3441">
            <v>0</v>
          </cell>
          <cell r="E3441">
            <v>2614.1257399999995</v>
          </cell>
          <cell r="F3441">
            <v>23060.235669999998</v>
          </cell>
          <cell r="I3441">
            <v>23060.235669999998</v>
          </cell>
        </row>
        <row r="3442">
          <cell r="A3442" t="str">
            <v>B322</v>
          </cell>
          <cell r="B3442">
            <v>0</v>
          </cell>
          <cell r="C3442">
            <v>0</v>
          </cell>
          <cell r="D3442">
            <v>0</v>
          </cell>
          <cell r="E3442">
            <v>0</v>
          </cell>
          <cell r="F3442">
            <v>-209.54013</v>
          </cell>
          <cell r="G3442">
            <v>209.54013</v>
          </cell>
          <cell r="I3442">
            <v>0</v>
          </cell>
        </row>
        <row r="3443">
          <cell r="A3443" t="str">
            <v>B330</v>
          </cell>
          <cell r="B3443">
            <v>-133822.51963</v>
          </cell>
          <cell r="C3443">
            <v>-28.497010000000003</v>
          </cell>
          <cell r="D3443">
            <v>54357.444610000006</v>
          </cell>
          <cell r="E3443">
            <v>-79493.57203000001</v>
          </cell>
          <cell r="F3443">
            <v>1151162.4898699999</v>
          </cell>
          <cell r="G3443">
            <v>-94.308059999999998</v>
          </cell>
          <cell r="H3443">
            <v>-1023712.68272</v>
          </cell>
          <cell r="I3443">
            <v>127355.49909</v>
          </cell>
        </row>
        <row r="3444">
          <cell r="A3444" t="str">
            <v>B332</v>
          </cell>
          <cell r="B3444">
            <v>-133822.51963</v>
          </cell>
          <cell r="C3444">
            <v>-28.497010000000003</v>
          </cell>
          <cell r="D3444">
            <v>54357.444610000006</v>
          </cell>
          <cell r="E3444">
            <v>-79493.57203000001</v>
          </cell>
          <cell r="F3444">
            <v>1151162.4898699999</v>
          </cell>
          <cell r="G3444">
            <v>-94.308059999999998</v>
          </cell>
          <cell r="H3444">
            <v>-1023712.68272</v>
          </cell>
          <cell r="I3444">
            <v>127355.49909</v>
          </cell>
        </row>
        <row r="3445">
          <cell r="A3445" t="str">
            <v>B400</v>
          </cell>
          <cell r="B3445">
            <v>48505.499580000003</v>
          </cell>
          <cell r="C3445">
            <v>-2598.9564699999974</v>
          </cell>
          <cell r="D3445">
            <v>-15107.319279999996</v>
          </cell>
          <cell r="E3445">
            <v>30799.223830000032</v>
          </cell>
          <cell r="F3445">
            <v>-335348.64587000001</v>
          </cell>
          <cell r="G3445">
            <v>-67831.576379999999</v>
          </cell>
          <cell r="H3445">
            <v>109173.94455</v>
          </cell>
          <cell r="I3445">
            <v>-294006.27769999998</v>
          </cell>
        </row>
        <row r="3446">
          <cell r="A3446" t="str">
            <v>B410</v>
          </cell>
          <cell r="B3446">
            <v>34695.858809999991</v>
          </cell>
          <cell r="C3446">
            <v>-2207.4249399999972</v>
          </cell>
          <cell r="D3446">
            <v>-14161.730129999996</v>
          </cell>
          <cell r="E3446">
            <v>18326.703739999968</v>
          </cell>
          <cell r="F3446">
            <v>-73491.689670000007</v>
          </cell>
          <cell r="G3446">
            <v>-79657.466109999994</v>
          </cell>
          <cell r="H3446">
            <v>-118527.88859</v>
          </cell>
          <cell r="I3446">
            <v>-271677.04437000002</v>
          </cell>
        </row>
        <row r="3447">
          <cell r="A3447" t="str">
            <v>B411</v>
          </cell>
          <cell r="B3447">
            <v>34533.242970000007</v>
          </cell>
          <cell r="C3447">
            <v>-2207.4249399999972</v>
          </cell>
          <cell r="D3447">
            <v>-14162.569600000003</v>
          </cell>
          <cell r="E3447">
            <v>18163.248429999978</v>
          </cell>
          <cell r="F3447">
            <v>-70082.913669999994</v>
          </cell>
          <cell r="G3447">
            <v>-79657.466109999994</v>
          </cell>
          <cell r="H3447">
            <v>-118528.72803</v>
          </cell>
          <cell r="I3447">
            <v>-268269.10781000002</v>
          </cell>
        </row>
        <row r="3448">
          <cell r="A3448" t="str">
            <v>B413</v>
          </cell>
          <cell r="B3448">
            <v>162.61583999999993</v>
          </cell>
          <cell r="C3448">
            <v>0</v>
          </cell>
          <cell r="D3448">
            <v>0.83946999999999994</v>
          </cell>
          <cell r="E3448">
            <v>163.45530999999983</v>
          </cell>
          <cell r="F3448">
            <v>-3408.7759999999998</v>
          </cell>
          <cell r="H3448">
            <v>0.83943999999999996</v>
          </cell>
          <cell r="I3448">
            <v>-3407.9365600000001</v>
          </cell>
        </row>
        <row r="3449">
          <cell r="A3449" t="str">
            <v>B420</v>
          </cell>
          <cell r="B3449">
            <v>13809.640770000027</v>
          </cell>
          <cell r="C3449">
            <v>-391.53152999999838</v>
          </cell>
          <cell r="D3449">
            <v>-945.58914999998524</v>
          </cell>
          <cell r="E3449">
            <v>12472.520090000002</v>
          </cell>
          <cell r="F3449">
            <v>-261856.95619999999</v>
          </cell>
          <cell r="G3449">
            <v>11825.889730000001</v>
          </cell>
          <cell r="H3449">
            <v>227701.83314</v>
          </cell>
          <cell r="I3449">
            <v>-22329.233329999999</v>
          </cell>
        </row>
        <row r="3450">
          <cell r="A3450" t="str">
            <v>B421</v>
          </cell>
          <cell r="B3450">
            <v>13490.814069999964</v>
          </cell>
          <cell r="C3450">
            <v>0</v>
          </cell>
          <cell r="D3450">
            <v>0</v>
          </cell>
          <cell r="E3450">
            <v>13490.814070000004</v>
          </cell>
          <cell r="F3450">
            <v>-273595.28142000001</v>
          </cell>
          <cell r="G3450">
            <v>-989.44628999999998</v>
          </cell>
          <cell r="H3450">
            <v>252255.49437999999</v>
          </cell>
          <cell r="I3450">
            <v>-22329.233329999999</v>
          </cell>
        </row>
        <row r="3451">
          <cell r="A3451" t="str">
            <v>B42101</v>
          </cell>
          <cell r="B3451">
            <v>0</v>
          </cell>
          <cell r="C3451">
            <v>0</v>
          </cell>
          <cell r="D3451">
            <v>0</v>
          </cell>
          <cell r="E3451">
            <v>0</v>
          </cell>
          <cell r="H3451">
            <v>86739.457190000001</v>
          </cell>
          <cell r="I3451">
            <v>86739.457190000001</v>
          </cell>
        </row>
        <row r="3452">
          <cell r="A3452" t="str">
            <v>B42102</v>
          </cell>
          <cell r="B3452">
            <v>13490.814070000008</v>
          </cell>
          <cell r="C3452">
            <v>0</v>
          </cell>
          <cell r="D3452">
            <v>0</v>
          </cell>
          <cell r="E3452">
            <v>13490.814069999993</v>
          </cell>
          <cell r="F3452">
            <v>-75631.74037</v>
          </cell>
          <cell r="H3452">
            <v>63.555909999999997</v>
          </cell>
          <cell r="I3452">
            <v>-75568.184460000004</v>
          </cell>
        </row>
        <row r="3453">
          <cell r="A3453" t="str">
            <v>B42103</v>
          </cell>
          <cell r="B3453">
            <v>0</v>
          </cell>
          <cell r="C3453">
            <v>0</v>
          </cell>
          <cell r="D3453">
            <v>0</v>
          </cell>
          <cell r="E3453">
            <v>0</v>
          </cell>
          <cell r="F3453">
            <v>-198971.75786000001</v>
          </cell>
          <cell r="G3453">
            <v>-989.44628999999998</v>
          </cell>
          <cell r="H3453">
            <v>165452.48128000001</v>
          </cell>
          <cell r="I3453">
            <v>-34508.722869999998</v>
          </cell>
        </row>
        <row r="3454">
          <cell r="A3454" t="str">
            <v>B42104</v>
          </cell>
          <cell r="B3454">
            <v>0</v>
          </cell>
          <cell r="C3454">
            <v>0</v>
          </cell>
          <cell r="D3454">
            <v>0</v>
          </cell>
          <cell r="E3454">
            <v>0</v>
          </cell>
          <cell r="F3454">
            <v>1008.21681</v>
          </cell>
          <cell r="I3454">
            <v>1008.21681</v>
          </cell>
        </row>
        <row r="3455">
          <cell r="A3455" t="str">
            <v>B422</v>
          </cell>
          <cell r="B3455">
            <v>318.82670000000144</v>
          </cell>
          <cell r="C3455">
            <v>-391.5315300000002</v>
          </cell>
          <cell r="D3455">
            <v>-945.58914999999979</v>
          </cell>
          <cell r="E3455">
            <v>-1018.29398</v>
          </cell>
          <cell r="F3455">
            <v>11738.325220000001</v>
          </cell>
          <cell r="G3455">
            <v>12815.336020000001</v>
          </cell>
          <cell r="H3455">
            <v>-24553.661240000001</v>
          </cell>
          <cell r="I3455">
            <v>0</v>
          </cell>
        </row>
        <row r="3456">
          <cell r="A3456" t="str">
            <v>B500</v>
          </cell>
          <cell r="B3456">
            <v>0</v>
          </cell>
          <cell r="C3456">
            <v>0</v>
          </cell>
          <cell r="D3456">
            <v>0</v>
          </cell>
          <cell r="E3456">
            <v>0</v>
          </cell>
          <cell r="H3456">
            <v>0</v>
          </cell>
          <cell r="I3456">
            <v>0</v>
          </cell>
        </row>
        <row r="3457">
          <cell r="A3457" t="str">
            <v>B600</v>
          </cell>
          <cell r="B3457">
            <v>-2016.9748099999852</v>
          </cell>
          <cell r="C3457">
            <v>0</v>
          </cell>
          <cell r="D3457">
            <v>-5769.4850700000006</v>
          </cell>
          <cell r="E3457">
            <v>-7786.4598799999803</v>
          </cell>
          <cell r="F3457">
            <v>-404091.83908000001</v>
          </cell>
          <cell r="G3457">
            <v>0</v>
          </cell>
          <cell r="H3457">
            <v>10301.91346</v>
          </cell>
          <cell r="I3457">
            <v>-393789.92561999999</v>
          </cell>
        </row>
        <row r="3458">
          <cell r="A3458" t="str">
            <v>B630</v>
          </cell>
          <cell r="B3458">
            <v>0</v>
          </cell>
          <cell r="C3458">
            <v>0</v>
          </cell>
          <cell r="D3458">
            <v>0</v>
          </cell>
          <cell r="E3458">
            <v>0</v>
          </cell>
        </row>
        <row r="3459">
          <cell r="A3459" t="str">
            <v>B640</v>
          </cell>
          <cell r="B3459">
            <v>-1743.0019399999874</v>
          </cell>
          <cell r="C3459">
            <v>0</v>
          </cell>
          <cell r="D3459">
            <v>0</v>
          </cell>
          <cell r="E3459">
            <v>-1743.0019399999874</v>
          </cell>
          <cell r="F3459">
            <v>-369516.41016999999</v>
          </cell>
          <cell r="I3459">
            <v>-369516.41016999999</v>
          </cell>
        </row>
        <row r="3460">
          <cell r="A3460" t="str">
            <v>B64001</v>
          </cell>
          <cell r="B3460">
            <v>0</v>
          </cell>
          <cell r="C3460">
            <v>0</v>
          </cell>
          <cell r="D3460">
            <v>0</v>
          </cell>
          <cell r="E3460">
            <v>0</v>
          </cell>
          <cell r="F3460">
            <v>-353829.39272</v>
          </cell>
          <cell r="I3460">
            <v>-353829.39272</v>
          </cell>
        </row>
        <row r="3461">
          <cell r="A3461" t="str">
            <v>B64003</v>
          </cell>
          <cell r="B3461">
            <v>-1743.0019399999983</v>
          </cell>
          <cell r="C3461">
            <v>0</v>
          </cell>
          <cell r="D3461">
            <v>0</v>
          </cell>
          <cell r="E3461">
            <v>-1743.0019399999983</v>
          </cell>
          <cell r="F3461">
            <v>-15687.017459999999</v>
          </cell>
          <cell r="I3461">
            <v>-15687.017459999999</v>
          </cell>
        </row>
        <row r="3462">
          <cell r="A3462" t="str">
            <v>B64007</v>
          </cell>
          <cell r="B3462">
            <v>0</v>
          </cell>
          <cell r="C3462">
            <v>0</v>
          </cell>
          <cell r="D3462">
            <v>0</v>
          </cell>
          <cell r="E3462">
            <v>0</v>
          </cell>
          <cell r="F3462">
            <v>1.0000000000000001E-5</v>
          </cell>
          <cell r="I3462">
            <v>1.0000000000000001E-5</v>
          </cell>
        </row>
        <row r="3463">
          <cell r="A3463" t="str">
            <v>B650</v>
          </cell>
          <cell r="B3463">
            <v>-273.97287000000506</v>
          </cell>
          <cell r="C3463">
            <v>0</v>
          </cell>
          <cell r="D3463">
            <v>-5769.4850700000006</v>
          </cell>
          <cell r="E3463">
            <v>-6043.4579400000002</v>
          </cell>
          <cell r="F3463">
            <v>-34575.428910000002</v>
          </cell>
          <cell r="G3463">
            <v>0</v>
          </cell>
          <cell r="H3463">
            <v>10301.91346</v>
          </cell>
          <cell r="I3463">
            <v>-24273.515449999999</v>
          </cell>
        </row>
        <row r="3464">
          <cell r="A3464" t="str">
            <v>B65001</v>
          </cell>
          <cell r="B3464">
            <v>-221.37076000000161</v>
          </cell>
          <cell r="C3464">
            <v>0</v>
          </cell>
          <cell r="D3464">
            <v>0</v>
          </cell>
          <cell r="E3464">
            <v>-221.37076000000161</v>
          </cell>
          <cell r="F3464">
            <v>-18341.303260000001</v>
          </cell>
          <cell r="I3464">
            <v>-18341.303260000001</v>
          </cell>
        </row>
        <row r="3465">
          <cell r="A3465" t="str">
            <v>B65002</v>
          </cell>
          <cell r="B3465">
            <v>0</v>
          </cell>
          <cell r="C3465">
            <v>0</v>
          </cell>
          <cell r="D3465">
            <v>0</v>
          </cell>
          <cell r="E3465">
            <v>0</v>
          </cell>
          <cell r="F3465">
            <v>-16716.97033</v>
          </cell>
          <cell r="I3465">
            <v>-16716.97033</v>
          </cell>
        </row>
        <row r="3466">
          <cell r="A3466" t="str">
            <v>B65004</v>
          </cell>
          <cell r="B3466">
            <v>-196.44252000000006</v>
          </cell>
          <cell r="C3466">
            <v>0</v>
          </cell>
          <cell r="D3466">
            <v>0</v>
          </cell>
          <cell r="E3466">
            <v>-196.44252000000006</v>
          </cell>
          <cell r="F3466">
            <v>-2460.7572700000001</v>
          </cell>
          <cell r="I3466">
            <v>-2460.7572700000001</v>
          </cell>
        </row>
        <row r="3467">
          <cell r="A3467" t="str">
            <v>B65007</v>
          </cell>
          <cell r="B3467">
            <v>-24.92823999999996</v>
          </cell>
          <cell r="C3467">
            <v>0</v>
          </cell>
          <cell r="D3467">
            <v>0</v>
          </cell>
          <cell r="E3467">
            <v>-24.92823999999996</v>
          </cell>
          <cell r="F3467">
            <v>836.42434000000003</v>
          </cell>
          <cell r="I3467">
            <v>836.42434000000003</v>
          </cell>
        </row>
        <row r="3468">
          <cell r="A3468" t="str">
            <v>B65031P</v>
          </cell>
          <cell r="B3468">
            <v>-52.602109999999811</v>
          </cell>
          <cell r="C3468">
            <v>0</v>
          </cell>
          <cell r="D3468">
            <v>-5769.4850700000006</v>
          </cell>
          <cell r="E3468">
            <v>-5822.0871800000004</v>
          </cell>
          <cell r="F3468">
            <v>-16234.12565</v>
          </cell>
          <cell r="G3468">
            <v>0</v>
          </cell>
          <cell r="H3468">
            <v>10301.91346</v>
          </cell>
          <cell r="I3468">
            <v>-5932.2121900000002</v>
          </cell>
        </row>
        <row r="3469">
          <cell r="A3469" t="str">
            <v>B65035</v>
          </cell>
          <cell r="B3469">
            <v>0</v>
          </cell>
          <cell r="C3469">
            <v>0</v>
          </cell>
          <cell r="D3469">
            <v>0</v>
          </cell>
          <cell r="E3469">
            <v>0</v>
          </cell>
          <cell r="F3469">
            <v>27416.678879999999</v>
          </cell>
          <cell r="H3469">
            <v>17316.062480000001</v>
          </cell>
          <cell r="I3469">
            <v>44732.74136</v>
          </cell>
        </row>
        <row r="3470">
          <cell r="A3470" t="str">
            <v>B65034</v>
          </cell>
          <cell r="B3470">
            <v>-52.602110000000039</v>
          </cell>
          <cell r="C3470">
            <v>0</v>
          </cell>
          <cell r="D3470">
            <v>-5769.4850699999997</v>
          </cell>
          <cell r="E3470">
            <v>-5822.0871800000004</v>
          </cell>
          <cell r="F3470">
            <v>1340.4006199999999</v>
          </cell>
          <cell r="G3470">
            <v>0</v>
          </cell>
          <cell r="H3470">
            <v>-7014.1490199999998</v>
          </cell>
          <cell r="I3470">
            <v>-5673.7484000000004</v>
          </cell>
        </row>
        <row r="3471">
          <cell r="A3471" t="str">
            <v>B65031</v>
          </cell>
          <cell r="B3471">
            <v>0</v>
          </cell>
          <cell r="C3471">
            <v>0</v>
          </cell>
          <cell r="D3471">
            <v>0</v>
          </cell>
          <cell r="E3471">
            <v>0</v>
          </cell>
          <cell r="F3471">
            <v>-44991.205150000002</v>
          </cell>
          <cell r="I3471">
            <v>-44991.205150000002</v>
          </cell>
        </row>
        <row r="3472">
          <cell r="A3472" t="str">
            <v>B800</v>
          </cell>
          <cell r="B3472">
            <v>-18028.225190000143</v>
          </cell>
          <cell r="C3472">
            <v>663.7923600000795</v>
          </cell>
          <cell r="D3472">
            <v>35286.437069999985</v>
          </cell>
          <cell r="E3472">
            <v>17922.00423999998</v>
          </cell>
          <cell r="F3472">
            <v>2801621.963</v>
          </cell>
          <cell r="G3472">
            <v>-667175.22072999994</v>
          </cell>
          <cell r="H3472">
            <v>-2437169.7818999998</v>
          </cell>
          <cell r="I3472">
            <v>-302723.03963000001</v>
          </cell>
        </row>
        <row r="3473">
          <cell r="A3473" t="str">
            <v>B810</v>
          </cell>
          <cell r="B3473">
            <v>0</v>
          </cell>
          <cell r="C3473">
            <v>0</v>
          </cell>
          <cell r="D3473">
            <v>0</v>
          </cell>
          <cell r="E3473">
            <v>0</v>
          </cell>
          <cell r="F3473">
            <v>-756.90105000000005</v>
          </cell>
          <cell r="G3473">
            <v>95000</v>
          </cell>
          <cell r="H3473">
            <v>-1475695.7324000001</v>
          </cell>
          <cell r="I3473">
            <v>-1381452.6334500001</v>
          </cell>
        </row>
        <row r="3474">
          <cell r="A3474" t="str">
            <v>B81001</v>
          </cell>
          <cell r="B3474">
            <v>0</v>
          </cell>
          <cell r="C3474">
            <v>0</v>
          </cell>
          <cell r="D3474">
            <v>0</v>
          </cell>
          <cell r="E3474">
            <v>0</v>
          </cell>
          <cell r="F3474">
            <v>-756.90105000000005</v>
          </cell>
          <cell r="G3474">
            <v>95000</v>
          </cell>
          <cell r="H3474">
            <v>-1475695.7324000001</v>
          </cell>
          <cell r="I3474">
            <v>-1381452.6334500001</v>
          </cell>
        </row>
        <row r="3475">
          <cell r="A3475" t="str">
            <v>B81004</v>
          </cell>
          <cell r="B3475">
            <v>0</v>
          </cell>
          <cell r="C3475">
            <v>0</v>
          </cell>
          <cell r="D3475">
            <v>0</v>
          </cell>
          <cell r="E3475">
            <v>0</v>
          </cell>
          <cell r="F3475">
            <v>-756.90105000000005</v>
          </cell>
          <cell r="G3475">
            <v>95000</v>
          </cell>
          <cell r="H3475">
            <v>-1475695.7324000001</v>
          </cell>
          <cell r="I3475">
            <v>-1381452.6334500001</v>
          </cell>
        </row>
        <row r="3476">
          <cell r="A3476" t="str">
            <v>B81009</v>
          </cell>
          <cell r="B3476">
            <v>0</v>
          </cell>
          <cell r="C3476">
            <v>0</v>
          </cell>
          <cell r="D3476">
            <v>0</v>
          </cell>
          <cell r="E3476">
            <v>0</v>
          </cell>
        </row>
        <row r="3477">
          <cell r="A3477" t="str">
            <v>B81025</v>
          </cell>
          <cell r="B3477">
            <v>0</v>
          </cell>
          <cell r="C3477">
            <v>0</v>
          </cell>
          <cell r="D3477">
            <v>0</v>
          </cell>
          <cell r="E3477">
            <v>0</v>
          </cell>
        </row>
        <row r="3478">
          <cell r="A3478" t="str">
            <v>B81026</v>
          </cell>
          <cell r="B3478">
            <v>0</v>
          </cell>
          <cell r="C3478">
            <v>0</v>
          </cell>
          <cell r="D3478">
            <v>0</v>
          </cell>
          <cell r="E3478">
            <v>0</v>
          </cell>
        </row>
        <row r="3479">
          <cell r="A3479" t="str">
            <v>B81010</v>
          </cell>
          <cell r="B3479">
            <v>0</v>
          </cell>
          <cell r="C3479">
            <v>0</v>
          </cell>
          <cell r="D3479">
            <v>0</v>
          </cell>
          <cell r="E3479">
            <v>0</v>
          </cell>
          <cell r="F3479">
            <v>-756.90105000000005</v>
          </cell>
          <cell r="G3479">
            <v>95000</v>
          </cell>
          <cell r="H3479">
            <v>-1475695.7324000001</v>
          </cell>
          <cell r="I3479">
            <v>-1381452.6334500001</v>
          </cell>
        </row>
        <row r="3480">
          <cell r="A3480" t="str">
            <v>B81027</v>
          </cell>
          <cell r="B3480">
            <v>0</v>
          </cell>
          <cell r="C3480">
            <v>0</v>
          </cell>
          <cell r="D3480">
            <v>0</v>
          </cell>
          <cell r="E3480">
            <v>0</v>
          </cell>
          <cell r="F3480">
            <v>-756.90105000000005</v>
          </cell>
          <cell r="G3480">
            <v>95000</v>
          </cell>
          <cell r="H3480">
            <v>-1475695.7324000001</v>
          </cell>
          <cell r="I3480">
            <v>-1381452.6334500001</v>
          </cell>
        </row>
        <row r="3481">
          <cell r="A3481" t="str">
            <v>B81028</v>
          </cell>
          <cell r="B3481">
            <v>0</v>
          </cell>
          <cell r="C3481">
            <v>0</v>
          </cell>
          <cell r="D3481">
            <v>0</v>
          </cell>
          <cell r="E3481">
            <v>0</v>
          </cell>
        </row>
        <row r="3482">
          <cell r="A3482" t="str">
            <v>B81029</v>
          </cell>
          <cell r="B3482">
            <v>0</v>
          </cell>
          <cell r="C3482">
            <v>0</v>
          </cell>
          <cell r="D3482">
            <v>0</v>
          </cell>
          <cell r="E3482">
            <v>0</v>
          </cell>
          <cell r="G3482">
            <v>0</v>
          </cell>
          <cell r="I3482">
            <v>0</v>
          </cell>
        </row>
        <row r="3483">
          <cell r="A3483" t="str">
            <v>B820</v>
          </cell>
          <cell r="B3483">
            <v>-18028.225190000143</v>
          </cell>
          <cell r="C3483">
            <v>663.7923600000795</v>
          </cell>
          <cell r="D3483">
            <v>35286.437069999985</v>
          </cell>
          <cell r="E3483">
            <v>17922.004240000155</v>
          </cell>
          <cell r="F3483">
            <v>2802378.86405</v>
          </cell>
          <cell r="G3483">
            <v>-762175.22072999994</v>
          </cell>
          <cell r="H3483">
            <v>-961474.04949999996</v>
          </cell>
          <cell r="I3483">
            <v>1078729.5938200001</v>
          </cell>
        </row>
        <row r="3484">
          <cell r="A3484" t="str">
            <v>B821</v>
          </cell>
          <cell r="B3484">
            <v>-18028.225190000143</v>
          </cell>
          <cell r="C3484">
            <v>663.7923600000795</v>
          </cell>
          <cell r="D3484">
            <v>35286.437069999985</v>
          </cell>
          <cell r="E3484">
            <v>17922.004240000155</v>
          </cell>
          <cell r="F3484">
            <v>2802378.86405</v>
          </cell>
          <cell r="G3484">
            <v>-762175.22072999994</v>
          </cell>
          <cell r="H3484">
            <v>-961474.04949999996</v>
          </cell>
          <cell r="I3484">
            <v>1078729.5938200001</v>
          </cell>
        </row>
        <row r="3485">
          <cell r="A3485" t="str">
            <v>B82101</v>
          </cell>
          <cell r="B3485">
            <v>0</v>
          </cell>
          <cell r="C3485">
            <v>0</v>
          </cell>
          <cell r="D3485">
            <v>0</v>
          </cell>
          <cell r="E3485">
            <v>0</v>
          </cell>
          <cell r="F3485">
            <v>3287832.5976499999</v>
          </cell>
          <cell r="G3485">
            <v>-770796.81995999999</v>
          </cell>
          <cell r="H3485">
            <v>-1786059.22753</v>
          </cell>
          <cell r="I3485">
            <v>730976.55015999998</v>
          </cell>
        </row>
        <row r="3486">
          <cell r="A3486" t="str">
            <v>B82102</v>
          </cell>
          <cell r="B3486">
            <v>-10013.146949999966</v>
          </cell>
          <cell r="C3486">
            <v>663.79235999999946</v>
          </cell>
          <cell r="D3486">
            <v>17718.913620000007</v>
          </cell>
          <cell r="E3486">
            <v>8369.5590299999749</v>
          </cell>
          <cell r="F3486">
            <v>-477393.59045999998</v>
          </cell>
          <cell r="G3486">
            <v>8621.5992399999996</v>
          </cell>
          <cell r="H3486">
            <v>282164.21019000001</v>
          </cell>
          <cell r="I3486">
            <v>-186607.78103000001</v>
          </cell>
        </row>
        <row r="3487">
          <cell r="A3487" t="str">
            <v>B82105</v>
          </cell>
          <cell r="B3487">
            <v>-8015.0782399999998</v>
          </cell>
          <cell r="C3487">
            <v>0</v>
          </cell>
          <cell r="D3487">
            <v>8015.0782399999998</v>
          </cell>
          <cell r="E3487">
            <v>0</v>
          </cell>
          <cell r="F3487">
            <v>-8015.0782399999998</v>
          </cell>
          <cell r="H3487">
            <v>8015.0782399999998</v>
          </cell>
          <cell r="I3487">
            <v>0</v>
          </cell>
        </row>
        <row r="3488">
          <cell r="A3488" t="str">
            <v>B82113</v>
          </cell>
          <cell r="B3488">
            <v>-8015.0782399999998</v>
          </cell>
          <cell r="C3488">
            <v>0</v>
          </cell>
          <cell r="D3488">
            <v>8015.0782399999998</v>
          </cell>
          <cell r="E3488">
            <v>0</v>
          </cell>
          <cell r="F3488">
            <v>-8015.0782399999998</v>
          </cell>
          <cell r="H3488">
            <v>8015.0782399999998</v>
          </cell>
          <cell r="I3488">
            <v>0</v>
          </cell>
        </row>
        <row r="3489">
          <cell r="A3489" t="str">
            <v>B82115</v>
          </cell>
          <cell r="B3489">
            <v>0</v>
          </cell>
          <cell r="C3489">
            <v>0</v>
          </cell>
          <cell r="D3489">
            <v>9552.4452100000344</v>
          </cell>
          <cell r="E3489">
            <v>9552.4452100000344</v>
          </cell>
          <cell r="F3489">
            <v>-45.064900000000002</v>
          </cell>
          <cell r="G3489">
            <v>-1.0000000000000001E-5</v>
          </cell>
          <cell r="H3489">
            <v>534405.88959999999</v>
          </cell>
          <cell r="I3489">
            <v>534360.82469000004</v>
          </cell>
        </row>
        <row r="3490">
          <cell r="A3490" t="str">
            <v>B900</v>
          </cell>
          <cell r="B3490">
            <v>81679.189689999912</v>
          </cell>
          <cell r="C3490">
            <v>1822.4507199999643</v>
          </cell>
          <cell r="D3490">
            <v>-72017.54271999991</v>
          </cell>
          <cell r="E3490">
            <v>11484.097689999966</v>
          </cell>
          <cell r="F3490">
            <v>-3152750.5944300001</v>
          </cell>
          <cell r="G3490">
            <v>798779.00919000001</v>
          </cell>
          <cell r="H3490">
            <v>880587.96738000005</v>
          </cell>
          <cell r="I3490">
            <v>-1473383.6178600001</v>
          </cell>
        </row>
        <row r="3491">
          <cell r="A3491" t="str">
            <v>B910</v>
          </cell>
          <cell r="B3491">
            <v>74530.914989999961</v>
          </cell>
          <cell r="C3491">
            <v>1822.4507199999643</v>
          </cell>
          <cell r="D3491">
            <v>-50473.002619999927</v>
          </cell>
          <cell r="E3491">
            <v>25880.363089999883</v>
          </cell>
          <cell r="F3491">
            <v>-3417303.29318</v>
          </cell>
          <cell r="G3491">
            <v>798698.85800999997</v>
          </cell>
          <cell r="H3491">
            <v>1229122.4226800001</v>
          </cell>
          <cell r="I3491">
            <v>-1389482.0124900001</v>
          </cell>
        </row>
        <row r="3492">
          <cell r="A3492" t="str">
            <v>B912</v>
          </cell>
          <cell r="B3492">
            <v>74530.914989999961</v>
          </cell>
          <cell r="C3492">
            <v>1822.4507199999643</v>
          </cell>
          <cell r="D3492">
            <v>-72017.542720000027</v>
          </cell>
          <cell r="E3492">
            <v>4335.8229900000151</v>
          </cell>
          <cell r="F3492">
            <v>-3046939.5607500002</v>
          </cell>
          <cell r="G3492">
            <v>798698.85800999997</v>
          </cell>
          <cell r="H3492">
            <v>1272697.4323799999</v>
          </cell>
          <cell r="I3492">
            <v>-975543.27035999997</v>
          </cell>
        </row>
        <row r="3493">
          <cell r="A3493" t="str">
            <v>B91201</v>
          </cell>
          <cell r="B3493">
            <v>74522.609740000218</v>
          </cell>
          <cell r="C3493">
            <v>1802.7803700000513</v>
          </cell>
          <cell r="D3493">
            <v>-62854.422470000107</v>
          </cell>
          <cell r="E3493">
            <v>13470.967640000046</v>
          </cell>
          <cell r="F3493">
            <v>-4787228.9854499996</v>
          </cell>
          <cell r="G3493">
            <v>683213.39092000003</v>
          </cell>
          <cell r="H3493">
            <v>3195382.78969</v>
          </cell>
          <cell r="I3493">
            <v>-908632.80484</v>
          </cell>
        </row>
        <row r="3494">
          <cell r="A3494" t="str">
            <v>B91202</v>
          </cell>
          <cell r="B3494">
            <v>8.3052499999757856</v>
          </cell>
          <cell r="C3494">
            <v>19.670350000000326</v>
          </cell>
          <cell r="D3494">
            <v>-9163.1202500001527</v>
          </cell>
          <cell r="E3494">
            <v>-9135.1446499999947</v>
          </cell>
          <cell r="F3494">
            <v>1740289.4247000001</v>
          </cell>
          <cell r="G3494">
            <v>115485.46709000001</v>
          </cell>
          <cell r="H3494">
            <v>-1922685.3573100001</v>
          </cell>
          <cell r="I3494">
            <v>-66910.465519999998</v>
          </cell>
        </row>
        <row r="3495">
          <cell r="A3495" t="str">
            <v>B913P</v>
          </cell>
          <cell r="B3495">
            <v>0</v>
          </cell>
          <cell r="C3495">
            <v>0</v>
          </cell>
          <cell r="D3495">
            <v>21544.540099999998</v>
          </cell>
          <cell r="E3495">
            <v>21544.540099999984</v>
          </cell>
          <cell r="F3495">
            <v>-370363.73242999997</v>
          </cell>
          <cell r="H3495">
            <v>-43575.009700000002</v>
          </cell>
          <cell r="I3495">
            <v>-413938.74213000003</v>
          </cell>
        </row>
        <row r="3496">
          <cell r="A3496" t="str">
            <v>B91301</v>
          </cell>
          <cell r="B3496">
            <v>0</v>
          </cell>
          <cell r="C3496">
            <v>0</v>
          </cell>
          <cell r="D3496">
            <v>0</v>
          </cell>
          <cell r="E3496">
            <v>0</v>
          </cell>
          <cell r="F3496">
            <v>-370363.73242999997</v>
          </cell>
          <cell r="H3496">
            <v>-104899.70086</v>
          </cell>
          <cell r="I3496">
            <v>-475263.43329000002</v>
          </cell>
        </row>
        <row r="3497">
          <cell r="A3497" t="str">
            <v>B91302</v>
          </cell>
          <cell r="B3497">
            <v>0</v>
          </cell>
          <cell r="C3497">
            <v>0</v>
          </cell>
          <cell r="D3497">
            <v>0</v>
          </cell>
          <cell r="E3497">
            <v>0</v>
          </cell>
        </row>
        <row r="3498">
          <cell r="A3498" t="str">
            <v>B91305</v>
          </cell>
          <cell r="B3498">
            <v>0</v>
          </cell>
          <cell r="C3498">
            <v>0</v>
          </cell>
          <cell r="D3498">
            <v>21544.540100000006</v>
          </cell>
          <cell r="E3498">
            <v>21544.540100000006</v>
          </cell>
          <cell r="H3498">
            <v>61324.691160000002</v>
          </cell>
          <cell r="I3498">
            <v>61324.691160000002</v>
          </cell>
        </row>
        <row r="3499">
          <cell r="A3499" t="str">
            <v>B920</v>
          </cell>
          <cell r="B3499">
            <v>7148.2746999999799</v>
          </cell>
          <cell r="C3499">
            <v>0</v>
          </cell>
          <cell r="D3499">
            <v>-21544.540099999984</v>
          </cell>
          <cell r="E3499">
            <v>-14396.265400000004</v>
          </cell>
          <cell r="F3499">
            <v>264552.69874999998</v>
          </cell>
          <cell r="G3499">
            <v>80.151179999999997</v>
          </cell>
          <cell r="H3499">
            <v>-348534.45529999997</v>
          </cell>
          <cell r="I3499">
            <v>-83901.605370000005</v>
          </cell>
        </row>
        <row r="3500">
          <cell r="A3500" t="str">
            <v>B92001</v>
          </cell>
          <cell r="B3500">
            <v>0</v>
          </cell>
          <cell r="C3500">
            <v>0</v>
          </cell>
          <cell r="D3500">
            <v>0</v>
          </cell>
          <cell r="E3500">
            <v>0</v>
          </cell>
          <cell r="F3500">
            <v>0.27742</v>
          </cell>
          <cell r="G3500">
            <v>1.7780000000000001E-2</v>
          </cell>
          <cell r="H3500">
            <v>-0.29520000000000002</v>
          </cell>
          <cell r="I3500">
            <v>0</v>
          </cell>
        </row>
        <row r="3501">
          <cell r="A3501" t="str">
            <v>B92013P</v>
          </cell>
          <cell r="B3501">
            <v>0</v>
          </cell>
          <cell r="C3501">
            <v>0</v>
          </cell>
          <cell r="D3501">
            <v>0</v>
          </cell>
          <cell r="E3501">
            <v>0</v>
          </cell>
          <cell r="F3501">
            <v>0.27742</v>
          </cell>
          <cell r="G3501">
            <v>1.7780000000000001E-2</v>
          </cell>
          <cell r="H3501">
            <v>-0.29520000000000002</v>
          </cell>
          <cell r="I3501">
            <v>0</v>
          </cell>
        </row>
        <row r="3502">
          <cell r="A3502" t="str">
            <v>B92015</v>
          </cell>
          <cell r="B3502">
            <v>0</v>
          </cell>
          <cell r="C3502">
            <v>0</v>
          </cell>
          <cell r="D3502">
            <v>0</v>
          </cell>
          <cell r="E3502">
            <v>0</v>
          </cell>
          <cell r="F3502">
            <v>0.27742</v>
          </cell>
          <cell r="G3502">
            <v>1.7780000000000001E-2</v>
          </cell>
          <cell r="H3502">
            <v>-0.29520000000000002</v>
          </cell>
          <cell r="I3502">
            <v>0</v>
          </cell>
        </row>
        <row r="3503">
          <cell r="A3503" t="str">
            <v>B92016</v>
          </cell>
          <cell r="B3503">
            <v>0</v>
          </cell>
          <cell r="C3503">
            <v>0</v>
          </cell>
          <cell r="D3503">
            <v>0</v>
          </cell>
          <cell r="E3503">
            <v>0</v>
          </cell>
        </row>
        <row r="3504">
          <cell r="A3504" t="str">
            <v>B92002</v>
          </cell>
          <cell r="B3504">
            <v>7148.2746999999799</v>
          </cell>
          <cell r="C3504">
            <v>0</v>
          </cell>
          <cell r="D3504">
            <v>-21544.540099999984</v>
          </cell>
          <cell r="E3504">
            <v>-14396.265400000004</v>
          </cell>
          <cell r="F3504">
            <v>264552.42132999998</v>
          </cell>
          <cell r="G3504">
            <v>80.133399999999995</v>
          </cell>
          <cell r="H3504">
            <v>-348534.16009999998</v>
          </cell>
          <cell r="I3504">
            <v>-83901.605370000005</v>
          </cell>
        </row>
        <row r="3505">
          <cell r="A3505" t="str">
            <v>B92004</v>
          </cell>
          <cell r="B3505">
            <v>-95.904490000000806</v>
          </cell>
          <cell r="C3505">
            <v>0</v>
          </cell>
          <cell r="D3505">
            <v>0</v>
          </cell>
          <cell r="E3505">
            <v>-95.904489999997168</v>
          </cell>
          <cell r="F3505">
            <v>16199.47834</v>
          </cell>
          <cell r="H3505">
            <v>3500</v>
          </cell>
          <cell r="I3505">
            <v>19699.478340000001</v>
          </cell>
        </row>
        <row r="3506">
          <cell r="A3506" t="str">
            <v>B92005</v>
          </cell>
          <cell r="B3506">
            <v>7244.1791899999953</v>
          </cell>
          <cell r="C3506">
            <v>0</v>
          </cell>
          <cell r="D3506">
            <v>-21544.540100000006</v>
          </cell>
          <cell r="E3506">
            <v>-14300.360910000001</v>
          </cell>
          <cell r="F3506">
            <v>41894.971019999997</v>
          </cell>
          <cell r="H3506">
            <v>-61324.691160000002</v>
          </cell>
          <cell r="I3506">
            <v>-19429.720140000001</v>
          </cell>
        </row>
        <row r="3507">
          <cell r="A3507" t="str">
            <v>B92009</v>
          </cell>
          <cell r="B3507">
            <v>0</v>
          </cell>
          <cell r="C3507">
            <v>0</v>
          </cell>
          <cell r="D3507">
            <v>0</v>
          </cell>
          <cell r="E3507">
            <v>0</v>
          </cell>
          <cell r="F3507">
            <v>206457.97197000001</v>
          </cell>
          <cell r="G3507">
            <v>80.133399999999995</v>
          </cell>
          <cell r="H3507">
            <v>-298189.41029999999</v>
          </cell>
          <cell r="I3507">
            <v>-91651.304929999998</v>
          </cell>
        </row>
        <row r="3508">
          <cell r="A3508" t="str">
            <v>B92020</v>
          </cell>
          <cell r="B3508">
            <v>0</v>
          </cell>
          <cell r="C3508">
            <v>0</v>
          </cell>
          <cell r="D3508">
            <v>0</v>
          </cell>
          <cell r="E3508">
            <v>0</v>
          </cell>
          <cell r="H3508">
            <v>7479.9413599999998</v>
          </cell>
          <cell r="I3508">
            <v>7479.9413599999998</v>
          </cell>
        </row>
        <row r="3509">
          <cell r="A3509" t="str">
            <v>PL</v>
          </cell>
          <cell r="B3509">
            <v>-10013.146949999966</v>
          </cell>
          <cell r="C3509">
            <v>663.79235999999946</v>
          </cell>
          <cell r="D3509">
            <v>17718.913620000007</v>
          </cell>
          <cell r="E3509">
            <v>8369.5590299999749</v>
          </cell>
          <cell r="F3509">
            <v>-477393.59045999998</v>
          </cell>
          <cell r="G3509">
            <v>8621.5992399999996</v>
          </cell>
          <cell r="H3509">
            <v>282164.21019000001</v>
          </cell>
          <cell r="I3509">
            <v>-186607.78103000001</v>
          </cell>
        </row>
        <row r="3510">
          <cell r="A3510" t="str">
            <v>P7</v>
          </cell>
          <cell r="B3510">
            <v>-10013.146949999966</v>
          </cell>
          <cell r="C3510">
            <v>663.79235999999946</v>
          </cell>
          <cell r="D3510">
            <v>17718.913620000007</v>
          </cell>
          <cell r="E3510">
            <v>8369.5590299999749</v>
          </cell>
          <cell r="F3510">
            <v>-477393.59045999998</v>
          </cell>
          <cell r="G3510">
            <v>8621.5992399999996</v>
          </cell>
          <cell r="H3510">
            <v>282164.21019000001</v>
          </cell>
          <cell r="I3510">
            <v>-186607.78103000001</v>
          </cell>
        </row>
        <row r="3511">
          <cell r="A3511" t="str">
            <v>P5</v>
          </cell>
          <cell r="B3511">
            <v>-10013.146949999966</v>
          </cell>
          <cell r="C3511">
            <v>663.79235999999946</v>
          </cell>
          <cell r="D3511">
            <v>17718.913620000007</v>
          </cell>
          <cell r="E3511">
            <v>8369.5590299999749</v>
          </cell>
          <cell r="F3511">
            <v>-477393.59045999998</v>
          </cell>
          <cell r="G3511">
            <v>8621.5992399999996</v>
          </cell>
          <cell r="H3511">
            <v>282164.21019000001</v>
          </cell>
          <cell r="I3511">
            <v>-186607.78103000001</v>
          </cell>
        </row>
        <row r="3512">
          <cell r="A3512" t="str">
            <v>P3</v>
          </cell>
          <cell r="B3512">
            <v>-6406.4339300000574</v>
          </cell>
          <cell r="C3512">
            <v>663.79235999999946</v>
          </cell>
          <cell r="D3512">
            <v>18830.449180000025</v>
          </cell>
          <cell r="E3512">
            <v>13087.807610000018</v>
          </cell>
          <cell r="F3512">
            <v>-569229.97059000004</v>
          </cell>
          <cell r="G3512">
            <v>8621.5992399999996</v>
          </cell>
          <cell r="H3512">
            <v>222769.72575000001</v>
          </cell>
          <cell r="I3512">
            <v>-337838.64559999999</v>
          </cell>
        </row>
        <row r="3513">
          <cell r="A3513" t="str">
            <v>P2</v>
          </cell>
          <cell r="B3513">
            <v>-16559.431020000018</v>
          </cell>
          <cell r="C3513">
            <v>663.38677999999891</v>
          </cell>
          <cell r="D3513">
            <v>9176.6762999999919</v>
          </cell>
          <cell r="E3513">
            <v>-6719.3679399999673</v>
          </cell>
          <cell r="F3513">
            <v>-565199.31813999999</v>
          </cell>
          <cell r="G3513">
            <v>8701.5026999999991</v>
          </cell>
          <cell r="H3513">
            <v>167169.84531</v>
          </cell>
          <cell r="I3513">
            <v>-389327.97012999997</v>
          </cell>
        </row>
        <row r="3514">
          <cell r="A3514" t="str">
            <v>P100</v>
          </cell>
          <cell r="B3514">
            <v>-67288.787959999987</v>
          </cell>
          <cell r="C3514">
            <v>0</v>
          </cell>
          <cell r="D3514">
            <v>0</v>
          </cell>
          <cell r="E3514">
            <v>-67288.787959999987</v>
          </cell>
          <cell r="F3514">
            <v>-995285.32062999997</v>
          </cell>
          <cell r="H3514">
            <v>0</v>
          </cell>
          <cell r="I3514">
            <v>-995285.32062999997</v>
          </cell>
        </row>
        <row r="3515">
          <cell r="A3515" t="str">
            <v>P110</v>
          </cell>
          <cell r="B3515">
            <v>-67288.787960000103</v>
          </cell>
          <cell r="C3515">
            <v>0</v>
          </cell>
          <cell r="D3515">
            <v>0</v>
          </cell>
          <cell r="E3515">
            <v>-67288.787960000103</v>
          </cell>
          <cell r="F3515">
            <v>-995285.32061000005</v>
          </cell>
          <cell r="H3515">
            <v>0</v>
          </cell>
          <cell r="I3515">
            <v>-995285.32061000005</v>
          </cell>
        </row>
        <row r="3516">
          <cell r="A3516" t="str">
            <v>P111</v>
          </cell>
          <cell r="B3516">
            <v>-278.16579000000002</v>
          </cell>
          <cell r="C3516">
            <v>0</v>
          </cell>
          <cell r="D3516">
            <v>0</v>
          </cell>
          <cell r="E3516">
            <v>-278.16579000000002</v>
          </cell>
          <cell r="F3516">
            <v>-2600.9898899999998</v>
          </cell>
          <cell r="I3516">
            <v>-2600.9898899999998</v>
          </cell>
        </row>
        <row r="3517">
          <cell r="A3517" t="str">
            <v>P11102</v>
          </cell>
          <cell r="B3517">
            <v>-278.16579000000002</v>
          </cell>
          <cell r="C3517">
            <v>0</v>
          </cell>
          <cell r="D3517">
            <v>0</v>
          </cell>
          <cell r="E3517">
            <v>-278.16579000000002</v>
          </cell>
          <cell r="F3517">
            <v>-2600.9898899999998</v>
          </cell>
          <cell r="I3517">
            <v>-2600.9898899999998</v>
          </cell>
        </row>
        <row r="3518">
          <cell r="A3518" t="str">
            <v>P112</v>
          </cell>
          <cell r="B3518">
            <v>-87495.784770000027</v>
          </cell>
          <cell r="C3518">
            <v>0</v>
          </cell>
          <cell r="D3518">
            <v>0</v>
          </cell>
          <cell r="E3518">
            <v>-87495.784770000027</v>
          </cell>
          <cell r="F3518">
            <v>-1019878.11376</v>
          </cell>
          <cell r="H3518">
            <v>0</v>
          </cell>
          <cell r="I3518">
            <v>-1019878.11376</v>
          </cell>
        </row>
        <row r="3519">
          <cell r="A3519" t="str">
            <v>P11201</v>
          </cell>
          <cell r="B3519">
            <v>-87495.784770000027</v>
          </cell>
          <cell r="C3519">
            <v>0</v>
          </cell>
          <cell r="D3519">
            <v>0</v>
          </cell>
          <cell r="E3519">
            <v>-87495.784770000027</v>
          </cell>
          <cell r="F3519">
            <v>-1019878.11376</v>
          </cell>
          <cell r="H3519">
            <v>0</v>
          </cell>
          <cell r="I3519">
            <v>-1019878.11376</v>
          </cell>
        </row>
        <row r="3520">
          <cell r="A3520" t="str">
            <v>P113</v>
          </cell>
          <cell r="B3520">
            <v>-10005.81539</v>
          </cell>
          <cell r="C3520">
            <v>0</v>
          </cell>
          <cell r="D3520">
            <v>0</v>
          </cell>
          <cell r="E3520">
            <v>-10005.81539</v>
          </cell>
          <cell r="F3520">
            <v>-12780.706840000001</v>
          </cell>
          <cell r="I3520">
            <v>-12780.706840000001</v>
          </cell>
        </row>
        <row r="3521">
          <cell r="A3521" t="str">
            <v>P114</v>
          </cell>
          <cell r="B3521">
            <v>11312.45666</v>
          </cell>
          <cell r="C3521">
            <v>0</v>
          </cell>
          <cell r="D3521">
            <v>0</v>
          </cell>
          <cell r="E3521">
            <v>11312.45666</v>
          </cell>
          <cell r="F3521">
            <v>11312.45666</v>
          </cell>
          <cell r="I3521">
            <v>11312.45666</v>
          </cell>
        </row>
        <row r="3522">
          <cell r="A3522" t="str">
            <v>P11401</v>
          </cell>
          <cell r="B3522">
            <v>11312.45666</v>
          </cell>
          <cell r="C3522">
            <v>0</v>
          </cell>
          <cell r="D3522">
            <v>0</v>
          </cell>
          <cell r="E3522">
            <v>11312.45666</v>
          </cell>
          <cell r="F3522">
            <v>11312.45666</v>
          </cell>
          <cell r="I3522">
            <v>11312.45666</v>
          </cell>
        </row>
        <row r="3523">
          <cell r="A3523" t="str">
            <v>P115</v>
          </cell>
          <cell r="B3523">
            <v>19178.521330000003</v>
          </cell>
          <cell r="C3523">
            <v>0</v>
          </cell>
          <cell r="D3523">
            <v>0</v>
          </cell>
          <cell r="E3523">
            <v>19178.521330000003</v>
          </cell>
          <cell r="F3523">
            <v>28662.033220000001</v>
          </cell>
          <cell r="I3523">
            <v>28662.033220000001</v>
          </cell>
        </row>
        <row r="3524">
          <cell r="A3524" t="str">
            <v>P120</v>
          </cell>
          <cell r="B3524">
            <v>0</v>
          </cell>
          <cell r="C3524">
            <v>0</v>
          </cell>
          <cell r="D3524">
            <v>0</v>
          </cell>
          <cell r="E3524">
            <v>0</v>
          </cell>
          <cell r="F3524">
            <v>-2.0000000000000002E-5</v>
          </cell>
          <cell r="I3524">
            <v>-2.0000000000000002E-5</v>
          </cell>
        </row>
        <row r="3525">
          <cell r="A3525" t="str">
            <v>P12002</v>
          </cell>
          <cell r="B3525">
            <v>0</v>
          </cell>
          <cell r="C3525">
            <v>0</v>
          </cell>
          <cell r="D3525">
            <v>0</v>
          </cell>
          <cell r="E3525">
            <v>0</v>
          </cell>
          <cell r="F3525">
            <v>-2.0000000000000002E-5</v>
          </cell>
          <cell r="I3525">
            <v>-2.0000000000000002E-5</v>
          </cell>
        </row>
        <row r="3526">
          <cell r="A3526" t="str">
            <v>P200</v>
          </cell>
          <cell r="B3526">
            <v>50729.356939999969</v>
          </cell>
          <cell r="C3526">
            <v>663.38677999999891</v>
          </cell>
          <cell r="D3526">
            <v>9176.6762999999919</v>
          </cell>
          <cell r="E3526">
            <v>60569.420019999961</v>
          </cell>
          <cell r="F3526">
            <v>430086.00248999998</v>
          </cell>
          <cell r="G3526">
            <v>8701.5026999999991</v>
          </cell>
          <cell r="H3526">
            <v>167169.84531</v>
          </cell>
          <cell r="I3526">
            <v>605957.35049999994</v>
          </cell>
        </row>
        <row r="3527">
          <cell r="A3527" t="str">
            <v>P220</v>
          </cell>
          <cell r="B3527">
            <v>10868.47980999999</v>
          </cell>
          <cell r="C3527">
            <v>0</v>
          </cell>
          <cell r="D3527">
            <v>0</v>
          </cell>
          <cell r="E3527">
            <v>10868.47980999999</v>
          </cell>
          <cell r="F3527">
            <v>107600.88526</v>
          </cell>
          <cell r="I3527">
            <v>107600.88526</v>
          </cell>
        </row>
        <row r="3528">
          <cell r="A3528" t="str">
            <v>P220</v>
          </cell>
          <cell r="B3528">
            <v>-96732.405450000006</v>
          </cell>
          <cell r="C3528">
            <v>0</v>
          </cell>
          <cell r="D3528">
            <v>0</v>
          </cell>
          <cell r="E3528">
            <v>-96732.405450000006</v>
          </cell>
        </row>
        <row r="3529">
          <cell r="A3529" t="str">
            <v>P22001</v>
          </cell>
          <cell r="B3529">
            <v>10733.341769999999</v>
          </cell>
          <cell r="C3529">
            <v>0</v>
          </cell>
          <cell r="D3529">
            <v>0</v>
          </cell>
          <cell r="E3529">
            <v>10733.341769999999</v>
          </cell>
          <cell r="F3529">
            <v>106854.82752000001</v>
          </cell>
          <cell r="I3529">
            <v>106854.82752000001</v>
          </cell>
        </row>
        <row r="3530">
          <cell r="A3530" t="str">
            <v>P22002</v>
          </cell>
          <cell r="B3530">
            <v>135.13803999999993</v>
          </cell>
          <cell r="C3530">
            <v>0</v>
          </cell>
          <cell r="D3530">
            <v>0</v>
          </cell>
          <cell r="E3530">
            <v>135.13803999999993</v>
          </cell>
          <cell r="F3530">
            <v>746.05773999999997</v>
          </cell>
          <cell r="I3530">
            <v>746.05773999999997</v>
          </cell>
        </row>
        <row r="3531">
          <cell r="A3531" t="str">
            <v>P230</v>
          </cell>
          <cell r="B3531">
            <v>14566.912230000002</v>
          </cell>
          <cell r="C3531">
            <v>174.41241000000014</v>
          </cell>
          <cell r="D3531">
            <v>598.39194000000134</v>
          </cell>
          <cell r="E3531">
            <v>15339.716579999978</v>
          </cell>
          <cell r="F3531">
            <v>124746.29124000001</v>
          </cell>
          <cell r="G3531">
            <v>1479.6029100000001</v>
          </cell>
          <cell r="H3531">
            <v>42791.75518</v>
          </cell>
          <cell r="I3531">
            <v>169017.64932999999</v>
          </cell>
        </row>
        <row r="3532">
          <cell r="A3532" t="str">
            <v>P231</v>
          </cell>
          <cell r="B3532">
            <v>7524.3478800000012</v>
          </cell>
          <cell r="C3532">
            <v>0</v>
          </cell>
          <cell r="D3532">
            <v>0</v>
          </cell>
          <cell r="E3532">
            <v>7524.3478800000012</v>
          </cell>
          <cell r="F3532">
            <v>39745.274380000003</v>
          </cell>
          <cell r="I3532">
            <v>39745.274380000003</v>
          </cell>
        </row>
        <row r="3533">
          <cell r="A3533" t="str">
            <v>P232</v>
          </cell>
          <cell r="B3533">
            <v>-1092.1854800000001</v>
          </cell>
          <cell r="C3533">
            <v>0</v>
          </cell>
          <cell r="D3533">
            <v>0</v>
          </cell>
          <cell r="E3533">
            <v>-1092.1854800000001</v>
          </cell>
          <cell r="F3533">
            <v>12018.366400000001</v>
          </cell>
          <cell r="I3533">
            <v>12018.366400000001</v>
          </cell>
        </row>
        <row r="3534">
          <cell r="A3534" t="str">
            <v>P233</v>
          </cell>
          <cell r="B3534">
            <v>5985.2905700000047</v>
          </cell>
          <cell r="C3534">
            <v>0</v>
          </cell>
          <cell r="D3534">
            <v>0</v>
          </cell>
          <cell r="E3534">
            <v>5985.2905700000047</v>
          </cell>
          <cell r="F3534">
            <v>51233.819860000003</v>
          </cell>
          <cell r="I3534">
            <v>51233.819860000003</v>
          </cell>
        </row>
        <row r="3535">
          <cell r="A3535" t="str">
            <v>P235</v>
          </cell>
          <cell r="B3535">
            <v>1480.3103699999992</v>
          </cell>
          <cell r="C3535">
            <v>33.603870000000029</v>
          </cell>
          <cell r="D3535">
            <v>38.501019999999983</v>
          </cell>
          <cell r="E3535">
            <v>1552.4152599999998</v>
          </cell>
          <cell r="F3535">
            <v>15571.23511</v>
          </cell>
          <cell r="G3535">
            <v>715.05547000000001</v>
          </cell>
          <cell r="H3535">
            <v>234.19372999999999</v>
          </cell>
          <cell r="I3535">
            <v>16520.48431</v>
          </cell>
        </row>
        <row r="3536">
          <cell r="A3536" t="str">
            <v>P236</v>
          </cell>
          <cell r="B3536">
            <v>607.54323000000022</v>
          </cell>
          <cell r="C3536">
            <v>140.80853999999999</v>
          </cell>
          <cell r="D3536">
            <v>-3768.6519999999982</v>
          </cell>
          <cell r="E3536">
            <v>-3020.3002300000007</v>
          </cell>
          <cell r="F3536">
            <v>6159.9374299999999</v>
          </cell>
          <cell r="G3536">
            <v>783.77134000000001</v>
          </cell>
          <cell r="H3536">
            <v>30938.3351</v>
          </cell>
          <cell r="I3536">
            <v>37882.043870000001</v>
          </cell>
        </row>
        <row r="3537">
          <cell r="A3537" t="str">
            <v>P237</v>
          </cell>
          <cell r="B3537">
            <v>61.60566</v>
          </cell>
          <cell r="C3537">
            <v>0</v>
          </cell>
          <cell r="D3537">
            <v>4328.5429200000008</v>
          </cell>
          <cell r="E3537">
            <v>4390.1485799999991</v>
          </cell>
          <cell r="F3537">
            <v>24.64987</v>
          </cell>
          <cell r="G3537">
            <v>-19.2239</v>
          </cell>
          <cell r="H3537">
            <v>11619.226350000001</v>
          </cell>
          <cell r="I3537">
            <v>11624.652319999999</v>
          </cell>
        </row>
        <row r="3538">
          <cell r="A3538" t="str">
            <v>P238</v>
          </cell>
          <cell r="B3538">
            <v>0</v>
          </cell>
          <cell r="C3538">
            <v>0</v>
          </cell>
          <cell r="D3538">
            <v>0</v>
          </cell>
          <cell r="E3538">
            <v>0</v>
          </cell>
          <cell r="F3538">
            <v>-6.9918100000000001</v>
          </cell>
          <cell r="I3538">
            <v>-6.9918100000000001</v>
          </cell>
        </row>
        <row r="3539">
          <cell r="A3539" t="str">
            <v>P240</v>
          </cell>
          <cell r="B3539">
            <v>920.76583000000028</v>
          </cell>
          <cell r="C3539">
            <v>64.137990000000173</v>
          </cell>
          <cell r="D3539">
            <v>4834.9081100000012</v>
          </cell>
          <cell r="E3539">
            <v>5819.8119300000017</v>
          </cell>
          <cell r="F3539">
            <v>10378.38521</v>
          </cell>
          <cell r="G3539">
            <v>1765.0608500000001</v>
          </cell>
          <cell r="H3539">
            <v>9548.2838800000009</v>
          </cell>
          <cell r="I3539">
            <v>21691.729940000001</v>
          </cell>
        </row>
        <row r="3540">
          <cell r="A3540" t="str">
            <v>P241</v>
          </cell>
          <cell r="B3540">
            <v>-47.220410000000001</v>
          </cell>
          <cell r="C3540">
            <v>0</v>
          </cell>
          <cell r="D3540">
            <v>0</v>
          </cell>
          <cell r="E3540">
            <v>-47.220410000000001</v>
          </cell>
          <cell r="F3540">
            <v>36.757379999999998</v>
          </cell>
          <cell r="I3540">
            <v>36.757379999999998</v>
          </cell>
        </row>
        <row r="3541">
          <cell r="A3541" t="str">
            <v>P24102</v>
          </cell>
          <cell r="B3541">
            <v>-47.220410000000001</v>
          </cell>
          <cell r="C3541">
            <v>0</v>
          </cell>
          <cell r="D3541">
            <v>0</v>
          </cell>
          <cell r="E3541">
            <v>-47.220410000000001</v>
          </cell>
          <cell r="F3541">
            <v>36.757379999999998</v>
          </cell>
          <cell r="I3541">
            <v>36.757379999999998</v>
          </cell>
        </row>
        <row r="3542">
          <cell r="A3542" t="str">
            <v>P242</v>
          </cell>
          <cell r="B3542">
            <v>967.98623999999836</v>
          </cell>
          <cell r="C3542">
            <v>0</v>
          </cell>
          <cell r="D3542">
            <v>0</v>
          </cell>
          <cell r="E3542">
            <v>967.98623999999836</v>
          </cell>
          <cell r="F3542">
            <v>10255.716619999999</v>
          </cell>
          <cell r="I3542">
            <v>10255.716619999999</v>
          </cell>
        </row>
        <row r="3543">
          <cell r="A3543" t="str">
            <v>P243</v>
          </cell>
          <cell r="B3543">
            <v>0</v>
          </cell>
          <cell r="C3543">
            <v>50.394610000000057</v>
          </cell>
          <cell r="D3543">
            <v>4826.1747399999995</v>
          </cell>
          <cell r="E3543">
            <v>4876.5693499999998</v>
          </cell>
          <cell r="G3543">
            <v>1811.3258900000001</v>
          </cell>
          <cell r="H3543">
            <v>9467.7786699999997</v>
          </cell>
          <cell r="I3543">
            <v>11279.10456</v>
          </cell>
        </row>
        <row r="3544">
          <cell r="A3544" t="str">
            <v>P24310</v>
          </cell>
          <cell r="B3544">
            <v>0</v>
          </cell>
          <cell r="C3544">
            <v>50.394610000000057</v>
          </cell>
          <cell r="D3544">
            <v>319.95440999999994</v>
          </cell>
          <cell r="E3544">
            <v>370.34901999999965</v>
          </cell>
          <cell r="G3544">
            <v>1811.3258900000001</v>
          </cell>
          <cell r="H3544">
            <v>869.53044999999997</v>
          </cell>
          <cell r="I3544">
            <v>2680.8563399999998</v>
          </cell>
        </row>
        <row r="3545">
          <cell r="A3545" t="str">
            <v>P24311</v>
          </cell>
          <cell r="B3545">
            <v>0</v>
          </cell>
          <cell r="C3545">
            <v>50.394610000000057</v>
          </cell>
          <cell r="D3545">
            <v>319.95440999999994</v>
          </cell>
          <cell r="E3545">
            <v>370.34901999999965</v>
          </cell>
          <cell r="G3545">
            <v>1811.3258900000001</v>
          </cell>
          <cell r="H3545">
            <v>869.53044999999997</v>
          </cell>
          <cell r="I3545">
            <v>2680.8563399999998</v>
          </cell>
        </row>
        <row r="3546">
          <cell r="A3546" t="str">
            <v>P24320</v>
          </cell>
          <cell r="B3546">
            <v>0</v>
          </cell>
          <cell r="C3546">
            <v>0</v>
          </cell>
          <cell r="D3546">
            <v>4506.2203300000001</v>
          </cell>
          <cell r="E3546">
            <v>4506.2203300000001</v>
          </cell>
          <cell r="H3546">
            <v>8598.2482199999995</v>
          </cell>
          <cell r="I3546">
            <v>8598.2482199999995</v>
          </cell>
        </row>
        <row r="3547">
          <cell r="A3547" t="str">
            <v>P24313</v>
          </cell>
          <cell r="B3547">
            <v>0</v>
          </cell>
          <cell r="C3547">
            <v>0</v>
          </cell>
          <cell r="D3547">
            <v>4506.2203300000001</v>
          </cell>
          <cell r="E3547">
            <v>4506.2203300000001</v>
          </cell>
          <cell r="H3547">
            <v>8598.2482199999995</v>
          </cell>
          <cell r="I3547">
            <v>8598.2482199999995</v>
          </cell>
        </row>
        <row r="3548">
          <cell r="A3548" t="str">
            <v>P244P</v>
          </cell>
          <cell r="B3548">
            <v>0</v>
          </cell>
          <cell r="C3548">
            <v>13.743380000000002</v>
          </cell>
          <cell r="D3548">
            <v>8.7333700000000078</v>
          </cell>
          <cell r="E3548">
            <v>22.47675000000001</v>
          </cell>
          <cell r="F3548">
            <v>85.911209999999997</v>
          </cell>
          <cell r="G3548">
            <v>-46.265039999999999</v>
          </cell>
          <cell r="H3548">
            <v>80.505210000000005</v>
          </cell>
          <cell r="I3548">
            <v>120.15138</v>
          </cell>
        </row>
        <row r="3549">
          <cell r="A3549" t="str">
            <v>P24401</v>
          </cell>
          <cell r="B3549">
            <v>0</v>
          </cell>
          <cell r="C3549">
            <v>13.743380000000002</v>
          </cell>
          <cell r="D3549">
            <v>8.7333700000000078</v>
          </cell>
          <cell r="E3549">
            <v>22.47675000000001</v>
          </cell>
          <cell r="F3549">
            <v>85.911209999999997</v>
          </cell>
          <cell r="G3549">
            <v>-46.265039999999999</v>
          </cell>
          <cell r="H3549">
            <v>80.505210000000005</v>
          </cell>
          <cell r="I3549">
            <v>120.15138</v>
          </cell>
        </row>
        <row r="3550">
          <cell r="A3550" t="str">
            <v>P250</v>
          </cell>
          <cell r="B3550">
            <v>1854.6046299999998</v>
          </cell>
          <cell r="C3550">
            <v>329.6587099999997</v>
          </cell>
          <cell r="D3550">
            <v>0</v>
          </cell>
          <cell r="E3550">
            <v>2184.2633400000013</v>
          </cell>
          <cell r="F3550">
            <v>17234.388269999999</v>
          </cell>
          <cell r="G3550">
            <v>9018.5883599999997</v>
          </cell>
          <cell r="I3550">
            <v>26252.976630000001</v>
          </cell>
        </row>
        <row r="3551">
          <cell r="A3551" t="str">
            <v>P251</v>
          </cell>
          <cell r="B3551">
            <v>1752.3246399999989</v>
          </cell>
          <cell r="C3551">
            <v>329.6587099999997</v>
          </cell>
          <cell r="D3551">
            <v>0</v>
          </cell>
          <cell r="E3551">
            <v>2081.9833500000022</v>
          </cell>
          <cell r="F3551">
            <v>16541.951649999999</v>
          </cell>
          <cell r="G3551">
            <v>9018.5883599999997</v>
          </cell>
          <cell r="I3551">
            <v>25560.540010000001</v>
          </cell>
        </row>
        <row r="3552">
          <cell r="A3552" t="str">
            <v>P253</v>
          </cell>
          <cell r="B3552">
            <v>102.27999</v>
          </cell>
          <cell r="C3552">
            <v>0</v>
          </cell>
          <cell r="D3552">
            <v>0</v>
          </cell>
          <cell r="E3552">
            <v>102.27999</v>
          </cell>
          <cell r="F3552">
            <v>692.43661999999995</v>
          </cell>
          <cell r="I3552">
            <v>692.43661999999995</v>
          </cell>
        </row>
        <row r="3553">
          <cell r="A3553" t="str">
            <v>P260</v>
          </cell>
          <cell r="B3553">
            <v>21635.040099999984</v>
          </cell>
          <cell r="C3553">
            <v>45.351949999999988</v>
          </cell>
          <cell r="D3553">
            <v>107.76175000000001</v>
          </cell>
          <cell r="E3553">
            <v>21788.1538</v>
          </cell>
          <cell r="F3553">
            <v>221651.42118999999</v>
          </cell>
          <cell r="G3553">
            <v>416.20988999999997</v>
          </cell>
          <cell r="H3553">
            <v>653.83279000000005</v>
          </cell>
          <cell r="I3553">
            <v>222721.46387000001</v>
          </cell>
        </row>
        <row r="3554">
          <cell r="A3554" t="str">
            <v>P261</v>
          </cell>
          <cell r="B3554">
            <v>21635.040100000013</v>
          </cell>
          <cell r="C3554">
            <v>45.351949999999988</v>
          </cell>
          <cell r="D3554">
            <v>107.76175000000001</v>
          </cell>
          <cell r="E3554">
            <v>21788.1538</v>
          </cell>
          <cell r="F3554">
            <v>221651.42019</v>
          </cell>
          <cell r="G3554">
            <v>416.20988999999997</v>
          </cell>
          <cell r="H3554">
            <v>653.83279000000005</v>
          </cell>
          <cell r="I3554">
            <v>222721.46286999999</v>
          </cell>
        </row>
        <row r="3555">
          <cell r="A3555" t="str">
            <v>P26101</v>
          </cell>
          <cell r="B3555">
            <v>16457.414929999999</v>
          </cell>
          <cell r="C3555">
            <v>45.351949999999988</v>
          </cell>
          <cell r="D3555">
            <v>107.76175000000001</v>
          </cell>
          <cell r="E3555">
            <v>16610.528630000015</v>
          </cell>
          <cell r="F3555">
            <v>169304.39533999999</v>
          </cell>
          <cell r="G3555">
            <v>416.20988999999997</v>
          </cell>
          <cell r="H3555">
            <v>653.83279000000005</v>
          </cell>
          <cell r="I3555">
            <v>170374.43802</v>
          </cell>
        </row>
        <row r="3556">
          <cell r="A3556" t="str">
            <v>P26105</v>
          </cell>
          <cell r="B3556">
            <v>5177.6251699999993</v>
          </cell>
          <cell r="C3556">
            <v>0</v>
          </cell>
          <cell r="D3556">
            <v>0</v>
          </cell>
          <cell r="E3556">
            <v>5177.6251699999993</v>
          </cell>
          <cell r="F3556">
            <v>52347.024850000002</v>
          </cell>
          <cell r="I3556">
            <v>52347.024850000002</v>
          </cell>
        </row>
        <row r="3557">
          <cell r="A3557" t="str">
            <v>P263</v>
          </cell>
          <cell r="B3557">
            <v>0</v>
          </cell>
          <cell r="C3557">
            <v>0</v>
          </cell>
          <cell r="D3557">
            <v>0</v>
          </cell>
          <cell r="E3557">
            <v>0</v>
          </cell>
          <cell r="F3557">
            <v>1E-3</v>
          </cell>
          <cell r="I3557">
            <v>1E-3</v>
          </cell>
        </row>
        <row r="3558">
          <cell r="A3558" t="str">
            <v>P26301</v>
          </cell>
          <cell r="B3558">
            <v>0</v>
          </cell>
          <cell r="C3558">
            <v>0</v>
          </cell>
          <cell r="D3558">
            <v>0</v>
          </cell>
          <cell r="E3558">
            <v>0</v>
          </cell>
          <cell r="F3558">
            <v>1E-3</v>
          </cell>
          <cell r="I3558">
            <v>1E-3</v>
          </cell>
        </row>
        <row r="3559">
          <cell r="A3559" t="str">
            <v>P275</v>
          </cell>
          <cell r="B3559">
            <v>883.55434000000241</v>
          </cell>
          <cell r="C3559">
            <v>49.825719999999819</v>
          </cell>
          <cell r="D3559">
            <v>-217.40897000000405</v>
          </cell>
          <cell r="E3559">
            <v>715.97108999999909</v>
          </cell>
          <cell r="F3559">
            <v>-51525.36868</v>
          </cell>
          <cell r="G3559">
            <v>-3977.9593100000002</v>
          </cell>
          <cell r="H3559">
            <v>102195.5549</v>
          </cell>
          <cell r="I3559">
            <v>46692.226909999998</v>
          </cell>
        </row>
        <row r="3560">
          <cell r="A3560" t="str">
            <v>P280</v>
          </cell>
          <cell r="B3560">
            <v>0</v>
          </cell>
          <cell r="C3560">
            <v>0</v>
          </cell>
          <cell r="D3560">
            <v>3853.0234700000001</v>
          </cell>
          <cell r="E3560">
            <v>3853.0234700000001</v>
          </cell>
          <cell r="H3560">
            <v>11980.41856</v>
          </cell>
          <cell r="I3560">
            <v>11980.41856</v>
          </cell>
        </row>
        <row r="3561">
          <cell r="A3561" t="str">
            <v>P300</v>
          </cell>
          <cell r="B3561">
            <v>10152.997090000001</v>
          </cell>
          <cell r="C3561">
            <v>0.4055800000000005</v>
          </cell>
          <cell r="D3561">
            <v>9653.7728800000041</v>
          </cell>
          <cell r="E3561">
            <v>19807.175549999996</v>
          </cell>
          <cell r="F3561">
            <v>-4030.65245</v>
          </cell>
          <cell r="G3561">
            <v>-79.903459999999995</v>
          </cell>
          <cell r="H3561">
            <v>55599.880440000001</v>
          </cell>
          <cell r="I3561">
            <v>51489.324529999998</v>
          </cell>
        </row>
        <row r="3562">
          <cell r="A3562" t="str">
            <v>P340</v>
          </cell>
          <cell r="B3562">
            <v>0</v>
          </cell>
          <cell r="C3562">
            <v>0</v>
          </cell>
          <cell r="D3562">
            <v>0</v>
          </cell>
          <cell r="E3562">
            <v>0</v>
          </cell>
          <cell r="F3562">
            <v>-96649.244600000005</v>
          </cell>
          <cell r="G3562">
            <v>-12.67952</v>
          </cell>
          <cell r="I3562">
            <v>-96661.924119999996</v>
          </cell>
        </row>
        <row r="3563">
          <cell r="A3563" t="str">
            <v>P342</v>
          </cell>
          <cell r="B3563">
            <v>0</v>
          </cell>
          <cell r="C3563">
            <v>0</v>
          </cell>
          <cell r="D3563">
            <v>0</v>
          </cell>
          <cell r="E3563">
            <v>0</v>
          </cell>
          <cell r="F3563">
            <v>-96649.244600000005</v>
          </cell>
          <cell r="G3563">
            <v>-12.67952</v>
          </cell>
          <cell r="I3563">
            <v>-96661.924119999996</v>
          </cell>
        </row>
        <row r="3564">
          <cell r="A3564" t="str">
            <v>P26103</v>
          </cell>
          <cell r="B3564">
            <v>0</v>
          </cell>
          <cell r="C3564">
            <v>0</v>
          </cell>
          <cell r="D3564">
            <v>0</v>
          </cell>
          <cell r="E3564">
            <v>0</v>
          </cell>
          <cell r="F3564">
            <v>-96649.244600000005</v>
          </cell>
          <cell r="G3564">
            <v>-12.67952</v>
          </cell>
          <cell r="I3564">
            <v>-96661.924119999996</v>
          </cell>
        </row>
        <row r="3565">
          <cell r="A3565" t="str">
            <v>P26302</v>
          </cell>
          <cell r="B3565">
            <v>0</v>
          </cell>
          <cell r="C3565">
            <v>0</v>
          </cell>
          <cell r="D3565">
            <v>0</v>
          </cell>
          <cell r="E3565">
            <v>0</v>
          </cell>
        </row>
        <row r="3566">
          <cell r="A3566" t="str">
            <v>P310</v>
          </cell>
          <cell r="B3566">
            <v>-2.1544099999999999</v>
          </cell>
          <cell r="C3566">
            <v>0</v>
          </cell>
          <cell r="D3566">
            <v>0</v>
          </cell>
          <cell r="E3566">
            <v>-2.1544100000000981</v>
          </cell>
          <cell r="F3566">
            <v>-5.1690100000000001</v>
          </cell>
          <cell r="H3566">
            <v>-6284.0358399999996</v>
          </cell>
          <cell r="I3566">
            <v>-6289.2048500000001</v>
          </cell>
        </row>
        <row r="3567">
          <cell r="A3567" t="str">
            <v>P311</v>
          </cell>
          <cell r="B3567">
            <v>-2.1544099999999999</v>
          </cell>
          <cell r="C3567">
            <v>0</v>
          </cell>
          <cell r="D3567">
            <v>0</v>
          </cell>
          <cell r="E3567">
            <v>-2.1544100000000981</v>
          </cell>
          <cell r="F3567">
            <v>-5.1690100000000001</v>
          </cell>
          <cell r="H3567">
            <v>-6284.0358399999996</v>
          </cell>
          <cell r="I3567">
            <v>-6289.2048500000001</v>
          </cell>
        </row>
        <row r="3568">
          <cell r="A3568" t="str">
            <v>P320</v>
          </cell>
          <cell r="B3568">
            <v>10484.959889999998</v>
          </cell>
          <cell r="C3568">
            <v>0</v>
          </cell>
          <cell r="D3568">
            <v>7883.4676700000018</v>
          </cell>
          <cell r="E3568">
            <v>18368.427559999996</v>
          </cell>
          <cell r="F3568">
            <v>92877.654710000003</v>
          </cell>
          <cell r="G3568">
            <v>7.2700000000000004E-3</v>
          </cell>
          <cell r="H3568">
            <v>40053.517500000002</v>
          </cell>
          <cell r="I3568">
            <v>132931.17947999999</v>
          </cell>
        </row>
        <row r="3569">
          <cell r="A3569" t="str">
            <v>P321</v>
          </cell>
          <cell r="B3569">
            <v>993.36787999999979</v>
          </cell>
          <cell r="C3569">
            <v>0</v>
          </cell>
          <cell r="D3569">
            <v>3719.570630000002</v>
          </cell>
          <cell r="E3569">
            <v>4712.93851</v>
          </cell>
          <cell r="F3569">
            <v>9404.0121199999994</v>
          </cell>
          <cell r="H3569">
            <v>34220.758750000001</v>
          </cell>
          <cell r="I3569">
            <v>43624.77087</v>
          </cell>
        </row>
        <row r="3570">
          <cell r="A3570" t="str">
            <v>P32103</v>
          </cell>
          <cell r="B3570">
            <v>1006.70903</v>
          </cell>
          <cell r="C3570">
            <v>0</v>
          </cell>
          <cell r="D3570">
            <v>3719.570630000002</v>
          </cell>
          <cell r="E3570">
            <v>4726.2796600000001</v>
          </cell>
          <cell r="F3570">
            <v>9613.3596899999993</v>
          </cell>
          <cell r="H3570">
            <v>34220.758750000001</v>
          </cell>
          <cell r="I3570">
            <v>43834.118439999998</v>
          </cell>
        </row>
        <row r="3571">
          <cell r="A3571" t="str">
            <v>P32104</v>
          </cell>
          <cell r="B3571">
            <v>-13.341149999999999</v>
          </cell>
          <cell r="C3571">
            <v>0</v>
          </cell>
          <cell r="D3571">
            <v>0</v>
          </cell>
          <cell r="E3571">
            <v>-13.341149999999999</v>
          </cell>
          <cell r="F3571">
            <v>-209.34756999999999</v>
          </cell>
          <cell r="I3571">
            <v>-209.34756999999999</v>
          </cell>
        </row>
        <row r="3572">
          <cell r="A3572" t="str">
            <v>P322</v>
          </cell>
          <cell r="B3572">
            <v>8215.9814100000076</v>
          </cell>
          <cell r="C3572">
            <v>0</v>
          </cell>
          <cell r="D3572">
            <v>4163.8970399999998</v>
          </cell>
          <cell r="E3572">
            <v>12379.878450000004</v>
          </cell>
          <cell r="F3572">
            <v>70875.494000000006</v>
          </cell>
          <cell r="G3572">
            <v>7.2700000000000004E-3</v>
          </cell>
          <cell r="H3572">
            <v>5832.75875</v>
          </cell>
          <cell r="I3572">
            <v>76708.260020000002</v>
          </cell>
        </row>
        <row r="3573">
          <cell r="A3573" t="str">
            <v>P323</v>
          </cell>
          <cell r="B3573">
            <v>-467.39133999999967</v>
          </cell>
          <cell r="C3573">
            <v>0</v>
          </cell>
          <cell r="D3573">
            <v>0</v>
          </cell>
          <cell r="E3573">
            <v>-467.39133999999967</v>
          </cell>
          <cell r="F3573">
            <v>-3088.8688699999998</v>
          </cell>
          <cell r="I3573">
            <v>-3088.8688699999998</v>
          </cell>
        </row>
        <row r="3574">
          <cell r="A3574" t="str">
            <v>P324</v>
          </cell>
          <cell r="B3574">
            <v>1743.0019399999983</v>
          </cell>
          <cell r="C3574">
            <v>0</v>
          </cell>
          <cell r="D3574">
            <v>0</v>
          </cell>
          <cell r="E3574">
            <v>1743.0019399999983</v>
          </cell>
          <cell r="F3574">
            <v>15687.017459999999</v>
          </cell>
          <cell r="I3574">
            <v>15687.017459999999</v>
          </cell>
        </row>
        <row r="3575">
          <cell r="A3575" t="str">
            <v>P330</v>
          </cell>
          <cell r="B3575">
            <v>-329.80839000000003</v>
          </cell>
          <cell r="C3575">
            <v>0.4055800000000005</v>
          </cell>
          <cell r="D3575">
            <v>1770.3052099999986</v>
          </cell>
          <cell r="E3575">
            <v>1440.902399999999</v>
          </cell>
          <cell r="F3575">
            <v>-253.89355</v>
          </cell>
          <cell r="G3575">
            <v>-67.231210000000004</v>
          </cell>
          <cell r="H3575">
            <v>21830.39878</v>
          </cell>
          <cell r="I3575">
            <v>21509.274020000001</v>
          </cell>
        </row>
        <row r="3576">
          <cell r="A3576" t="str">
            <v>P331</v>
          </cell>
          <cell r="B3576">
            <v>0</v>
          </cell>
          <cell r="C3576">
            <v>0</v>
          </cell>
          <cell r="D3576">
            <v>-8.7778900000002977</v>
          </cell>
          <cell r="E3576">
            <v>-8.7778900000002977</v>
          </cell>
          <cell r="F3576">
            <v>-2.0000000000000001E-4</v>
          </cell>
          <cell r="H3576">
            <v>5433.90571</v>
          </cell>
          <cell r="I3576">
            <v>5433.9055099999996</v>
          </cell>
        </row>
        <row r="3577">
          <cell r="A3577" t="str">
            <v>P333</v>
          </cell>
          <cell r="B3577">
            <v>0</v>
          </cell>
          <cell r="C3577">
            <v>0</v>
          </cell>
          <cell r="D3577">
            <v>2021.2372400000022</v>
          </cell>
          <cell r="E3577">
            <v>2021.2372399999986</v>
          </cell>
          <cell r="F3577">
            <v>1.57542</v>
          </cell>
          <cell r="H3577">
            <v>23233.134870000002</v>
          </cell>
          <cell r="I3577">
            <v>23234.710289999999</v>
          </cell>
        </row>
        <row r="3578">
          <cell r="A3578" t="str">
            <v>P338</v>
          </cell>
          <cell r="B3578">
            <v>-329.80839000000003</v>
          </cell>
          <cell r="C3578">
            <v>0.4055800000000005</v>
          </cell>
          <cell r="D3578">
            <v>-242.15414000000055</v>
          </cell>
          <cell r="E3578">
            <v>-571.55695000000014</v>
          </cell>
          <cell r="F3578">
            <v>-255.46877000000001</v>
          </cell>
          <cell r="G3578">
            <v>-67.231210000000004</v>
          </cell>
          <cell r="H3578">
            <v>-6836.6418000000003</v>
          </cell>
          <cell r="I3578">
            <v>-7159.3417799999997</v>
          </cell>
        </row>
        <row r="3579">
          <cell r="A3579" t="str">
            <v>P400</v>
          </cell>
          <cell r="B3579">
            <v>-3606.7130199999956</v>
          </cell>
          <cell r="C3579">
            <v>0</v>
          </cell>
          <cell r="D3579">
            <v>-1111.5355599999966</v>
          </cell>
          <cell r="E3579">
            <v>-4718.2485799999849</v>
          </cell>
          <cell r="F3579">
            <v>91836.380130000005</v>
          </cell>
          <cell r="H3579">
            <v>59394.48444</v>
          </cell>
          <cell r="I3579">
            <v>151230.86457000001</v>
          </cell>
        </row>
        <row r="3580">
          <cell r="A3580" t="str">
            <v>P410</v>
          </cell>
          <cell r="B3580">
            <v>-12314.081919999997</v>
          </cell>
          <cell r="C3580">
            <v>0</v>
          </cell>
          <cell r="D3580">
            <v>0</v>
          </cell>
          <cell r="E3580">
            <v>-12314.081919999997</v>
          </cell>
          <cell r="F3580">
            <v>86379.227379999997</v>
          </cell>
          <cell r="H3580">
            <v>-63.555909999999997</v>
          </cell>
          <cell r="I3580">
            <v>86315.671470000001</v>
          </cell>
        </row>
        <row r="3581">
          <cell r="A3581" t="str">
            <v>P411</v>
          </cell>
          <cell r="B3581">
            <v>1176.7321500000016</v>
          </cell>
          <cell r="C3581">
            <v>0</v>
          </cell>
          <cell r="D3581">
            <v>0</v>
          </cell>
          <cell r="E3581">
            <v>1176.7321500000016</v>
          </cell>
          <cell r="F3581">
            <v>10747.487010000001</v>
          </cell>
          <cell r="H3581">
            <v>0</v>
          </cell>
          <cell r="I3581">
            <v>10747.487010000001</v>
          </cell>
        </row>
        <row r="3582">
          <cell r="A3582" t="str">
            <v>P412</v>
          </cell>
          <cell r="B3582">
            <v>0</v>
          </cell>
          <cell r="C3582">
            <v>0</v>
          </cell>
          <cell r="D3582">
            <v>0</v>
          </cell>
          <cell r="E3582">
            <v>0</v>
          </cell>
          <cell r="F3582">
            <v>10616.921979999999</v>
          </cell>
          <cell r="I3582">
            <v>10616.921979999999</v>
          </cell>
        </row>
        <row r="3583">
          <cell r="A3583" t="str">
            <v>P413</v>
          </cell>
          <cell r="B3583">
            <v>-13490.814069999993</v>
          </cell>
          <cell r="C3583">
            <v>0</v>
          </cell>
          <cell r="D3583">
            <v>0</v>
          </cell>
          <cell r="E3583">
            <v>-13490.81407</v>
          </cell>
          <cell r="F3583">
            <v>65014.81839</v>
          </cell>
          <cell r="H3583">
            <v>-63.555909999999997</v>
          </cell>
          <cell r="I3583">
            <v>64951.262479999998</v>
          </cell>
        </row>
        <row r="3584">
          <cell r="A3584" t="str">
            <v>P420</v>
          </cell>
          <cell r="B3584">
            <v>8707.3689000000013</v>
          </cell>
          <cell r="C3584">
            <v>0</v>
          </cell>
          <cell r="D3584">
            <v>-1111.5355599999966</v>
          </cell>
          <cell r="E3584">
            <v>7595.8333399999974</v>
          </cell>
          <cell r="F3584">
            <v>5457.1527500000002</v>
          </cell>
          <cell r="H3584">
            <v>59458.040350000003</v>
          </cell>
          <cell r="I3584">
            <v>64915.193099999997</v>
          </cell>
        </row>
        <row r="3585">
          <cell r="A3585" t="str">
            <v>P421</v>
          </cell>
          <cell r="B3585">
            <v>-7451.8470099999977</v>
          </cell>
          <cell r="C3585">
            <v>0</v>
          </cell>
          <cell r="D3585">
            <v>0</v>
          </cell>
          <cell r="E3585">
            <v>-7451.8470099999977</v>
          </cell>
          <cell r="F3585">
            <v>-59170.64759</v>
          </cell>
          <cell r="H3585">
            <v>-425.97719000000001</v>
          </cell>
          <cell r="I3585">
            <v>-59596.624779999998</v>
          </cell>
        </row>
        <row r="3586">
          <cell r="A3586" t="str">
            <v>P422</v>
          </cell>
          <cell r="B3586">
            <v>16159.215909999999</v>
          </cell>
          <cell r="C3586">
            <v>0</v>
          </cell>
          <cell r="D3586">
            <v>-1111.5355599999966</v>
          </cell>
          <cell r="E3586">
            <v>15047.680349999995</v>
          </cell>
          <cell r="F3586">
            <v>64627.800340000002</v>
          </cell>
          <cell r="H3586">
            <v>59884.017540000001</v>
          </cell>
          <cell r="I3586">
            <v>124511.81788</v>
          </cell>
        </row>
        <row r="3587">
          <cell r="A3587" t="str">
            <v>P8H</v>
          </cell>
          <cell r="B3587">
            <v>-10971.295089999971</v>
          </cell>
          <cell r="C3587">
            <v>663.38677999999982</v>
          </cell>
          <cell r="D3587">
            <v>4212.1172699999879</v>
          </cell>
          <cell r="E3587">
            <v>-6095.7910400000401</v>
          </cell>
          <cell r="F3587">
            <v>-505771.43953999999</v>
          </cell>
          <cell r="G3587">
            <v>8688.8231799999994</v>
          </cell>
          <cell r="H3587">
            <v>215009.88837999999</v>
          </cell>
          <cell r="I3587">
            <v>-282072.72798000003</v>
          </cell>
        </row>
        <row r="3588">
          <cell r="A3588" t="str">
            <v>P8</v>
          </cell>
          <cell r="B3588">
            <v>-10971.295089999971</v>
          </cell>
          <cell r="C3588">
            <v>663.38677999999982</v>
          </cell>
          <cell r="D3588">
            <v>4212.1172699999879</v>
          </cell>
          <cell r="E3588">
            <v>-6095.7910400000401</v>
          </cell>
          <cell r="F3588">
            <v>-505771.43953999999</v>
          </cell>
          <cell r="G3588">
            <v>8688.8231799999994</v>
          </cell>
          <cell r="H3588">
            <v>215009.88837999999</v>
          </cell>
          <cell r="I3588">
            <v>-282072.72798000003</v>
          </cell>
        </row>
        <row r="3589">
          <cell r="A3589" t="str">
            <v>P8</v>
          </cell>
          <cell r="B3589">
            <v>494800.14445000002</v>
          </cell>
          <cell r="C3589">
            <v>-8025.4363999999996</v>
          </cell>
          <cell r="D3589">
            <v>-210797.77111</v>
          </cell>
          <cell r="E3589">
            <v>275976.93693999999</v>
          </cell>
          <cell r="F3589">
            <v>0</v>
          </cell>
          <cell r="G3589">
            <v>0</v>
          </cell>
          <cell r="H3589">
            <v>0</v>
          </cell>
          <cell r="I3589">
            <v>0</v>
          </cell>
        </row>
        <row r="3590">
          <cell r="A3590" t="str">
            <v>P5</v>
          </cell>
          <cell r="B3590">
            <v>-10013.146949999966</v>
          </cell>
          <cell r="C3590">
            <v>663.79235999999946</v>
          </cell>
          <cell r="D3590">
            <v>17718.913620000007</v>
          </cell>
          <cell r="E3590">
            <v>8369.5590299999749</v>
          </cell>
          <cell r="F3590">
            <v>-477393.59045999998</v>
          </cell>
          <cell r="G3590">
            <v>8621.5992399999996</v>
          </cell>
          <cell r="H3590">
            <v>282164.21019000001</v>
          </cell>
          <cell r="I3590">
            <v>-186607.78103000001</v>
          </cell>
        </row>
        <row r="3591">
          <cell r="A3591" t="str">
            <v>P3</v>
          </cell>
          <cell r="B3591">
            <v>-6406.4339300000574</v>
          </cell>
          <cell r="C3591">
            <v>663.79235999999946</v>
          </cell>
          <cell r="D3591">
            <v>18830.449180000025</v>
          </cell>
          <cell r="E3591">
            <v>13087.807610000018</v>
          </cell>
          <cell r="F3591">
            <v>-569229.97059000004</v>
          </cell>
          <cell r="G3591">
            <v>8621.5992399999996</v>
          </cell>
          <cell r="H3591">
            <v>222769.72575000001</v>
          </cell>
          <cell r="I3591">
            <v>-337838.64559999999</v>
          </cell>
        </row>
        <row r="3592">
          <cell r="A3592" t="str">
            <v>P2</v>
          </cell>
          <cell r="B3592">
            <v>-16559.431020000018</v>
          </cell>
          <cell r="C3592">
            <v>663.38677999999891</v>
          </cell>
          <cell r="D3592">
            <v>9176.6762999999919</v>
          </cell>
          <cell r="E3592">
            <v>-6719.3679399999673</v>
          </cell>
          <cell r="F3592">
            <v>-565199.31813999999</v>
          </cell>
          <cell r="G3592">
            <v>8701.5026999999991</v>
          </cell>
          <cell r="H3592">
            <v>167169.84531</v>
          </cell>
          <cell r="I3592">
            <v>-389327.97012999997</v>
          </cell>
        </row>
        <row r="3593">
          <cell r="A3593" t="str">
            <v>P100</v>
          </cell>
          <cell r="B3593">
            <v>-67288.787959999987</v>
          </cell>
          <cell r="C3593">
            <v>0</v>
          </cell>
          <cell r="D3593">
            <v>0</v>
          </cell>
          <cell r="E3593">
            <v>-67288.787959999987</v>
          </cell>
          <cell r="F3593">
            <v>-995285.32062999997</v>
          </cell>
          <cell r="H3593">
            <v>0</v>
          </cell>
          <cell r="I3593">
            <v>-995285.32062999997</v>
          </cell>
        </row>
        <row r="3594">
          <cell r="A3594" t="str">
            <v>P110</v>
          </cell>
          <cell r="B3594">
            <v>-67288.787960000103</v>
          </cell>
          <cell r="C3594">
            <v>0</v>
          </cell>
          <cell r="D3594">
            <v>0</v>
          </cell>
          <cell r="E3594">
            <v>-67288.787960000103</v>
          </cell>
          <cell r="F3594">
            <v>-995285.32061000005</v>
          </cell>
          <cell r="H3594">
            <v>0</v>
          </cell>
          <cell r="I3594">
            <v>-995285.32061000005</v>
          </cell>
        </row>
        <row r="3595">
          <cell r="A3595" t="str">
            <v>P111</v>
          </cell>
          <cell r="B3595">
            <v>-278.16579000000002</v>
          </cell>
          <cell r="C3595">
            <v>0</v>
          </cell>
          <cell r="D3595">
            <v>0</v>
          </cell>
          <cell r="E3595">
            <v>-278.16579000000002</v>
          </cell>
          <cell r="F3595">
            <v>-2600.9898899999998</v>
          </cell>
          <cell r="I3595">
            <v>-2600.9898899999998</v>
          </cell>
        </row>
        <row r="3596">
          <cell r="A3596" t="str">
            <v>P11102</v>
          </cell>
          <cell r="B3596">
            <v>-278.16579000000002</v>
          </cell>
          <cell r="C3596">
            <v>0</v>
          </cell>
          <cell r="D3596">
            <v>0</v>
          </cell>
          <cell r="E3596">
            <v>-278.16579000000002</v>
          </cell>
          <cell r="F3596">
            <v>-2600.9898899999998</v>
          </cell>
          <cell r="I3596">
            <v>-2600.9898899999998</v>
          </cell>
        </row>
        <row r="3597">
          <cell r="A3597" t="str">
            <v>P112</v>
          </cell>
          <cell r="B3597">
            <v>-87495.784770000027</v>
          </cell>
          <cell r="C3597">
            <v>0</v>
          </cell>
          <cell r="D3597">
            <v>0</v>
          </cell>
          <cell r="E3597">
            <v>-87495.784770000027</v>
          </cell>
          <cell r="F3597">
            <v>-1019878.11376</v>
          </cell>
          <cell r="H3597">
            <v>0</v>
          </cell>
          <cell r="I3597">
            <v>-1019878.11376</v>
          </cell>
        </row>
        <row r="3598">
          <cell r="A3598" t="str">
            <v>P11201</v>
          </cell>
          <cell r="B3598">
            <v>-87495.784770000027</v>
          </cell>
          <cell r="C3598">
            <v>0</v>
          </cell>
          <cell r="D3598">
            <v>0</v>
          </cell>
          <cell r="E3598">
            <v>-87495.784770000027</v>
          </cell>
          <cell r="F3598">
            <v>-1019878.11376</v>
          </cell>
          <cell r="H3598">
            <v>0</v>
          </cell>
          <cell r="I3598">
            <v>-1019878.11376</v>
          </cell>
        </row>
        <row r="3599">
          <cell r="A3599" t="str">
            <v>P113</v>
          </cell>
          <cell r="B3599">
            <v>-10005.81539</v>
          </cell>
          <cell r="C3599">
            <v>0</v>
          </cell>
          <cell r="D3599">
            <v>0</v>
          </cell>
          <cell r="E3599">
            <v>-10005.81539</v>
          </cell>
          <cell r="F3599">
            <v>-12780.706840000001</v>
          </cell>
          <cell r="I3599">
            <v>-12780.706840000001</v>
          </cell>
        </row>
        <row r="3600">
          <cell r="A3600" t="str">
            <v>P114</v>
          </cell>
          <cell r="B3600">
            <v>11312.45666</v>
          </cell>
          <cell r="C3600">
            <v>0</v>
          </cell>
          <cell r="D3600">
            <v>0</v>
          </cell>
          <cell r="E3600">
            <v>11312.45666</v>
          </cell>
          <cell r="F3600">
            <v>11312.45666</v>
          </cell>
          <cell r="I3600">
            <v>11312.45666</v>
          </cell>
        </row>
        <row r="3601">
          <cell r="A3601" t="str">
            <v>P11401</v>
          </cell>
          <cell r="B3601">
            <v>11312.45666</v>
          </cell>
          <cell r="C3601">
            <v>0</v>
          </cell>
          <cell r="D3601">
            <v>0</v>
          </cell>
          <cell r="E3601">
            <v>11312.45666</v>
          </cell>
          <cell r="F3601">
            <v>11312.45666</v>
          </cell>
          <cell r="I3601">
            <v>11312.45666</v>
          </cell>
        </row>
        <row r="3602">
          <cell r="A3602" t="str">
            <v>P115</v>
          </cell>
          <cell r="B3602">
            <v>19178.521330000003</v>
          </cell>
          <cell r="C3602">
            <v>0</v>
          </cell>
          <cell r="D3602">
            <v>0</v>
          </cell>
          <cell r="E3602">
            <v>19178.521330000003</v>
          </cell>
          <cell r="F3602">
            <v>28662.033220000001</v>
          </cell>
          <cell r="I3602">
            <v>28662.033220000001</v>
          </cell>
        </row>
        <row r="3603">
          <cell r="A3603" t="str">
            <v>P120</v>
          </cell>
          <cell r="B3603">
            <v>0</v>
          </cell>
          <cell r="C3603">
            <v>0</v>
          </cell>
          <cell r="D3603">
            <v>0</v>
          </cell>
          <cell r="E3603">
            <v>0</v>
          </cell>
          <cell r="F3603">
            <v>-2.0000000000000002E-5</v>
          </cell>
          <cell r="I3603">
            <v>-2.0000000000000002E-5</v>
          </cell>
        </row>
        <row r="3604">
          <cell r="A3604" t="str">
            <v>P12002</v>
          </cell>
          <cell r="B3604">
            <v>0</v>
          </cell>
          <cell r="C3604">
            <v>0</v>
          </cell>
          <cell r="D3604">
            <v>0</v>
          </cell>
          <cell r="E3604">
            <v>0</v>
          </cell>
          <cell r="F3604">
            <v>-2.0000000000000002E-5</v>
          </cell>
          <cell r="I3604">
            <v>-2.0000000000000002E-5</v>
          </cell>
        </row>
        <row r="3605">
          <cell r="A3605" t="str">
            <v>P200</v>
          </cell>
          <cell r="B3605">
            <v>50729.356939999969</v>
          </cell>
          <cell r="C3605">
            <v>663.38677999999891</v>
          </cell>
          <cell r="D3605">
            <v>9176.6762999999919</v>
          </cell>
          <cell r="E3605">
            <v>60569.420019999961</v>
          </cell>
          <cell r="F3605">
            <v>430086.00248999998</v>
          </cell>
          <cell r="G3605">
            <v>8701.5026999999991</v>
          </cell>
          <cell r="H3605">
            <v>167169.84531</v>
          </cell>
          <cell r="I3605">
            <v>605957.35049999994</v>
          </cell>
        </row>
        <row r="3606">
          <cell r="A3606" t="str">
            <v>P220</v>
          </cell>
          <cell r="B3606">
            <v>10868.47980999999</v>
          </cell>
          <cell r="C3606">
            <v>0</v>
          </cell>
          <cell r="D3606">
            <v>0</v>
          </cell>
          <cell r="E3606">
            <v>10868.47980999999</v>
          </cell>
          <cell r="F3606">
            <v>107600.88526</v>
          </cell>
          <cell r="I3606">
            <v>107600.88526</v>
          </cell>
        </row>
        <row r="3607">
          <cell r="A3607" t="str">
            <v>P220</v>
          </cell>
          <cell r="B3607">
            <v>-96732.405450000006</v>
          </cell>
          <cell r="C3607">
            <v>0</v>
          </cell>
          <cell r="D3607">
            <v>0</v>
          </cell>
          <cell r="E3607">
            <v>-96732.405450000006</v>
          </cell>
        </row>
        <row r="3608">
          <cell r="A3608" t="str">
            <v>P22001</v>
          </cell>
          <cell r="B3608">
            <v>10733.341769999999</v>
          </cell>
          <cell r="C3608">
            <v>0</v>
          </cell>
          <cell r="D3608">
            <v>0</v>
          </cell>
          <cell r="E3608">
            <v>10733.341769999999</v>
          </cell>
          <cell r="F3608">
            <v>106854.82752000001</v>
          </cell>
          <cell r="I3608">
            <v>106854.82752000001</v>
          </cell>
        </row>
        <row r="3609">
          <cell r="A3609" t="str">
            <v>P22002</v>
          </cell>
          <cell r="B3609">
            <v>135.13803999999993</v>
          </cell>
          <cell r="C3609">
            <v>0</v>
          </cell>
          <cell r="D3609">
            <v>0</v>
          </cell>
          <cell r="E3609">
            <v>135.13803999999993</v>
          </cell>
          <cell r="F3609">
            <v>746.05773999999997</v>
          </cell>
          <cell r="I3609">
            <v>746.05773999999997</v>
          </cell>
        </row>
        <row r="3610">
          <cell r="A3610" t="str">
            <v>P230</v>
          </cell>
          <cell r="B3610">
            <v>14566.912230000002</v>
          </cell>
          <cell r="C3610">
            <v>174.41241000000014</v>
          </cell>
          <cell r="D3610">
            <v>598.39194000000134</v>
          </cell>
          <cell r="E3610">
            <v>15339.716579999978</v>
          </cell>
          <cell r="F3610">
            <v>124746.29124000001</v>
          </cell>
          <cell r="G3610">
            <v>1479.6029100000001</v>
          </cell>
          <cell r="H3610">
            <v>42791.75518</v>
          </cell>
          <cell r="I3610">
            <v>169017.64932999999</v>
          </cell>
        </row>
        <row r="3611">
          <cell r="A3611" t="str">
            <v>P231</v>
          </cell>
          <cell r="B3611">
            <v>7524.3478800000012</v>
          </cell>
          <cell r="C3611">
            <v>0</v>
          </cell>
          <cell r="D3611">
            <v>0</v>
          </cell>
          <cell r="E3611">
            <v>7524.3478800000012</v>
          </cell>
          <cell r="F3611">
            <v>39745.274380000003</v>
          </cell>
          <cell r="I3611">
            <v>39745.274380000003</v>
          </cell>
        </row>
        <row r="3612">
          <cell r="A3612" t="str">
            <v>P232</v>
          </cell>
          <cell r="B3612">
            <v>-1092.1854800000001</v>
          </cell>
          <cell r="C3612">
            <v>0</v>
          </cell>
          <cell r="D3612">
            <v>0</v>
          </cell>
          <cell r="E3612">
            <v>-1092.1854800000001</v>
          </cell>
          <cell r="F3612">
            <v>12018.366400000001</v>
          </cell>
          <cell r="I3612">
            <v>12018.366400000001</v>
          </cell>
        </row>
        <row r="3613">
          <cell r="A3613" t="str">
            <v>P233</v>
          </cell>
          <cell r="B3613">
            <v>5985.2905700000047</v>
          </cell>
          <cell r="C3613">
            <v>0</v>
          </cell>
          <cell r="D3613">
            <v>0</v>
          </cell>
          <cell r="E3613">
            <v>5985.2905700000047</v>
          </cell>
          <cell r="F3613">
            <v>51233.819860000003</v>
          </cell>
          <cell r="I3613">
            <v>51233.819860000003</v>
          </cell>
        </row>
        <row r="3614">
          <cell r="A3614" t="str">
            <v>P235</v>
          </cell>
          <cell r="B3614">
            <v>1480.3103699999992</v>
          </cell>
          <cell r="C3614">
            <v>33.603870000000029</v>
          </cell>
          <cell r="D3614">
            <v>38.501019999999983</v>
          </cell>
          <cell r="E3614">
            <v>1552.4152599999998</v>
          </cell>
          <cell r="F3614">
            <v>15571.23511</v>
          </cell>
          <cell r="G3614">
            <v>715.05547000000001</v>
          </cell>
          <cell r="H3614">
            <v>234.19372999999999</v>
          </cell>
          <cell r="I3614">
            <v>16520.48431</v>
          </cell>
        </row>
        <row r="3615">
          <cell r="A3615" t="str">
            <v>P236</v>
          </cell>
          <cell r="B3615">
            <v>607.54323000000022</v>
          </cell>
          <cell r="C3615">
            <v>140.80853999999999</v>
          </cell>
          <cell r="D3615">
            <v>-3768.6519999999982</v>
          </cell>
          <cell r="E3615">
            <v>-3020.3002300000007</v>
          </cell>
          <cell r="F3615">
            <v>6159.9374299999999</v>
          </cell>
          <cell r="G3615">
            <v>783.77134000000001</v>
          </cell>
          <cell r="H3615">
            <v>30938.3351</v>
          </cell>
          <cell r="I3615">
            <v>37882.043870000001</v>
          </cell>
        </row>
        <row r="3616">
          <cell r="A3616" t="str">
            <v>P237</v>
          </cell>
          <cell r="B3616">
            <v>61.60566</v>
          </cell>
          <cell r="C3616">
            <v>0</v>
          </cell>
          <cell r="D3616">
            <v>4328.5429200000008</v>
          </cell>
          <cell r="E3616">
            <v>4390.1485799999991</v>
          </cell>
          <cell r="F3616">
            <v>24.64987</v>
          </cell>
          <cell r="G3616">
            <v>-19.2239</v>
          </cell>
          <cell r="H3616">
            <v>11619.226350000001</v>
          </cell>
          <cell r="I3616">
            <v>11624.652319999999</v>
          </cell>
        </row>
        <row r="3617">
          <cell r="A3617" t="str">
            <v>P238</v>
          </cell>
          <cell r="B3617">
            <v>0</v>
          </cell>
          <cell r="C3617">
            <v>0</v>
          </cell>
          <cell r="D3617">
            <v>0</v>
          </cell>
          <cell r="E3617">
            <v>0</v>
          </cell>
          <cell r="F3617">
            <v>-6.9918100000000001</v>
          </cell>
          <cell r="I3617">
            <v>-6.9918100000000001</v>
          </cell>
        </row>
        <row r="3618">
          <cell r="A3618" t="str">
            <v>P240</v>
          </cell>
          <cell r="B3618">
            <v>920.76583000000028</v>
          </cell>
          <cell r="C3618">
            <v>64.137990000000173</v>
          </cell>
          <cell r="D3618">
            <v>4834.9081100000012</v>
          </cell>
          <cell r="E3618">
            <v>5819.8119300000017</v>
          </cell>
          <cell r="F3618">
            <v>10378.38521</v>
          </cell>
          <cell r="G3618">
            <v>1765.0608500000001</v>
          </cell>
          <cell r="H3618">
            <v>9548.2838800000009</v>
          </cell>
          <cell r="I3618">
            <v>21691.729940000001</v>
          </cell>
        </row>
        <row r="3619">
          <cell r="A3619" t="str">
            <v>P241</v>
          </cell>
          <cell r="B3619">
            <v>-47.220410000000001</v>
          </cell>
          <cell r="C3619">
            <v>0</v>
          </cell>
          <cell r="D3619">
            <v>0</v>
          </cell>
          <cell r="E3619">
            <v>-47.220410000000001</v>
          </cell>
          <cell r="F3619">
            <v>36.757379999999998</v>
          </cell>
          <cell r="I3619">
            <v>36.757379999999998</v>
          </cell>
        </row>
        <row r="3620">
          <cell r="A3620" t="str">
            <v>P24102</v>
          </cell>
          <cell r="B3620">
            <v>-47.220410000000001</v>
          </cell>
          <cell r="C3620">
            <v>0</v>
          </cell>
          <cell r="D3620">
            <v>0</v>
          </cell>
          <cell r="E3620">
            <v>-47.220410000000001</v>
          </cell>
          <cell r="F3620">
            <v>36.757379999999998</v>
          </cell>
          <cell r="I3620">
            <v>36.757379999999998</v>
          </cell>
        </row>
        <row r="3621">
          <cell r="A3621" t="str">
            <v>P242</v>
          </cell>
          <cell r="B3621">
            <v>967.98623999999836</v>
          </cell>
          <cell r="C3621">
            <v>0</v>
          </cell>
          <cell r="D3621">
            <v>0</v>
          </cell>
          <cell r="E3621">
            <v>967.98623999999836</v>
          </cell>
          <cell r="F3621">
            <v>10255.716619999999</v>
          </cell>
          <cell r="I3621">
            <v>10255.716619999999</v>
          </cell>
        </row>
        <row r="3622">
          <cell r="A3622" t="str">
            <v>P243</v>
          </cell>
          <cell r="B3622">
            <v>0</v>
          </cell>
          <cell r="C3622">
            <v>50.394610000000057</v>
          </cell>
          <cell r="D3622">
            <v>4826.1747399999995</v>
          </cell>
          <cell r="E3622">
            <v>4876.5693499999998</v>
          </cell>
          <cell r="G3622">
            <v>1811.3258900000001</v>
          </cell>
          <cell r="H3622">
            <v>9467.7786699999997</v>
          </cell>
          <cell r="I3622">
            <v>11279.10456</v>
          </cell>
        </row>
        <row r="3623">
          <cell r="A3623" t="str">
            <v>P24310</v>
          </cell>
          <cell r="B3623">
            <v>0</v>
          </cell>
          <cell r="C3623">
            <v>50.394610000000057</v>
          </cell>
          <cell r="D3623">
            <v>319.95440999999994</v>
          </cell>
          <cell r="E3623">
            <v>370.34901999999965</v>
          </cell>
          <cell r="G3623">
            <v>1811.3258900000001</v>
          </cell>
          <cell r="H3623">
            <v>869.53044999999997</v>
          </cell>
          <cell r="I3623">
            <v>2680.8563399999998</v>
          </cell>
        </row>
        <row r="3624">
          <cell r="A3624" t="str">
            <v>P24311</v>
          </cell>
          <cell r="B3624">
            <v>0</v>
          </cell>
          <cell r="C3624">
            <v>50.394610000000057</v>
          </cell>
          <cell r="D3624">
            <v>319.95440999999994</v>
          </cell>
          <cell r="E3624">
            <v>370.34901999999965</v>
          </cell>
          <cell r="G3624">
            <v>1811.3258900000001</v>
          </cell>
          <cell r="H3624">
            <v>869.53044999999997</v>
          </cell>
          <cell r="I3624">
            <v>2680.8563399999998</v>
          </cell>
        </row>
        <row r="3625">
          <cell r="A3625" t="str">
            <v>P24320</v>
          </cell>
          <cell r="B3625">
            <v>0</v>
          </cell>
          <cell r="C3625">
            <v>0</v>
          </cell>
          <cell r="D3625">
            <v>4506.2203300000001</v>
          </cell>
          <cell r="E3625">
            <v>4506.2203300000001</v>
          </cell>
          <cell r="H3625">
            <v>8598.2482199999995</v>
          </cell>
          <cell r="I3625">
            <v>8598.2482199999995</v>
          </cell>
        </row>
        <row r="3626">
          <cell r="A3626" t="str">
            <v>P24313</v>
          </cell>
          <cell r="B3626">
            <v>0</v>
          </cell>
          <cell r="C3626">
            <v>0</v>
          </cell>
          <cell r="D3626">
            <v>4506.2203300000001</v>
          </cell>
          <cell r="E3626">
            <v>4506.2203300000001</v>
          </cell>
          <cell r="H3626">
            <v>8598.2482199999995</v>
          </cell>
          <cell r="I3626">
            <v>8598.2482199999995</v>
          </cell>
        </row>
        <row r="3627">
          <cell r="A3627" t="str">
            <v>P244P</v>
          </cell>
          <cell r="B3627">
            <v>0</v>
          </cell>
          <cell r="C3627">
            <v>13.743380000000002</v>
          </cell>
          <cell r="D3627">
            <v>8.7333700000000078</v>
          </cell>
          <cell r="E3627">
            <v>22.47675000000001</v>
          </cell>
          <cell r="F3627">
            <v>85.911209999999997</v>
          </cell>
          <cell r="G3627">
            <v>-46.265039999999999</v>
          </cell>
          <cell r="H3627">
            <v>80.505210000000005</v>
          </cell>
          <cell r="I3627">
            <v>120.15138</v>
          </cell>
        </row>
        <row r="3628">
          <cell r="A3628" t="str">
            <v>P24401</v>
          </cell>
          <cell r="B3628">
            <v>0</v>
          </cell>
          <cell r="C3628">
            <v>13.743380000000002</v>
          </cell>
          <cell r="D3628">
            <v>8.7333700000000078</v>
          </cell>
          <cell r="E3628">
            <v>22.47675000000001</v>
          </cell>
          <cell r="F3628">
            <v>85.911209999999997</v>
          </cell>
          <cell r="G3628">
            <v>-46.265039999999999</v>
          </cell>
          <cell r="H3628">
            <v>80.505210000000005</v>
          </cell>
          <cell r="I3628">
            <v>120.15138</v>
          </cell>
        </row>
        <row r="3629">
          <cell r="A3629" t="str">
            <v>P250</v>
          </cell>
          <cell r="B3629">
            <v>1854.6046299999998</v>
          </cell>
          <cell r="C3629">
            <v>329.6587099999997</v>
          </cell>
          <cell r="D3629">
            <v>0</v>
          </cell>
          <cell r="E3629">
            <v>2184.2633400000013</v>
          </cell>
          <cell r="F3629">
            <v>17234.388269999999</v>
          </cell>
          <cell r="G3629">
            <v>9018.5883599999997</v>
          </cell>
          <cell r="I3629">
            <v>26252.976630000001</v>
          </cell>
        </row>
        <row r="3630">
          <cell r="A3630" t="str">
            <v>P251</v>
          </cell>
          <cell r="B3630">
            <v>1752.3246399999989</v>
          </cell>
          <cell r="C3630">
            <v>329.6587099999997</v>
          </cell>
          <cell r="D3630">
            <v>0</v>
          </cell>
          <cell r="E3630">
            <v>2081.9833500000022</v>
          </cell>
          <cell r="F3630">
            <v>16541.951649999999</v>
          </cell>
          <cell r="G3630">
            <v>9018.5883599999997</v>
          </cell>
          <cell r="I3630">
            <v>25560.540010000001</v>
          </cell>
        </row>
        <row r="3631">
          <cell r="A3631" t="str">
            <v>P253</v>
          </cell>
          <cell r="B3631">
            <v>102.27999</v>
          </cell>
          <cell r="C3631">
            <v>0</v>
          </cell>
          <cell r="D3631">
            <v>0</v>
          </cell>
          <cell r="E3631">
            <v>102.27999</v>
          </cell>
          <cell r="F3631">
            <v>692.43661999999995</v>
          </cell>
          <cell r="I3631">
            <v>692.43661999999995</v>
          </cell>
        </row>
        <row r="3632">
          <cell r="A3632" t="str">
            <v>P260</v>
          </cell>
          <cell r="B3632">
            <v>21635.040099999984</v>
          </cell>
          <cell r="C3632">
            <v>45.351949999999988</v>
          </cell>
          <cell r="D3632">
            <v>107.76175000000001</v>
          </cell>
          <cell r="E3632">
            <v>21788.1538</v>
          </cell>
          <cell r="F3632">
            <v>221651.42118999999</v>
          </cell>
          <cell r="G3632">
            <v>416.20988999999997</v>
          </cell>
          <cell r="H3632">
            <v>653.83279000000005</v>
          </cell>
          <cell r="I3632">
            <v>222721.46387000001</v>
          </cell>
        </row>
        <row r="3633">
          <cell r="A3633" t="str">
            <v>P261</v>
          </cell>
          <cell r="B3633">
            <v>21635.040100000013</v>
          </cell>
          <cell r="C3633">
            <v>45.351949999999988</v>
          </cell>
          <cell r="D3633">
            <v>107.76175000000001</v>
          </cell>
          <cell r="E3633">
            <v>21788.1538</v>
          </cell>
          <cell r="F3633">
            <v>221651.42019</v>
          </cell>
          <cell r="G3633">
            <v>416.20988999999997</v>
          </cell>
          <cell r="H3633">
            <v>653.83279000000005</v>
          </cell>
          <cell r="I3633">
            <v>222721.46286999999</v>
          </cell>
        </row>
        <row r="3634">
          <cell r="A3634" t="str">
            <v>P26101</v>
          </cell>
          <cell r="B3634">
            <v>16457.414929999999</v>
          </cell>
          <cell r="C3634">
            <v>45.351949999999988</v>
          </cell>
          <cell r="D3634">
            <v>107.76175000000001</v>
          </cell>
          <cell r="E3634">
            <v>16610.528630000015</v>
          </cell>
          <cell r="F3634">
            <v>169304.39533999999</v>
          </cell>
          <cell r="G3634">
            <v>416.20988999999997</v>
          </cell>
          <cell r="H3634">
            <v>653.83279000000005</v>
          </cell>
          <cell r="I3634">
            <v>170374.43802</v>
          </cell>
        </row>
        <row r="3635">
          <cell r="A3635" t="str">
            <v>P26105</v>
          </cell>
          <cell r="B3635">
            <v>5177.6251699999993</v>
          </cell>
          <cell r="C3635">
            <v>0</v>
          </cell>
          <cell r="D3635">
            <v>0</v>
          </cell>
          <cell r="E3635">
            <v>5177.6251699999993</v>
          </cell>
          <cell r="F3635">
            <v>52347.024850000002</v>
          </cell>
          <cell r="I3635">
            <v>52347.024850000002</v>
          </cell>
        </row>
        <row r="3636">
          <cell r="A3636" t="str">
            <v>P263</v>
          </cell>
          <cell r="B3636">
            <v>0</v>
          </cell>
          <cell r="C3636">
            <v>0</v>
          </cell>
          <cell r="D3636">
            <v>0</v>
          </cell>
          <cell r="E3636">
            <v>0</v>
          </cell>
          <cell r="F3636">
            <v>1E-3</v>
          </cell>
          <cell r="I3636">
            <v>1E-3</v>
          </cell>
        </row>
        <row r="3637">
          <cell r="A3637" t="str">
            <v>P26301</v>
          </cell>
          <cell r="B3637">
            <v>0</v>
          </cell>
          <cell r="C3637">
            <v>0</v>
          </cell>
          <cell r="D3637">
            <v>0</v>
          </cell>
          <cell r="E3637">
            <v>0</v>
          </cell>
          <cell r="F3637">
            <v>1E-3</v>
          </cell>
          <cell r="I3637">
            <v>1E-3</v>
          </cell>
        </row>
        <row r="3638">
          <cell r="A3638" t="str">
            <v>P275</v>
          </cell>
          <cell r="B3638">
            <v>883.55434000000241</v>
          </cell>
          <cell r="C3638">
            <v>49.825719999999819</v>
          </cell>
          <cell r="D3638">
            <v>-217.40897000000405</v>
          </cell>
          <cell r="E3638">
            <v>715.97108999999909</v>
          </cell>
          <cell r="F3638">
            <v>-51525.36868</v>
          </cell>
          <cell r="G3638">
            <v>-3977.9593100000002</v>
          </cell>
          <cell r="H3638">
            <v>102195.5549</v>
          </cell>
          <cell r="I3638">
            <v>46692.226909999998</v>
          </cell>
        </row>
        <row r="3639">
          <cell r="A3639" t="str">
            <v>P280</v>
          </cell>
          <cell r="B3639">
            <v>0</v>
          </cell>
          <cell r="C3639">
            <v>0</v>
          </cell>
          <cell r="D3639">
            <v>3853.0234700000001</v>
          </cell>
          <cell r="E3639">
            <v>3853.0234700000001</v>
          </cell>
          <cell r="H3639">
            <v>11980.41856</v>
          </cell>
          <cell r="I3639">
            <v>11980.41856</v>
          </cell>
        </row>
        <row r="3640">
          <cell r="A3640" t="str">
            <v>P300</v>
          </cell>
          <cell r="B3640">
            <v>10152.997090000001</v>
          </cell>
          <cell r="C3640">
            <v>0.4055800000000005</v>
          </cell>
          <cell r="D3640">
            <v>9653.7728800000041</v>
          </cell>
          <cell r="E3640">
            <v>19807.175549999996</v>
          </cell>
          <cell r="F3640">
            <v>-4030.65245</v>
          </cell>
          <cell r="G3640">
            <v>-79.903459999999995</v>
          </cell>
          <cell r="H3640">
            <v>55599.880440000001</v>
          </cell>
          <cell r="I3640">
            <v>51489.324529999998</v>
          </cell>
        </row>
        <row r="3641">
          <cell r="A3641" t="str">
            <v>P340</v>
          </cell>
          <cell r="B3641">
            <v>0</v>
          </cell>
          <cell r="C3641">
            <v>0</v>
          </cell>
          <cell r="D3641">
            <v>0</v>
          </cell>
          <cell r="E3641">
            <v>0</v>
          </cell>
          <cell r="F3641">
            <v>-96649.244600000005</v>
          </cell>
          <cell r="G3641">
            <v>-12.67952</v>
          </cell>
          <cell r="I3641">
            <v>-96661.924119999996</v>
          </cell>
        </row>
        <row r="3642">
          <cell r="A3642" t="str">
            <v>P342</v>
          </cell>
          <cell r="B3642">
            <v>0</v>
          </cell>
          <cell r="C3642">
            <v>0</v>
          </cell>
          <cell r="D3642">
            <v>0</v>
          </cell>
          <cell r="E3642">
            <v>0</v>
          </cell>
          <cell r="F3642">
            <v>-96649.244600000005</v>
          </cell>
          <cell r="G3642">
            <v>-12.67952</v>
          </cell>
          <cell r="I3642">
            <v>-96661.924119999996</v>
          </cell>
        </row>
        <row r="3643">
          <cell r="A3643" t="str">
            <v>P26103</v>
          </cell>
          <cell r="B3643">
            <v>0</v>
          </cell>
          <cell r="C3643">
            <v>0</v>
          </cell>
          <cell r="D3643">
            <v>0</v>
          </cell>
          <cell r="E3643">
            <v>0</v>
          </cell>
          <cell r="F3643">
            <v>-96649.244600000005</v>
          </cell>
          <cell r="G3643">
            <v>-12.67952</v>
          </cell>
          <cell r="I3643">
            <v>-96661.924119999996</v>
          </cell>
        </row>
        <row r="3644">
          <cell r="A3644" t="str">
            <v>P26302</v>
          </cell>
          <cell r="B3644">
            <v>0</v>
          </cell>
          <cell r="C3644">
            <v>0</v>
          </cell>
          <cell r="D3644">
            <v>0</v>
          </cell>
          <cell r="E3644">
            <v>0</v>
          </cell>
        </row>
        <row r="3645">
          <cell r="A3645" t="str">
            <v>P310</v>
          </cell>
          <cell r="B3645">
            <v>-2.1544099999999999</v>
          </cell>
          <cell r="C3645">
            <v>0</v>
          </cell>
          <cell r="D3645">
            <v>0</v>
          </cell>
          <cell r="E3645">
            <v>-2.1544100000000981</v>
          </cell>
          <cell r="F3645">
            <v>-5.1690100000000001</v>
          </cell>
          <cell r="H3645">
            <v>-6284.0358399999996</v>
          </cell>
          <cell r="I3645">
            <v>-6289.2048500000001</v>
          </cell>
        </row>
        <row r="3646">
          <cell r="A3646" t="str">
            <v>P311</v>
          </cell>
          <cell r="B3646">
            <v>-2.1544099999999999</v>
          </cell>
          <cell r="C3646">
            <v>0</v>
          </cell>
          <cell r="D3646">
            <v>0</v>
          </cell>
          <cell r="E3646">
            <v>-2.1544100000000981</v>
          </cell>
          <cell r="F3646">
            <v>-5.1690100000000001</v>
          </cell>
          <cell r="H3646">
            <v>-6284.0358399999996</v>
          </cell>
          <cell r="I3646">
            <v>-6289.2048500000001</v>
          </cell>
        </row>
        <row r="3647">
          <cell r="A3647" t="str">
            <v>P320</v>
          </cell>
          <cell r="B3647">
            <v>10484.959889999998</v>
          </cell>
          <cell r="C3647">
            <v>0</v>
          </cell>
          <cell r="D3647">
            <v>7883.4676700000018</v>
          </cell>
          <cell r="E3647">
            <v>18368.427559999996</v>
          </cell>
          <cell r="F3647">
            <v>92877.654710000003</v>
          </cell>
          <cell r="G3647">
            <v>7.2700000000000004E-3</v>
          </cell>
          <cell r="H3647">
            <v>40053.517500000002</v>
          </cell>
          <cell r="I3647">
            <v>132931.17947999999</v>
          </cell>
        </row>
        <row r="3648">
          <cell r="A3648" t="str">
            <v>P321</v>
          </cell>
          <cell r="B3648">
            <v>993.36787999999979</v>
          </cell>
          <cell r="C3648">
            <v>0</v>
          </cell>
          <cell r="D3648">
            <v>3719.570630000002</v>
          </cell>
          <cell r="E3648">
            <v>4712.93851</v>
          </cell>
          <cell r="F3648">
            <v>9404.0121199999994</v>
          </cell>
          <cell r="H3648">
            <v>34220.758750000001</v>
          </cell>
          <cell r="I3648">
            <v>43624.77087</v>
          </cell>
        </row>
        <row r="3649">
          <cell r="A3649" t="str">
            <v>P32103</v>
          </cell>
          <cell r="B3649">
            <v>1006.70903</v>
          </cell>
          <cell r="C3649">
            <v>0</v>
          </cell>
          <cell r="D3649">
            <v>3719.570630000002</v>
          </cell>
          <cell r="E3649">
            <v>4726.2796600000001</v>
          </cell>
          <cell r="F3649">
            <v>9613.3596899999993</v>
          </cell>
          <cell r="H3649">
            <v>34220.758750000001</v>
          </cell>
          <cell r="I3649">
            <v>43834.118439999998</v>
          </cell>
        </row>
        <row r="3650">
          <cell r="A3650" t="str">
            <v>P32104</v>
          </cell>
          <cell r="B3650">
            <v>-13.341149999999999</v>
          </cell>
          <cell r="C3650">
            <v>0</v>
          </cell>
          <cell r="D3650">
            <v>0</v>
          </cell>
          <cell r="E3650">
            <v>-13.341149999999999</v>
          </cell>
          <cell r="F3650">
            <v>-209.34756999999999</v>
          </cell>
          <cell r="I3650">
            <v>-209.34756999999999</v>
          </cell>
        </row>
        <row r="3651">
          <cell r="A3651" t="str">
            <v>P322</v>
          </cell>
          <cell r="B3651">
            <v>8215.9814100000076</v>
          </cell>
          <cell r="C3651">
            <v>0</v>
          </cell>
          <cell r="D3651">
            <v>4163.8970399999998</v>
          </cell>
          <cell r="E3651">
            <v>12379.878450000004</v>
          </cell>
          <cell r="F3651">
            <v>70875.494000000006</v>
          </cell>
          <cell r="G3651">
            <v>7.2700000000000004E-3</v>
          </cell>
          <cell r="H3651">
            <v>5832.75875</v>
          </cell>
          <cell r="I3651">
            <v>76708.260020000002</v>
          </cell>
        </row>
        <row r="3652">
          <cell r="A3652" t="str">
            <v>P323</v>
          </cell>
          <cell r="B3652">
            <v>-467.39133999999967</v>
          </cell>
          <cell r="C3652">
            <v>0</v>
          </cell>
          <cell r="D3652">
            <v>0</v>
          </cell>
          <cell r="E3652">
            <v>-467.39133999999967</v>
          </cell>
          <cell r="F3652">
            <v>-3088.8688699999998</v>
          </cell>
          <cell r="I3652">
            <v>-3088.8688699999998</v>
          </cell>
        </row>
        <row r="3653">
          <cell r="A3653" t="str">
            <v>P324</v>
          </cell>
          <cell r="B3653">
            <v>1743.0019399999983</v>
          </cell>
          <cell r="C3653">
            <v>0</v>
          </cell>
          <cell r="D3653">
            <v>0</v>
          </cell>
          <cell r="E3653">
            <v>1743.0019399999983</v>
          </cell>
          <cell r="F3653">
            <v>15687.017459999999</v>
          </cell>
          <cell r="I3653">
            <v>15687.017459999999</v>
          </cell>
        </row>
        <row r="3654">
          <cell r="A3654" t="str">
            <v>P330</v>
          </cell>
          <cell r="B3654">
            <v>-329.80839000000003</v>
          </cell>
          <cell r="C3654">
            <v>0.4055800000000005</v>
          </cell>
          <cell r="D3654">
            <v>1770.3052099999986</v>
          </cell>
          <cell r="E3654">
            <v>1440.902399999999</v>
          </cell>
          <cell r="F3654">
            <v>-253.89355</v>
          </cell>
          <cell r="G3654">
            <v>-67.231210000000004</v>
          </cell>
          <cell r="H3654">
            <v>21830.39878</v>
          </cell>
          <cell r="I3654">
            <v>21509.274020000001</v>
          </cell>
        </row>
        <row r="3655">
          <cell r="A3655" t="str">
            <v>P331</v>
          </cell>
          <cell r="B3655">
            <v>0</v>
          </cell>
          <cell r="C3655">
            <v>0</v>
          </cell>
          <cell r="D3655">
            <v>-8.7778900000002977</v>
          </cell>
          <cell r="E3655">
            <v>-8.7778900000002977</v>
          </cell>
          <cell r="F3655">
            <v>-2.0000000000000001E-4</v>
          </cell>
          <cell r="H3655">
            <v>5433.90571</v>
          </cell>
          <cell r="I3655">
            <v>5433.9055099999996</v>
          </cell>
        </row>
        <row r="3656">
          <cell r="A3656" t="str">
            <v>P333</v>
          </cell>
          <cell r="B3656">
            <v>0</v>
          </cell>
          <cell r="C3656">
            <v>0</v>
          </cell>
          <cell r="D3656">
            <v>2021.2372400000022</v>
          </cell>
          <cell r="E3656">
            <v>2021.2372399999986</v>
          </cell>
          <cell r="F3656">
            <v>1.57542</v>
          </cell>
          <cell r="H3656">
            <v>23233.134870000002</v>
          </cell>
          <cell r="I3656">
            <v>23234.710289999999</v>
          </cell>
        </row>
        <row r="3657">
          <cell r="A3657" t="str">
            <v>P338</v>
          </cell>
          <cell r="B3657">
            <v>-329.80839000000003</v>
          </cell>
          <cell r="C3657">
            <v>0.4055800000000005</v>
          </cell>
          <cell r="D3657">
            <v>-242.15414000000055</v>
          </cell>
          <cell r="E3657">
            <v>-571.55695000000014</v>
          </cell>
          <cell r="F3657">
            <v>-255.46877000000001</v>
          </cell>
          <cell r="G3657">
            <v>-67.231210000000004</v>
          </cell>
          <cell r="H3657">
            <v>-6836.6418000000003</v>
          </cell>
          <cell r="I3657">
            <v>-7159.3417799999997</v>
          </cell>
        </row>
        <row r="3658">
          <cell r="A3658" t="str">
            <v>P400</v>
          </cell>
          <cell r="B3658">
            <v>-3606.7130199999956</v>
          </cell>
          <cell r="C3658">
            <v>0</v>
          </cell>
          <cell r="D3658">
            <v>-1111.5355599999966</v>
          </cell>
          <cell r="E3658">
            <v>-4718.2485799999849</v>
          </cell>
          <cell r="F3658">
            <v>91836.380130000005</v>
          </cell>
          <cell r="H3658">
            <v>59394.48444</v>
          </cell>
          <cell r="I3658">
            <v>151230.86457000001</v>
          </cell>
        </row>
        <row r="3659">
          <cell r="A3659" t="str">
            <v>P410</v>
          </cell>
          <cell r="B3659">
            <v>-12314.081919999997</v>
          </cell>
          <cell r="C3659">
            <v>0</v>
          </cell>
          <cell r="D3659">
            <v>0</v>
          </cell>
          <cell r="E3659">
            <v>-12314.081919999997</v>
          </cell>
          <cell r="F3659">
            <v>86379.227379999997</v>
          </cell>
          <cell r="H3659">
            <v>-63.555909999999997</v>
          </cell>
          <cell r="I3659">
            <v>86315.671470000001</v>
          </cell>
        </row>
        <row r="3660">
          <cell r="A3660" t="str">
            <v>P411</v>
          </cell>
          <cell r="B3660">
            <v>1176.7321500000016</v>
          </cell>
          <cell r="C3660">
            <v>0</v>
          </cell>
          <cell r="D3660">
            <v>0</v>
          </cell>
          <cell r="E3660">
            <v>1176.7321500000016</v>
          </cell>
          <cell r="F3660">
            <v>10747.487010000001</v>
          </cell>
          <cell r="H3660">
            <v>0</v>
          </cell>
          <cell r="I3660">
            <v>10747.487010000001</v>
          </cell>
        </row>
        <row r="3661">
          <cell r="A3661" t="str">
            <v>P412</v>
          </cell>
          <cell r="B3661">
            <v>0</v>
          </cell>
          <cell r="C3661">
            <v>0</v>
          </cell>
          <cell r="D3661">
            <v>0</v>
          </cell>
          <cell r="E3661">
            <v>0</v>
          </cell>
          <cell r="F3661">
            <v>10616.921979999999</v>
          </cell>
          <cell r="I3661">
            <v>10616.921979999999</v>
          </cell>
        </row>
        <row r="3662">
          <cell r="A3662" t="str">
            <v>P413</v>
          </cell>
          <cell r="B3662">
            <v>-13490.814069999993</v>
          </cell>
          <cell r="C3662">
            <v>0</v>
          </cell>
          <cell r="D3662">
            <v>0</v>
          </cell>
          <cell r="E3662">
            <v>-13490.81407</v>
          </cell>
          <cell r="F3662">
            <v>65014.81839</v>
          </cell>
          <cell r="H3662">
            <v>-63.555909999999997</v>
          </cell>
          <cell r="I3662">
            <v>64951.262479999998</v>
          </cell>
        </row>
        <row r="3663">
          <cell r="A3663" t="str">
            <v>P420</v>
          </cell>
          <cell r="B3663">
            <v>8707.3689000000013</v>
          </cell>
          <cell r="C3663">
            <v>0</v>
          </cell>
          <cell r="D3663">
            <v>-1111.5355599999966</v>
          </cell>
          <cell r="E3663">
            <v>7595.8333399999974</v>
          </cell>
          <cell r="F3663">
            <v>5457.1527500000002</v>
          </cell>
          <cell r="H3663">
            <v>59458.040350000003</v>
          </cell>
          <cell r="I3663">
            <v>64915.193099999997</v>
          </cell>
        </row>
        <row r="3664">
          <cell r="A3664" t="str">
            <v>P421</v>
          </cell>
          <cell r="B3664">
            <v>-7451.8470099999977</v>
          </cell>
          <cell r="C3664">
            <v>0</v>
          </cell>
          <cell r="D3664">
            <v>0</v>
          </cell>
          <cell r="E3664">
            <v>-7451.8470099999977</v>
          </cell>
          <cell r="F3664">
            <v>-59170.64759</v>
          </cell>
          <cell r="H3664">
            <v>-425.97719000000001</v>
          </cell>
          <cell r="I3664">
            <v>-59596.624779999998</v>
          </cell>
        </row>
        <row r="3665">
          <cell r="A3665" t="str">
            <v>P422</v>
          </cell>
          <cell r="B3665">
            <v>16159.215909999999</v>
          </cell>
          <cell r="C3665">
            <v>0</v>
          </cell>
          <cell r="D3665">
            <v>-1111.5355599999966</v>
          </cell>
          <cell r="E3665">
            <v>15047.680349999995</v>
          </cell>
          <cell r="F3665">
            <v>64627.800340000002</v>
          </cell>
          <cell r="H3665">
            <v>59884.017540000001</v>
          </cell>
          <cell r="I3665">
            <v>124511.81788</v>
          </cell>
        </row>
        <row r="3666">
          <cell r="A3666" t="str">
            <v>P802</v>
          </cell>
          <cell r="B3666">
            <v>329.80839000000003</v>
          </cell>
          <cell r="C3666">
            <v>-0.4055800000000005</v>
          </cell>
          <cell r="D3666">
            <v>-1770.3052099999986</v>
          </cell>
          <cell r="E3666">
            <v>-1440.902399999999</v>
          </cell>
          <cell r="F3666">
            <v>253.89355</v>
          </cell>
          <cell r="G3666">
            <v>67.231210000000004</v>
          </cell>
          <cell r="H3666">
            <v>-21830.39878</v>
          </cell>
          <cell r="I3666">
            <v>-21509.274020000001</v>
          </cell>
        </row>
        <row r="3667">
          <cell r="A3667" t="str">
            <v>P331S</v>
          </cell>
          <cell r="B3667">
            <v>0</v>
          </cell>
          <cell r="C3667">
            <v>0</v>
          </cell>
          <cell r="D3667">
            <v>8.7778900000002977</v>
          </cell>
          <cell r="E3667">
            <v>8.7778900000002977</v>
          </cell>
          <cell r="F3667">
            <v>2.0000000000000001E-4</v>
          </cell>
          <cell r="H3667">
            <v>-5433.90571</v>
          </cell>
          <cell r="I3667">
            <v>-5433.9055099999996</v>
          </cell>
        </row>
        <row r="3668">
          <cell r="A3668" t="str">
            <v>P333S</v>
          </cell>
          <cell r="B3668">
            <v>0</v>
          </cell>
          <cell r="C3668">
            <v>0</v>
          </cell>
          <cell r="D3668">
            <v>-2021.2372400000022</v>
          </cell>
          <cell r="E3668">
            <v>-2021.2372399999986</v>
          </cell>
          <cell r="F3668">
            <v>-1.57542</v>
          </cell>
          <cell r="H3668">
            <v>-23233.134870000002</v>
          </cell>
          <cell r="I3668">
            <v>-23234.710289999999</v>
          </cell>
        </row>
        <row r="3669">
          <cell r="A3669" t="str">
            <v>P338S</v>
          </cell>
          <cell r="B3669">
            <v>329.80839000000003</v>
          </cell>
          <cell r="C3669">
            <v>-0.4055800000000005</v>
          </cell>
          <cell r="D3669">
            <v>242.15414000000055</v>
          </cell>
          <cell r="E3669">
            <v>571.55695000000014</v>
          </cell>
          <cell r="F3669">
            <v>255.46877000000001</v>
          </cell>
          <cell r="G3669">
            <v>67.231210000000004</v>
          </cell>
          <cell r="H3669">
            <v>6836.6418000000003</v>
          </cell>
          <cell r="I3669">
            <v>7159.3417799999997</v>
          </cell>
        </row>
        <row r="3670">
          <cell r="A3670" t="str">
            <v>P803</v>
          </cell>
          <cell r="B3670">
            <v>-8739.8035400000081</v>
          </cell>
          <cell r="C3670">
            <v>0</v>
          </cell>
          <cell r="D3670">
            <v>-7883.4676699999982</v>
          </cell>
          <cell r="E3670">
            <v>-16623.271209999992</v>
          </cell>
          <cell r="F3670">
            <v>-77185.468240000002</v>
          </cell>
          <cell r="G3670">
            <v>-7.2700000000000004E-3</v>
          </cell>
          <cell r="H3670">
            <v>-33769.481659999998</v>
          </cell>
          <cell r="I3670">
            <v>-110954.95716999999</v>
          </cell>
        </row>
        <row r="3671">
          <cell r="A3671" t="str">
            <v>P311S</v>
          </cell>
          <cell r="B3671">
            <v>2.1544099999999999</v>
          </cell>
          <cell r="C3671">
            <v>0</v>
          </cell>
          <cell r="D3671">
            <v>0</v>
          </cell>
          <cell r="E3671">
            <v>2.1544100000000981</v>
          </cell>
          <cell r="F3671">
            <v>5.1690100000000001</v>
          </cell>
          <cell r="H3671">
            <v>6284.0358399999996</v>
          </cell>
          <cell r="I3671">
            <v>6289.2048500000001</v>
          </cell>
        </row>
        <row r="3672">
          <cell r="A3672" t="str">
            <v>P320S</v>
          </cell>
          <cell r="B3672">
            <v>-8741.9579499999963</v>
          </cell>
          <cell r="C3672">
            <v>0</v>
          </cell>
          <cell r="D3672">
            <v>-7883.4676700000018</v>
          </cell>
          <cell r="E3672">
            <v>-16625.425620000009</v>
          </cell>
          <cell r="F3672">
            <v>-77190.63725</v>
          </cell>
          <cell r="G3672">
            <v>-7.2700000000000004E-3</v>
          </cell>
          <cell r="H3672">
            <v>-40053.517500000002</v>
          </cell>
          <cell r="I3672">
            <v>-117244.16202</v>
          </cell>
        </row>
        <row r="3673">
          <cell r="A3673" t="str">
            <v>P321S</v>
          </cell>
          <cell r="B3673">
            <v>-993.36787999999979</v>
          </cell>
          <cell r="C3673">
            <v>0</v>
          </cell>
          <cell r="D3673">
            <v>-3719.570630000002</v>
          </cell>
          <cell r="E3673">
            <v>-4712.93851</v>
          </cell>
          <cell r="F3673">
            <v>-9404.0121199999994</v>
          </cell>
          <cell r="H3673">
            <v>-34220.758750000001</v>
          </cell>
          <cell r="I3673">
            <v>-43624.77087</v>
          </cell>
        </row>
        <row r="3674">
          <cell r="A3674" t="str">
            <v>P32103S</v>
          </cell>
          <cell r="B3674">
            <v>-1006.70903</v>
          </cell>
          <cell r="C3674">
            <v>0</v>
          </cell>
          <cell r="D3674">
            <v>-3719.570630000002</v>
          </cell>
          <cell r="E3674">
            <v>-4726.2796600000001</v>
          </cell>
          <cell r="F3674">
            <v>-9613.3596899999993</v>
          </cell>
          <cell r="H3674">
            <v>-34220.758750000001</v>
          </cell>
          <cell r="I3674">
            <v>-43834.118439999998</v>
          </cell>
        </row>
        <row r="3675">
          <cell r="A3675" t="str">
            <v>P32104S</v>
          </cell>
          <cell r="B3675">
            <v>13.341149999999999</v>
          </cell>
          <cell r="C3675">
            <v>0</v>
          </cell>
          <cell r="D3675">
            <v>0</v>
          </cell>
          <cell r="E3675">
            <v>13.341149999999999</v>
          </cell>
          <cell r="F3675">
            <v>209.34756999999999</v>
          </cell>
          <cell r="I3675">
            <v>209.34756999999999</v>
          </cell>
        </row>
        <row r="3676">
          <cell r="A3676" t="str">
            <v>P322S</v>
          </cell>
          <cell r="B3676">
            <v>-8215.9814100000076</v>
          </cell>
          <cell r="C3676">
            <v>0</v>
          </cell>
          <cell r="D3676">
            <v>-4163.8970399999998</v>
          </cell>
          <cell r="E3676">
            <v>-12379.878450000004</v>
          </cell>
          <cell r="F3676">
            <v>-70875.494000000006</v>
          </cell>
          <cell r="G3676">
            <v>-7.2700000000000004E-3</v>
          </cell>
          <cell r="H3676">
            <v>-5832.75875</v>
          </cell>
          <cell r="I3676">
            <v>-76708.260020000002</v>
          </cell>
        </row>
        <row r="3677">
          <cell r="A3677" t="str">
            <v>P323S</v>
          </cell>
          <cell r="B3677">
            <v>467.39133999999967</v>
          </cell>
          <cell r="C3677">
            <v>0</v>
          </cell>
          <cell r="D3677">
            <v>0</v>
          </cell>
          <cell r="E3677">
            <v>467.39133999999967</v>
          </cell>
          <cell r="F3677">
            <v>3088.8688699999998</v>
          </cell>
          <cell r="I3677">
            <v>3088.8688699999998</v>
          </cell>
        </row>
        <row r="3678">
          <cell r="A3678" t="str">
            <v>P804</v>
          </cell>
          <cell r="B3678">
            <v>7451.847010000005</v>
          </cell>
          <cell r="C3678">
            <v>0</v>
          </cell>
          <cell r="D3678">
            <v>0</v>
          </cell>
          <cell r="E3678">
            <v>7451.8470099999977</v>
          </cell>
          <cell r="F3678">
            <v>48553.725610000001</v>
          </cell>
          <cell r="H3678">
            <v>425.97719000000001</v>
          </cell>
          <cell r="I3678">
            <v>48979.702799999999</v>
          </cell>
        </row>
        <row r="3679">
          <cell r="A3679" t="str">
            <v>P412S</v>
          </cell>
          <cell r="B3679">
            <v>0</v>
          </cell>
          <cell r="C3679">
            <v>0</v>
          </cell>
          <cell r="D3679">
            <v>0</v>
          </cell>
          <cell r="E3679">
            <v>0</v>
          </cell>
          <cell r="F3679">
            <v>-10616.921979999999</v>
          </cell>
          <cell r="I3679">
            <v>-10616.921979999999</v>
          </cell>
        </row>
        <row r="3680">
          <cell r="A3680" t="str">
            <v>P421S</v>
          </cell>
          <cell r="B3680">
            <v>7451.8470099999977</v>
          </cell>
          <cell r="C3680">
            <v>0</v>
          </cell>
          <cell r="D3680">
            <v>0</v>
          </cell>
          <cell r="E3680">
            <v>7451.8470099999977</v>
          </cell>
          <cell r="F3680">
            <v>59170.64759</v>
          </cell>
          <cell r="H3680">
            <v>425.97719000000001</v>
          </cell>
          <cell r="I3680">
            <v>59596.624779999998</v>
          </cell>
        </row>
        <row r="3681">
          <cell r="A3681" t="str">
            <v>P805</v>
          </cell>
          <cell r="B3681">
            <v>0</v>
          </cell>
          <cell r="C3681">
            <v>0</v>
          </cell>
          <cell r="D3681">
            <v>-3853.0234700000001</v>
          </cell>
          <cell r="E3681">
            <v>-3853.0234700000001</v>
          </cell>
          <cell r="H3681">
            <v>-11980.41856</v>
          </cell>
          <cell r="I3681">
            <v>-11980.41856</v>
          </cell>
        </row>
        <row r="3682">
          <cell r="A3682" t="str">
            <v>P280S</v>
          </cell>
          <cell r="B3682">
            <v>0</v>
          </cell>
          <cell r="C3682">
            <v>0</v>
          </cell>
          <cell r="D3682">
            <v>-3853.0234700000001</v>
          </cell>
          <cell r="E3682">
            <v>-3853.0234700000001</v>
          </cell>
          <cell r="H3682">
            <v>-11980.41856</v>
          </cell>
          <cell r="I3682">
            <v>-11980.41856</v>
          </cell>
        </row>
        <row r="3683">
          <cell r="A3683" t="str">
            <v>AF</v>
          </cell>
          <cell r="B3683">
            <v>-734.9009500000102</v>
          </cell>
          <cell r="C3683">
            <v>-329.6587099999997</v>
          </cell>
          <cell r="D3683">
            <v>-268.39401999999973</v>
          </cell>
          <cell r="E3683">
            <v>-1332.9536799999914</v>
          </cell>
          <cell r="F3683">
            <v>-137859.20533</v>
          </cell>
          <cell r="G3683">
            <v>-9018.5883599999997</v>
          </cell>
          <cell r="H3683">
            <v>36317.616520000003</v>
          </cell>
          <cell r="I3683">
            <v>-110560.17717</v>
          </cell>
        </row>
        <row r="3684">
          <cell r="A3684" t="str">
            <v>C212_C2E</v>
          </cell>
          <cell r="B3684">
            <v>157.65996999999993</v>
          </cell>
          <cell r="C3684">
            <v>0</v>
          </cell>
          <cell r="D3684">
            <v>0</v>
          </cell>
          <cell r="E3684">
            <v>157.65996999999993</v>
          </cell>
          <cell r="F3684">
            <v>1782.19443</v>
          </cell>
          <cell r="H3684">
            <v>-0.17111999999999999</v>
          </cell>
          <cell r="I3684">
            <v>1782.02331</v>
          </cell>
        </row>
        <row r="3685">
          <cell r="A3685" t="str">
            <v>C212_TRUE</v>
          </cell>
          <cell r="B3685">
            <v>-892.56091999998898</v>
          </cell>
          <cell r="C3685">
            <v>-329.6587099999997</v>
          </cell>
          <cell r="D3685">
            <v>0</v>
          </cell>
          <cell r="E3685">
            <v>-1222.2196300000069</v>
          </cell>
          <cell r="F3685">
            <v>-139641.39976</v>
          </cell>
          <cell r="G3685">
            <v>-9018.5883599999997</v>
          </cell>
          <cell r="I3685">
            <v>-148659.98811999999</v>
          </cell>
        </row>
        <row r="3686">
          <cell r="A3686" t="str">
            <v>P400N</v>
          </cell>
          <cell r="B3686">
            <v>0</v>
          </cell>
          <cell r="C3686">
            <v>0</v>
          </cell>
          <cell r="D3686">
            <v>-268.39401999999973</v>
          </cell>
          <cell r="E3686">
            <v>-268.39401999999973</v>
          </cell>
          <cell r="H3686">
            <v>36317.787640000002</v>
          </cell>
          <cell r="I3686">
            <v>36317.787640000002</v>
          </cell>
        </row>
        <row r="3687">
          <cell r="A3687" t="str">
            <v>CF</v>
          </cell>
          <cell r="B3687">
            <v>0</v>
          </cell>
          <cell r="C3687">
            <v>0</v>
          </cell>
          <cell r="D3687">
            <v>0</v>
          </cell>
          <cell r="E3687">
            <v>0</v>
          </cell>
          <cell r="F3687">
            <v>-1E-3</v>
          </cell>
          <cell r="G3687">
            <v>0</v>
          </cell>
          <cell r="H3687">
            <v>0</v>
          </cell>
          <cell r="I3687">
            <v>-1E-3</v>
          </cell>
        </row>
        <row r="3688">
          <cell r="A3688" t="str">
            <v>BBCFCHK</v>
          </cell>
          <cell r="B3688">
            <v>267645.03925999999</v>
          </cell>
          <cell r="C3688">
            <v>56.994019999999992</v>
          </cell>
          <cell r="D3688">
            <v>-108714.88922000001</v>
          </cell>
          <cell r="E3688">
            <v>158987.14406000008</v>
          </cell>
          <cell r="F3688">
            <v>-863825.25548000005</v>
          </cell>
          <cell r="G3688">
            <v>172.78767999999999</v>
          </cell>
          <cell r="H3688">
            <v>1558262.0363</v>
          </cell>
          <cell r="I3688">
            <v>694609.56850000005</v>
          </cell>
        </row>
        <row r="3689">
          <cell r="A3689" t="str">
            <v>C7</v>
          </cell>
          <cell r="B3689">
            <v>-133822.51963</v>
          </cell>
          <cell r="C3689">
            <v>-28.497009999999996</v>
          </cell>
          <cell r="D3689">
            <v>54357.444610000006</v>
          </cell>
          <cell r="E3689">
            <v>-79493.572030000039</v>
          </cell>
          <cell r="F3689">
            <v>431912.62774000003</v>
          </cell>
          <cell r="G3689">
            <v>-86.393839999999997</v>
          </cell>
          <cell r="H3689">
            <v>-779131.01815000002</v>
          </cell>
          <cell r="I3689">
            <v>-347304.78425000003</v>
          </cell>
        </row>
        <row r="3690">
          <cell r="A3690" t="str">
            <v>C710</v>
          </cell>
          <cell r="B3690">
            <v>-133822.51963</v>
          </cell>
          <cell r="C3690">
            <v>-28.497009999999996</v>
          </cell>
          <cell r="D3690">
            <v>54357.444610000006</v>
          </cell>
          <cell r="E3690">
            <v>-79493.572030000039</v>
          </cell>
          <cell r="F3690">
            <v>431912.62774000003</v>
          </cell>
          <cell r="G3690">
            <v>-86.393839999999997</v>
          </cell>
          <cell r="H3690">
            <v>-779131.01815000002</v>
          </cell>
          <cell r="I3690">
            <v>-347304.78425000003</v>
          </cell>
        </row>
        <row r="3691">
          <cell r="A3691" t="str">
            <v>C6</v>
          </cell>
          <cell r="B3691">
            <v>-133822.51963</v>
          </cell>
          <cell r="C3691">
            <v>-28.497009999999996</v>
          </cell>
          <cell r="D3691">
            <v>54357.444610000006</v>
          </cell>
          <cell r="E3691">
            <v>-79493.572030000039</v>
          </cell>
          <cell r="F3691">
            <v>431912.62673999998</v>
          </cell>
          <cell r="G3691">
            <v>-86.393839999999997</v>
          </cell>
          <cell r="H3691">
            <v>-779131.01815000002</v>
          </cell>
          <cell r="I3691">
            <v>-347304.78525000002</v>
          </cell>
        </row>
        <row r="3692">
          <cell r="A3692" t="str">
            <v>C3</v>
          </cell>
          <cell r="B3692">
            <v>-58360.430630000075</v>
          </cell>
          <cell r="C3692">
            <v>1794.3592899999994</v>
          </cell>
          <cell r="D3692">
            <v>7549.5783400000073</v>
          </cell>
          <cell r="E3692">
            <v>-49016.492999999959</v>
          </cell>
          <cell r="F3692">
            <v>711835.65911999997</v>
          </cell>
          <cell r="G3692">
            <v>4292.7495099999996</v>
          </cell>
          <cell r="H3692">
            <v>-304031.79881000001</v>
          </cell>
          <cell r="I3692">
            <v>412096.60982000001</v>
          </cell>
        </row>
        <row r="3693">
          <cell r="A3693" t="str">
            <v>C3</v>
          </cell>
          <cell r="B3693">
            <v>-770196.08975000004</v>
          </cell>
          <cell r="C3693">
            <v>-2498.3902200000002</v>
          </cell>
          <cell r="D3693">
            <v>311581.37715000001</v>
          </cell>
          <cell r="E3693">
            <v>-461113.10281999997</v>
          </cell>
          <cell r="F3693">
            <v>0</v>
          </cell>
          <cell r="G3693">
            <v>0</v>
          </cell>
          <cell r="H3693">
            <v>0</v>
          </cell>
          <cell r="I3693">
            <v>0</v>
          </cell>
        </row>
        <row r="3694">
          <cell r="A3694" t="str">
            <v>C1</v>
          </cell>
          <cell r="B3694">
            <v>-23221.122800000012</v>
          </cell>
          <cell r="C3694">
            <v>1794.3592900000003</v>
          </cell>
          <cell r="D3694">
            <v>-9092.9127600000356</v>
          </cell>
          <cell r="E3694">
            <v>-30519.676269999938</v>
          </cell>
          <cell r="F3694">
            <v>827096.31247</v>
          </cell>
          <cell r="G3694">
            <v>4280.1930700000003</v>
          </cell>
          <cell r="H3694">
            <v>-310058.84782000002</v>
          </cell>
          <cell r="I3694">
            <v>521317.65772000002</v>
          </cell>
        </row>
        <row r="3695">
          <cell r="A3695" t="str">
            <v>C110</v>
          </cell>
          <cell r="B3695">
            <v>10013.146949999966</v>
          </cell>
          <cell r="C3695">
            <v>-663.79235999999946</v>
          </cell>
          <cell r="D3695">
            <v>-17718.913620000007</v>
          </cell>
          <cell r="E3695">
            <v>-8369.5590299999749</v>
          </cell>
          <cell r="F3695">
            <v>477393.59045999998</v>
          </cell>
          <cell r="G3695">
            <v>-8621.5992399999996</v>
          </cell>
          <cell r="H3695">
            <v>-282164.21019000001</v>
          </cell>
          <cell r="I3695">
            <v>186607.78103000001</v>
          </cell>
        </row>
        <row r="3696">
          <cell r="A3696" t="str">
            <v>C120</v>
          </cell>
          <cell r="B3696">
            <v>21635.040099999998</v>
          </cell>
          <cell r="C3696">
            <v>45.351949999999988</v>
          </cell>
          <cell r="D3696">
            <v>107.76175000000001</v>
          </cell>
          <cell r="E3696">
            <v>21788.1538</v>
          </cell>
          <cell r="F3696">
            <v>125002.17659</v>
          </cell>
          <cell r="G3696">
            <v>403.53037</v>
          </cell>
          <cell r="H3696">
            <v>653.83279000000005</v>
          </cell>
          <cell r="I3696">
            <v>126059.53975</v>
          </cell>
        </row>
        <row r="3697">
          <cell r="A3697" t="str">
            <v>C130</v>
          </cell>
          <cell r="B3697">
            <v>-53532.971709999998</v>
          </cell>
          <cell r="C3697">
            <v>2424.0203000000001</v>
          </cell>
          <cell r="D3697">
            <v>6275.8409999999985</v>
          </cell>
          <cell r="E3697">
            <v>-44833.110410000008</v>
          </cell>
          <cell r="F3697">
            <v>83527.008929999996</v>
          </cell>
          <cell r="G3697">
            <v>11524.47748</v>
          </cell>
          <cell r="H3697">
            <v>-14448.585290000001</v>
          </cell>
          <cell r="I3697">
            <v>80602.901119999995</v>
          </cell>
        </row>
        <row r="3698">
          <cell r="A3698" t="str">
            <v>C131</v>
          </cell>
          <cell r="B3698">
            <v>-5164.2270300000018</v>
          </cell>
          <cell r="C3698">
            <v>-175.34175000000005</v>
          </cell>
          <cell r="D3698">
            <v>-6738.7462000000232</v>
          </cell>
          <cell r="E3698">
            <v>-12078.314979999996</v>
          </cell>
          <cell r="F3698">
            <v>40862.940069999997</v>
          </cell>
          <cell r="G3698">
            <v>431.06650999999999</v>
          </cell>
          <cell r="H3698">
            <v>206023.06920999999</v>
          </cell>
          <cell r="I3698">
            <v>247317.07579</v>
          </cell>
        </row>
        <row r="3699">
          <cell r="A3699" t="str">
            <v>C132P</v>
          </cell>
          <cell r="B3699">
            <v>-34863.051359999983</v>
          </cell>
          <cell r="C3699">
            <v>2207.8305200000004</v>
          </cell>
          <cell r="D3699">
            <v>13920.415459999989</v>
          </cell>
          <cell r="E3699">
            <v>-18734.805380000005</v>
          </cell>
          <cell r="F3699">
            <v>141123.08668000001</v>
          </cell>
          <cell r="G3699">
            <v>9649.5172700000003</v>
          </cell>
          <cell r="H3699">
            <v>-304991.09240000002</v>
          </cell>
          <cell r="I3699">
            <v>-154218.48845</v>
          </cell>
        </row>
        <row r="3700">
          <cell r="A3700" t="str">
            <v>C13201</v>
          </cell>
          <cell r="B3700">
            <v>-34533.242969999992</v>
          </cell>
          <cell r="C3700">
            <v>2207.4249399999999</v>
          </cell>
          <cell r="D3700">
            <v>14162.569600000046</v>
          </cell>
          <cell r="E3700">
            <v>-18163.248429999992</v>
          </cell>
          <cell r="F3700">
            <v>141378.55545000001</v>
          </cell>
          <cell r="G3700">
            <v>9716.7484800000002</v>
          </cell>
          <cell r="H3700">
            <v>-298154.45059999998</v>
          </cell>
          <cell r="I3700">
            <v>-147059.14666999999</v>
          </cell>
        </row>
        <row r="3701">
          <cell r="A3701" t="str">
            <v>C13204</v>
          </cell>
          <cell r="B3701">
            <v>-329.80839000000003</v>
          </cell>
          <cell r="C3701">
            <v>0.4055800000000005</v>
          </cell>
          <cell r="D3701">
            <v>-242.15414000000055</v>
          </cell>
          <cell r="E3701">
            <v>-571.55695000000014</v>
          </cell>
          <cell r="F3701">
            <v>-255.46877000000001</v>
          </cell>
          <cell r="G3701">
            <v>-67.231210000000004</v>
          </cell>
          <cell r="H3701">
            <v>-6836.6418000000003</v>
          </cell>
          <cell r="I3701">
            <v>-7159.3417799999997</v>
          </cell>
        </row>
        <row r="3702">
          <cell r="A3702" t="str">
            <v>C133</v>
          </cell>
          <cell r="B3702">
            <v>-2932.9524399999937</v>
          </cell>
          <cell r="C3702">
            <v>391.53152999999998</v>
          </cell>
          <cell r="D3702">
            <v>945.58914999999979</v>
          </cell>
          <cell r="E3702">
            <v>-1595.8317600000009</v>
          </cell>
          <cell r="F3702">
            <v>-106132.56447</v>
          </cell>
          <cell r="G3702">
            <v>1443.6907799999999</v>
          </cell>
          <cell r="H3702">
            <v>92035.748359999998</v>
          </cell>
          <cell r="I3702">
            <v>-12653.125330000001</v>
          </cell>
        </row>
        <row r="3703">
          <cell r="A3703" t="str">
            <v>C134</v>
          </cell>
          <cell r="B3703">
            <v>-10572.740880000001</v>
          </cell>
          <cell r="C3703">
            <v>0</v>
          </cell>
          <cell r="D3703">
            <v>-1851.41741</v>
          </cell>
          <cell r="E3703">
            <v>-12424.158289999999</v>
          </cell>
          <cell r="F3703">
            <v>-13428.75236</v>
          </cell>
          <cell r="G3703">
            <v>0.20291999999999999</v>
          </cell>
          <cell r="H3703">
            <v>-7516.3104599999997</v>
          </cell>
          <cell r="I3703">
            <v>-20944.859899999999</v>
          </cell>
        </row>
        <row r="3704">
          <cell r="A3704" t="str">
            <v>C135</v>
          </cell>
          <cell r="B3704">
            <v>0</v>
          </cell>
          <cell r="C3704">
            <v>0</v>
          </cell>
          <cell r="D3704">
            <v>0</v>
          </cell>
          <cell r="E3704">
            <v>0</v>
          </cell>
          <cell r="F3704">
            <v>21102.299009999999</v>
          </cell>
          <cell r="G3704">
            <v>0</v>
          </cell>
          <cell r="I3704">
            <v>21102.299009999999</v>
          </cell>
        </row>
        <row r="3705">
          <cell r="A3705" t="str">
            <v>C150</v>
          </cell>
          <cell r="B3705">
            <v>8981.3417699999991</v>
          </cell>
          <cell r="C3705">
            <v>0</v>
          </cell>
          <cell r="D3705">
            <v>4657.9495099999913</v>
          </cell>
          <cell r="E3705">
            <v>13639.291280000005</v>
          </cell>
          <cell r="F3705">
            <v>5741.0850499999997</v>
          </cell>
          <cell r="G3705">
            <v>0</v>
          </cell>
          <cell r="H3705">
            <v>66472.189369999993</v>
          </cell>
          <cell r="I3705">
            <v>72213.274420000002</v>
          </cell>
        </row>
        <row r="3706">
          <cell r="A3706" t="str">
            <v>C15001</v>
          </cell>
          <cell r="B3706">
            <v>1743.0019400000001</v>
          </cell>
          <cell r="C3706">
            <v>0</v>
          </cell>
          <cell r="D3706">
            <v>0</v>
          </cell>
          <cell r="E3706">
            <v>1743.0019400000001</v>
          </cell>
          <cell r="F3706">
            <v>15687.017449999999</v>
          </cell>
          <cell r="I3706">
            <v>15687.017449999999</v>
          </cell>
        </row>
        <row r="3707">
          <cell r="A3707" t="str">
            <v>C15002</v>
          </cell>
          <cell r="B3707">
            <v>8707.3689000000013</v>
          </cell>
          <cell r="C3707">
            <v>0</v>
          </cell>
          <cell r="D3707">
            <v>-1111.5355599999966</v>
          </cell>
          <cell r="E3707">
            <v>7595.8333399999974</v>
          </cell>
          <cell r="F3707">
            <v>5457.1527500000002</v>
          </cell>
          <cell r="G3707">
            <v>0</v>
          </cell>
          <cell r="H3707">
            <v>59458.040350000003</v>
          </cell>
          <cell r="I3707">
            <v>64915.193099999997</v>
          </cell>
        </row>
        <row r="3708">
          <cell r="A3708" t="str">
            <v>C15003</v>
          </cell>
          <cell r="B3708">
            <v>-1469.0290700000005</v>
          </cell>
          <cell r="C3708">
            <v>0</v>
          </cell>
          <cell r="D3708">
            <v>5769.4850699999997</v>
          </cell>
          <cell r="E3708">
            <v>4300.4560000000001</v>
          </cell>
          <cell r="F3708">
            <v>-15403.085150000001</v>
          </cell>
          <cell r="G3708">
            <v>0</v>
          </cell>
          <cell r="H3708">
            <v>7014.1490199999998</v>
          </cell>
          <cell r="I3708">
            <v>-8388.93613</v>
          </cell>
        </row>
        <row r="3709">
          <cell r="A3709" t="str">
            <v>C15004</v>
          </cell>
          <cell r="B3709">
            <v>0</v>
          </cell>
          <cell r="C3709">
            <v>0</v>
          </cell>
          <cell r="D3709">
            <v>0</v>
          </cell>
          <cell r="E3709">
            <v>0</v>
          </cell>
        </row>
        <row r="3710">
          <cell r="A3710" t="str">
            <v>C160</v>
          </cell>
          <cell r="B3710">
            <v>-8486.4034699999975</v>
          </cell>
          <cell r="C3710">
            <v>-11.22059999999999</v>
          </cell>
          <cell r="D3710">
            <v>-10299.019069999998</v>
          </cell>
          <cell r="E3710">
            <v>-18796.64314</v>
          </cell>
          <cell r="F3710">
            <v>-43819.261639999997</v>
          </cell>
          <cell r="G3710">
            <v>973.77719000000002</v>
          </cell>
          <cell r="H3710">
            <v>-27538.54306</v>
          </cell>
          <cell r="I3710">
            <v>-70384.02751</v>
          </cell>
        </row>
        <row r="3711">
          <cell r="A3711" t="str">
            <v>C16001</v>
          </cell>
          <cell r="B3711">
            <v>-167.77212000000054</v>
          </cell>
          <cell r="C3711">
            <v>-11.22059999999999</v>
          </cell>
          <cell r="D3711">
            <v>5996.4559400000016</v>
          </cell>
          <cell r="E3711">
            <v>5817.4632199999996</v>
          </cell>
          <cell r="F3711">
            <v>8130.7597699999997</v>
          </cell>
          <cell r="G3711">
            <v>973.77719000000002</v>
          </cell>
          <cell r="H3711">
            <v>-11243.06805</v>
          </cell>
          <cell r="I3711">
            <v>-2138.5310899999999</v>
          </cell>
        </row>
        <row r="3712">
          <cell r="A3712" t="str">
            <v>C16002</v>
          </cell>
          <cell r="B3712">
            <v>102.27999</v>
          </cell>
          <cell r="C3712">
            <v>0</v>
          </cell>
          <cell r="D3712">
            <v>0</v>
          </cell>
          <cell r="E3712">
            <v>102.27999</v>
          </cell>
          <cell r="F3712">
            <v>692.43661999999995</v>
          </cell>
          <cell r="I3712">
            <v>692.43661999999995</v>
          </cell>
        </row>
        <row r="3713">
          <cell r="A3713" t="str">
            <v>C16003</v>
          </cell>
          <cell r="B3713">
            <v>-7244.1791899999953</v>
          </cell>
          <cell r="C3713">
            <v>0</v>
          </cell>
          <cell r="D3713">
            <v>0</v>
          </cell>
          <cell r="E3713">
            <v>-7244.1791899999953</v>
          </cell>
          <cell r="F3713">
            <v>-41894.971019999997</v>
          </cell>
          <cell r="I3713">
            <v>-41894.971019999997</v>
          </cell>
        </row>
        <row r="3714">
          <cell r="A3714" t="str">
            <v>C16004</v>
          </cell>
          <cell r="B3714">
            <v>0</v>
          </cell>
          <cell r="C3714">
            <v>0</v>
          </cell>
          <cell r="D3714">
            <v>-16295.47501</v>
          </cell>
          <cell r="E3714">
            <v>-16295.47501</v>
          </cell>
          <cell r="G3714">
            <v>0</v>
          </cell>
          <cell r="H3714">
            <v>-16295.47501</v>
          </cell>
          <cell r="I3714">
            <v>-16295.47501</v>
          </cell>
        </row>
        <row r="3715">
          <cell r="A3715" t="str">
            <v>C16006</v>
          </cell>
          <cell r="B3715">
            <v>-1176.7321499999998</v>
          </cell>
          <cell r="C3715">
            <v>0</v>
          </cell>
          <cell r="D3715">
            <v>0</v>
          </cell>
          <cell r="E3715">
            <v>-1176.7321499999998</v>
          </cell>
          <cell r="F3715">
            <v>-10645.188</v>
          </cell>
          <cell r="G3715">
            <v>0</v>
          </cell>
          <cell r="H3715">
            <v>0</v>
          </cell>
          <cell r="I3715">
            <v>-10645.188</v>
          </cell>
        </row>
        <row r="3716">
          <cell r="A3716" t="str">
            <v>C16007</v>
          </cell>
          <cell r="B3716">
            <v>0</v>
          </cell>
          <cell r="C3716">
            <v>0</v>
          </cell>
          <cell r="D3716">
            <v>0</v>
          </cell>
          <cell r="E3716">
            <v>0</v>
          </cell>
          <cell r="G3716">
            <v>0</v>
          </cell>
          <cell r="I3716">
            <v>0</v>
          </cell>
        </row>
        <row r="3717">
          <cell r="A3717" t="str">
            <v>C16008</v>
          </cell>
          <cell r="B3717">
            <v>0</v>
          </cell>
          <cell r="C3717">
            <v>0</v>
          </cell>
          <cell r="D3717">
            <v>0</v>
          </cell>
          <cell r="E3717">
            <v>0</v>
          </cell>
          <cell r="F3717">
            <v>-102.29901</v>
          </cell>
          <cell r="G3717">
            <v>0</v>
          </cell>
          <cell r="I3717">
            <v>-102.29901</v>
          </cell>
        </row>
        <row r="3718">
          <cell r="A3718" t="str">
            <v>C16009</v>
          </cell>
          <cell r="B3718">
            <v>0</v>
          </cell>
          <cell r="C3718">
            <v>0</v>
          </cell>
          <cell r="D3718">
            <v>0</v>
          </cell>
          <cell r="E3718">
            <v>0</v>
          </cell>
          <cell r="F3718">
            <v>-102.29901</v>
          </cell>
          <cell r="G3718">
            <v>0</v>
          </cell>
          <cell r="I3718">
            <v>-102.29901</v>
          </cell>
        </row>
        <row r="3719">
          <cell r="A3719" t="str">
            <v>C170</v>
          </cell>
          <cell r="B3719">
            <v>-1831.276440000016</v>
          </cell>
          <cell r="C3719">
            <v>0</v>
          </cell>
          <cell r="D3719">
            <v>7883.4676700000018</v>
          </cell>
          <cell r="E3719">
            <v>6052.1912300000258</v>
          </cell>
          <cell r="F3719">
            <v>179251.71307999999</v>
          </cell>
          <cell r="G3719">
            <v>7.2700000000000004E-3</v>
          </cell>
          <cell r="H3719">
            <v>33705.925750000002</v>
          </cell>
          <cell r="I3719">
            <v>212957.64610000001</v>
          </cell>
        </row>
        <row r="3720">
          <cell r="A3720" t="str">
            <v>C17001</v>
          </cell>
          <cell r="B3720">
            <v>-12314.081919999997</v>
          </cell>
          <cell r="C3720">
            <v>0</v>
          </cell>
          <cell r="D3720">
            <v>0</v>
          </cell>
          <cell r="E3720">
            <v>-12314.081919999997</v>
          </cell>
          <cell r="F3720">
            <v>86379.227379999997</v>
          </cell>
          <cell r="H3720">
            <v>-63.555909999999997</v>
          </cell>
          <cell r="I3720">
            <v>86315.671470000001</v>
          </cell>
        </row>
        <row r="3721">
          <cell r="A3721" t="str">
            <v>C17002</v>
          </cell>
          <cell r="B3721">
            <v>10484.959889999998</v>
          </cell>
          <cell r="C3721">
            <v>0</v>
          </cell>
          <cell r="D3721">
            <v>7883.4676700000018</v>
          </cell>
          <cell r="E3721">
            <v>18368.427559999996</v>
          </cell>
          <cell r="F3721">
            <v>92877.654710000003</v>
          </cell>
          <cell r="G3721">
            <v>7.2700000000000004E-3</v>
          </cell>
          <cell r="H3721">
            <v>40053.517500000002</v>
          </cell>
          <cell r="I3721">
            <v>132931.17947999999</v>
          </cell>
        </row>
        <row r="3722">
          <cell r="A3722" t="str">
            <v>C17003</v>
          </cell>
          <cell r="B3722">
            <v>-2.1544099999999999</v>
          </cell>
          <cell r="C3722">
            <v>0</v>
          </cell>
          <cell r="D3722">
            <v>0</v>
          </cell>
          <cell r="E3722">
            <v>-2.1544100000000981</v>
          </cell>
          <cell r="F3722">
            <v>-5.1690100000000001</v>
          </cell>
          <cell r="H3722">
            <v>-6284.0358399999996</v>
          </cell>
          <cell r="I3722">
            <v>-6289.2048500000001</v>
          </cell>
        </row>
        <row r="3723">
          <cell r="A3723" t="str">
            <v>C180</v>
          </cell>
          <cell r="B3723">
            <v>0</v>
          </cell>
          <cell r="C3723">
            <v>0</v>
          </cell>
          <cell r="D3723">
            <v>0</v>
          </cell>
          <cell r="E3723">
            <v>0</v>
          </cell>
          <cell r="H3723">
            <v>-86739.457190000001</v>
          </cell>
          <cell r="I3723">
            <v>-86739.457190000001</v>
          </cell>
        </row>
        <row r="3724">
          <cell r="A3724" t="str">
            <v>C2</v>
          </cell>
          <cell r="B3724">
            <v>-35139.307829999991</v>
          </cell>
          <cell r="C3724">
            <v>0</v>
          </cell>
          <cell r="D3724">
            <v>16642.491099999999</v>
          </cell>
          <cell r="E3724">
            <v>-18496.816730000006</v>
          </cell>
          <cell r="F3724">
            <v>-115260.65334999999</v>
          </cell>
          <cell r="G3724">
            <v>12.55644</v>
          </cell>
          <cell r="H3724">
            <v>6027.0490099999997</v>
          </cell>
          <cell r="I3724">
            <v>-109221.04790000001</v>
          </cell>
        </row>
        <row r="3725">
          <cell r="A3725" t="str">
            <v>C210</v>
          </cell>
          <cell r="B3725">
            <v>-35608.853579999995</v>
          </cell>
          <cell r="C3725">
            <v>0</v>
          </cell>
          <cell r="D3725">
            <v>16642.491099999999</v>
          </cell>
          <cell r="E3725">
            <v>-18966.362480000011</v>
          </cell>
          <cell r="F3725">
            <v>-307354.69123</v>
          </cell>
          <cell r="G3725">
            <v>-0.12307999999999999</v>
          </cell>
          <cell r="H3725">
            <v>7222.95453</v>
          </cell>
          <cell r="I3725">
            <v>-300131.85978</v>
          </cell>
        </row>
        <row r="3726">
          <cell r="A3726" t="str">
            <v>C211</v>
          </cell>
          <cell r="B3726">
            <v>-36626.277269999991</v>
          </cell>
          <cell r="C3726">
            <v>0</v>
          </cell>
          <cell r="D3726">
            <v>16642.491099999999</v>
          </cell>
          <cell r="E3726">
            <v>-19983.786169999978</v>
          </cell>
          <cell r="F3726">
            <v>-186037.43755</v>
          </cell>
          <cell r="G3726">
            <v>-0.12307999999999999</v>
          </cell>
          <cell r="H3726">
            <v>7223.12565</v>
          </cell>
          <cell r="I3726">
            <v>-178814.43497999999</v>
          </cell>
        </row>
        <row r="3727">
          <cell r="A3727" t="str">
            <v>C21101</v>
          </cell>
          <cell r="B3727">
            <v>-12994.997580000003</v>
          </cell>
          <cell r="C3727">
            <v>0</v>
          </cell>
          <cell r="D3727">
            <v>16642.491099999999</v>
          </cell>
          <cell r="E3727">
            <v>3647.4935200000036</v>
          </cell>
          <cell r="F3727">
            <v>-46279.889770000002</v>
          </cell>
          <cell r="G3727">
            <v>-0.12307999999999999</v>
          </cell>
          <cell r="H3727">
            <v>7223.12565</v>
          </cell>
          <cell r="I3727">
            <v>-39056.887199999997</v>
          </cell>
        </row>
        <row r="3728">
          <cell r="A3728" t="str">
            <v>C21102</v>
          </cell>
          <cell r="B3728">
            <v>-23163.888349999994</v>
          </cell>
          <cell r="C3728">
            <v>0</v>
          </cell>
          <cell r="D3728">
            <v>0</v>
          </cell>
          <cell r="E3728">
            <v>-23163.888349999994</v>
          </cell>
          <cell r="F3728">
            <v>-136668.67890999999</v>
          </cell>
          <cell r="I3728">
            <v>-136668.67890999999</v>
          </cell>
        </row>
        <row r="3729">
          <cell r="A3729" t="str">
            <v>C21103</v>
          </cell>
          <cell r="B3729">
            <v>-467.39133999999967</v>
          </cell>
          <cell r="C3729">
            <v>0</v>
          </cell>
          <cell r="D3729">
            <v>0</v>
          </cell>
          <cell r="E3729">
            <v>-467.39133999999967</v>
          </cell>
          <cell r="F3729">
            <v>-3088.8688699999998</v>
          </cell>
          <cell r="I3729">
            <v>-3088.8688699999998</v>
          </cell>
        </row>
        <row r="3730">
          <cell r="A3730" t="str">
            <v>C212</v>
          </cell>
          <cell r="B3730">
            <v>-734.9009500000102</v>
          </cell>
          <cell r="C3730">
            <v>-329.6587099999997</v>
          </cell>
          <cell r="D3730">
            <v>0</v>
          </cell>
          <cell r="E3730">
            <v>-1064.559659999999</v>
          </cell>
          <cell r="F3730">
            <v>-137859.20533</v>
          </cell>
          <cell r="G3730">
            <v>-9018.5883599999997</v>
          </cell>
          <cell r="H3730">
            <v>-0.17111999999999999</v>
          </cell>
          <cell r="I3730">
            <v>-146877.96481</v>
          </cell>
        </row>
        <row r="3731">
          <cell r="A3731" t="str">
            <v>C21201</v>
          </cell>
          <cell r="B3731">
            <v>0</v>
          </cell>
          <cell r="C3731">
            <v>0</v>
          </cell>
          <cell r="D3731">
            <v>0</v>
          </cell>
          <cell r="E3731">
            <v>0</v>
          </cell>
        </row>
        <row r="3732">
          <cell r="A3732" t="str">
            <v>C21202</v>
          </cell>
          <cell r="B3732">
            <v>-28.56847999999998</v>
          </cell>
          <cell r="C3732">
            <v>221.18782999999996</v>
          </cell>
          <cell r="D3732">
            <v>0</v>
          </cell>
          <cell r="E3732">
            <v>192.61934999999994</v>
          </cell>
          <cell r="F3732">
            <v>107.83907000000001</v>
          </cell>
          <cell r="G3732">
            <v>-811.14520000000005</v>
          </cell>
          <cell r="I3732">
            <v>-703.30613000000005</v>
          </cell>
        </row>
        <row r="3733">
          <cell r="A3733" t="str">
            <v>C21203</v>
          </cell>
          <cell r="B3733">
            <v>444.24091999999996</v>
          </cell>
          <cell r="C3733">
            <v>0</v>
          </cell>
          <cell r="D3733">
            <v>0</v>
          </cell>
          <cell r="E3733">
            <v>444.24091999999996</v>
          </cell>
          <cell r="F3733">
            <v>-314.09190000000001</v>
          </cell>
          <cell r="H3733">
            <v>-0.17111999999999999</v>
          </cell>
          <cell r="I3733">
            <v>-314.26301999999998</v>
          </cell>
        </row>
        <row r="3734">
          <cell r="A3734" t="str">
            <v>C21204</v>
          </cell>
          <cell r="B3734">
            <v>573.18276999999944</v>
          </cell>
          <cell r="C3734">
            <v>0</v>
          </cell>
          <cell r="D3734">
            <v>0</v>
          </cell>
          <cell r="E3734">
            <v>573.18276999999944</v>
          </cell>
          <cell r="F3734">
            <v>-121003.16177999999</v>
          </cell>
          <cell r="I3734">
            <v>-121003.16177999999</v>
          </cell>
        </row>
        <row r="3735">
          <cell r="A3735" t="str">
            <v>C21205</v>
          </cell>
          <cell r="B3735">
            <v>-1799.2213900000006</v>
          </cell>
          <cell r="C3735">
            <v>-22.499649999999747</v>
          </cell>
          <cell r="D3735">
            <v>0</v>
          </cell>
          <cell r="E3735">
            <v>-1821.7210400000004</v>
          </cell>
          <cell r="F3735">
            <v>-8778.0282900000002</v>
          </cell>
          <cell r="G3735">
            <v>-4579.5410499999998</v>
          </cell>
          <cell r="I3735">
            <v>-13357.56934</v>
          </cell>
        </row>
        <row r="3736">
          <cell r="A3736" t="str">
            <v>C21206</v>
          </cell>
          <cell r="B3736">
            <v>-17.999039999999979</v>
          </cell>
          <cell r="C3736">
            <v>0</v>
          </cell>
          <cell r="D3736">
            <v>0</v>
          </cell>
          <cell r="E3736">
            <v>-17.999039999999979</v>
          </cell>
          <cell r="F3736">
            <v>-354.87423999999999</v>
          </cell>
          <cell r="I3736">
            <v>-354.87423999999999</v>
          </cell>
        </row>
        <row r="3737">
          <cell r="A3737" t="str">
            <v>C21207</v>
          </cell>
          <cell r="B3737">
            <v>93.464270000000397</v>
          </cell>
          <cell r="C3737">
            <v>-528.3468899999998</v>
          </cell>
          <cell r="D3737">
            <v>0</v>
          </cell>
          <cell r="E3737">
            <v>-434.88262000000032</v>
          </cell>
          <cell r="F3737">
            <v>-7516.8881899999997</v>
          </cell>
          <cell r="G3737">
            <v>-3627.90211</v>
          </cell>
          <cell r="I3737">
            <v>-11144.790300000001</v>
          </cell>
        </row>
        <row r="3738">
          <cell r="A3738" t="str">
            <v>C213</v>
          </cell>
          <cell r="B3738">
            <v>1752.3246399999989</v>
          </cell>
          <cell r="C3738">
            <v>329.6587099999997</v>
          </cell>
          <cell r="D3738">
            <v>0</v>
          </cell>
          <cell r="E3738">
            <v>2081.9833500000022</v>
          </cell>
          <cell r="F3738">
            <v>16541.951649999999</v>
          </cell>
          <cell r="G3738">
            <v>9018.5883599999997</v>
          </cell>
          <cell r="I3738">
            <v>25560.540010000001</v>
          </cell>
        </row>
        <row r="3739">
          <cell r="A3739" t="str">
            <v>C217</v>
          </cell>
          <cell r="B3739">
            <v>0</v>
          </cell>
          <cell r="C3739">
            <v>0</v>
          </cell>
          <cell r="D3739">
            <v>0</v>
          </cell>
          <cell r="E3739">
            <v>0</v>
          </cell>
          <cell r="H3739">
            <v>-7479.9413599999998</v>
          </cell>
          <cell r="I3739">
            <v>-7479.9413599999998</v>
          </cell>
        </row>
        <row r="3740">
          <cell r="A3740" t="str">
            <v>C220</v>
          </cell>
          <cell r="B3740">
            <v>0</v>
          </cell>
          <cell r="C3740">
            <v>0</v>
          </cell>
          <cell r="D3740">
            <v>0</v>
          </cell>
          <cell r="E3740">
            <v>0</v>
          </cell>
          <cell r="F3740">
            <v>189000</v>
          </cell>
          <cell r="G3740">
            <v>12.67952</v>
          </cell>
          <cell r="I3740">
            <v>189012.67952000001</v>
          </cell>
        </row>
        <row r="3741">
          <cell r="A3741" t="str">
            <v>C22001</v>
          </cell>
          <cell r="B3741">
            <v>0</v>
          </cell>
          <cell r="C3741">
            <v>0</v>
          </cell>
          <cell r="D3741">
            <v>0</v>
          </cell>
          <cell r="E3741">
            <v>0</v>
          </cell>
          <cell r="F3741">
            <v>210000</v>
          </cell>
          <cell r="G3741">
            <v>12.67952</v>
          </cell>
          <cell r="I3741">
            <v>210012.67952000001</v>
          </cell>
        </row>
        <row r="3742">
          <cell r="A3742" t="str">
            <v>C22002</v>
          </cell>
          <cell r="B3742">
            <v>0</v>
          </cell>
          <cell r="C3742">
            <v>0</v>
          </cell>
          <cell r="D3742">
            <v>0</v>
          </cell>
          <cell r="E3742">
            <v>0</v>
          </cell>
          <cell r="F3742">
            <v>-21000</v>
          </cell>
          <cell r="I3742">
            <v>-21000</v>
          </cell>
        </row>
        <row r="3743">
          <cell r="A3743" t="str">
            <v>C22021</v>
          </cell>
          <cell r="B3743">
            <v>0</v>
          </cell>
          <cell r="C3743">
            <v>0</v>
          </cell>
          <cell r="D3743">
            <v>0</v>
          </cell>
          <cell r="E3743">
            <v>0</v>
          </cell>
          <cell r="F3743">
            <v>-21000</v>
          </cell>
          <cell r="I3743">
            <v>-21000</v>
          </cell>
        </row>
        <row r="3744">
          <cell r="A3744" t="str">
            <v>C22022</v>
          </cell>
          <cell r="B3744">
            <v>0</v>
          </cell>
          <cell r="C3744">
            <v>0</v>
          </cell>
          <cell r="D3744">
            <v>0</v>
          </cell>
          <cell r="E3744">
            <v>0</v>
          </cell>
        </row>
        <row r="3745">
          <cell r="A3745" t="str">
            <v>C230</v>
          </cell>
          <cell r="B3745">
            <v>0</v>
          </cell>
          <cell r="C3745">
            <v>0</v>
          </cell>
          <cell r="D3745">
            <v>0</v>
          </cell>
          <cell r="E3745">
            <v>0</v>
          </cell>
        </row>
        <row r="3746">
          <cell r="A3746" t="str">
            <v>C231</v>
          </cell>
          <cell r="B3746">
            <v>0</v>
          </cell>
          <cell r="C3746">
            <v>0</v>
          </cell>
          <cell r="D3746">
            <v>0</v>
          </cell>
          <cell r="E3746">
            <v>0</v>
          </cell>
        </row>
        <row r="3747">
          <cell r="A3747" t="str">
            <v>C23102</v>
          </cell>
          <cell r="B3747">
            <v>0</v>
          </cell>
          <cell r="C3747">
            <v>0</v>
          </cell>
          <cell r="D3747">
            <v>0</v>
          </cell>
          <cell r="E3747">
            <v>0</v>
          </cell>
        </row>
        <row r="3748">
          <cell r="A3748" t="str">
            <v>C240P</v>
          </cell>
          <cell r="B3748">
            <v>2.1544099999999999</v>
          </cell>
          <cell r="C3748">
            <v>0</v>
          </cell>
          <cell r="D3748">
            <v>0</v>
          </cell>
          <cell r="E3748">
            <v>2.1544100000000981</v>
          </cell>
          <cell r="F3748">
            <v>5.1690100000000001</v>
          </cell>
          <cell r="H3748">
            <v>6284.0358399999996</v>
          </cell>
          <cell r="I3748">
            <v>6289.2048500000001</v>
          </cell>
        </row>
        <row r="3749">
          <cell r="A3749" t="str">
            <v>C24001</v>
          </cell>
          <cell r="B3749">
            <v>2.1544099999999999</v>
          </cell>
          <cell r="C3749">
            <v>0</v>
          </cell>
          <cell r="D3749">
            <v>0</v>
          </cell>
          <cell r="E3749">
            <v>2.1544100000000981</v>
          </cell>
          <cell r="F3749">
            <v>5.1690100000000001</v>
          </cell>
          <cell r="H3749">
            <v>6284.0358399999996</v>
          </cell>
          <cell r="I3749">
            <v>6289.2048500000001</v>
          </cell>
        </row>
        <row r="3750">
          <cell r="A3750" t="str">
            <v>C250</v>
          </cell>
          <cell r="B3750">
            <v>467.39133999999967</v>
          </cell>
          <cell r="C3750">
            <v>0</v>
          </cell>
          <cell r="D3750">
            <v>0</v>
          </cell>
          <cell r="E3750">
            <v>467.39133999999967</v>
          </cell>
          <cell r="F3750">
            <v>3088.8688699999998</v>
          </cell>
          <cell r="I3750">
            <v>3088.8688699999998</v>
          </cell>
        </row>
        <row r="3751">
          <cell r="A3751" t="str">
            <v>C4</v>
          </cell>
          <cell r="B3751">
            <v>-75791.897390000027</v>
          </cell>
          <cell r="C3751">
            <v>-1822.4507200000003</v>
          </cell>
          <cell r="D3751">
            <v>46565.712130000058</v>
          </cell>
          <cell r="E3751">
            <v>-31048.635980000021</v>
          </cell>
          <cell r="F3751">
            <v>-280178.50115000003</v>
          </cell>
          <cell r="G3751">
            <v>-4446.3745600000002</v>
          </cell>
          <cell r="H3751">
            <v>-481935.86113999999</v>
          </cell>
          <cell r="I3751">
            <v>-766560.73684999999</v>
          </cell>
        </row>
        <row r="3752">
          <cell r="A3752" t="str">
            <v>C410</v>
          </cell>
          <cell r="B3752">
            <v>-74435.010500000004</v>
          </cell>
          <cell r="C3752">
            <v>-1822.4507200000003</v>
          </cell>
          <cell r="D3752">
            <v>62465.097509999992</v>
          </cell>
          <cell r="E3752">
            <v>-13792.363710000063</v>
          </cell>
          <cell r="F3752">
            <v>-207382.26230999999</v>
          </cell>
          <cell r="G3752">
            <v>-4446.3672900000001</v>
          </cell>
          <cell r="H3752">
            <v>-433866.42596000002</v>
          </cell>
          <cell r="I3752">
            <v>-645695.05556000001</v>
          </cell>
        </row>
        <row r="3753">
          <cell r="A3753" t="str">
            <v>C411</v>
          </cell>
          <cell r="B3753">
            <v>-74530.91498999999</v>
          </cell>
          <cell r="C3753">
            <v>-1822.4507200000003</v>
          </cell>
          <cell r="D3753">
            <v>62465.097509999992</v>
          </cell>
          <cell r="E3753">
            <v>-13888.268199999933</v>
          </cell>
          <cell r="F3753">
            <v>-191182.78396999999</v>
          </cell>
          <cell r="G3753">
            <v>-4446.3672900000001</v>
          </cell>
          <cell r="H3753">
            <v>-430366.42596000002</v>
          </cell>
          <cell r="I3753">
            <v>-625995.57721999998</v>
          </cell>
        </row>
        <row r="3754">
          <cell r="A3754" t="str">
            <v>C41102</v>
          </cell>
          <cell r="B3754">
            <v>-74530.91498999999</v>
          </cell>
          <cell r="C3754">
            <v>-1822.4507199999998</v>
          </cell>
          <cell r="D3754">
            <v>72017.542719999998</v>
          </cell>
          <cell r="E3754">
            <v>-4335.8229900000006</v>
          </cell>
          <cell r="F3754">
            <v>-191227.84886999999</v>
          </cell>
          <cell r="G3754">
            <v>-4446.3672999999999</v>
          </cell>
          <cell r="H3754">
            <v>104039.46364</v>
          </cell>
          <cell r="I3754">
            <v>-91634.752529999998</v>
          </cell>
        </row>
        <row r="3755">
          <cell r="A3755" t="str">
            <v>C41103</v>
          </cell>
          <cell r="B3755">
            <v>0</v>
          </cell>
          <cell r="C3755">
            <v>0</v>
          </cell>
          <cell r="D3755">
            <v>0</v>
          </cell>
          <cell r="E3755">
            <v>0</v>
          </cell>
        </row>
        <row r="3756">
          <cell r="A3756" t="str">
            <v>C41104</v>
          </cell>
          <cell r="B3756">
            <v>0</v>
          </cell>
          <cell r="C3756">
            <v>0</v>
          </cell>
          <cell r="D3756">
            <v>0</v>
          </cell>
          <cell r="E3756">
            <v>0</v>
          </cell>
          <cell r="G3756">
            <v>0</v>
          </cell>
          <cell r="I3756">
            <v>0</v>
          </cell>
        </row>
        <row r="3757">
          <cell r="A3757" t="str">
            <v>C41108</v>
          </cell>
          <cell r="B3757">
            <v>0</v>
          </cell>
          <cell r="C3757">
            <v>0</v>
          </cell>
          <cell r="D3757">
            <v>0</v>
          </cell>
          <cell r="E3757">
            <v>0</v>
          </cell>
          <cell r="G3757">
            <v>0</v>
          </cell>
          <cell r="I3757">
            <v>0</v>
          </cell>
        </row>
        <row r="3758">
          <cell r="A3758" t="str">
            <v>C41107</v>
          </cell>
          <cell r="B3758">
            <v>0</v>
          </cell>
          <cell r="C3758">
            <v>0</v>
          </cell>
          <cell r="D3758">
            <v>-9552.4452100000344</v>
          </cell>
          <cell r="E3758">
            <v>-9552.4452100000344</v>
          </cell>
          <cell r="F3758">
            <v>45.064900000000002</v>
          </cell>
          <cell r="G3758">
            <v>1.0000000000000001E-5</v>
          </cell>
          <cell r="H3758">
            <v>-534405.88959999999</v>
          </cell>
          <cell r="I3758">
            <v>-534360.82469000004</v>
          </cell>
        </row>
        <row r="3759">
          <cell r="A3759" t="str">
            <v>C412</v>
          </cell>
          <cell r="B3759">
            <v>95.904490000000806</v>
          </cell>
          <cell r="C3759">
            <v>0</v>
          </cell>
          <cell r="D3759">
            <v>0</v>
          </cell>
          <cell r="E3759">
            <v>95.904489999997168</v>
          </cell>
          <cell r="F3759">
            <v>-16199.47834</v>
          </cell>
          <cell r="H3759">
            <v>-3500</v>
          </cell>
          <cell r="I3759">
            <v>-19699.478340000001</v>
          </cell>
        </row>
        <row r="3760">
          <cell r="A3760" t="str">
            <v>C430</v>
          </cell>
          <cell r="B3760">
            <v>8015.0782399999998</v>
          </cell>
          <cell r="C3760">
            <v>0</v>
          </cell>
          <cell r="D3760">
            <v>-8015.0782399999998</v>
          </cell>
          <cell r="E3760">
            <v>0</v>
          </cell>
          <cell r="F3760">
            <v>8015.0782399999998</v>
          </cell>
          <cell r="G3760">
            <v>0</v>
          </cell>
          <cell r="H3760">
            <v>-8015.0782399999998</v>
          </cell>
          <cell r="I3760">
            <v>0</v>
          </cell>
        </row>
        <row r="3761">
          <cell r="A3761" t="str">
            <v>C431</v>
          </cell>
          <cell r="B3761">
            <v>8015.0782399999998</v>
          </cell>
          <cell r="C3761">
            <v>0</v>
          </cell>
          <cell r="D3761">
            <v>-8015.0782399999998</v>
          </cell>
          <cell r="E3761">
            <v>0</v>
          </cell>
          <cell r="F3761">
            <v>8015.0782399999998</v>
          </cell>
          <cell r="G3761">
            <v>0</v>
          </cell>
          <cell r="H3761">
            <v>-8015.0782399999998</v>
          </cell>
          <cell r="I3761">
            <v>0</v>
          </cell>
        </row>
        <row r="3762">
          <cell r="A3762" t="str">
            <v>C43101</v>
          </cell>
          <cell r="B3762">
            <v>0</v>
          </cell>
          <cell r="C3762">
            <v>0</v>
          </cell>
          <cell r="D3762">
            <v>0</v>
          </cell>
          <cell r="E3762">
            <v>0</v>
          </cell>
          <cell r="G3762">
            <v>0</v>
          </cell>
          <cell r="I3762">
            <v>0</v>
          </cell>
        </row>
        <row r="3763">
          <cell r="A3763" t="str">
            <v>C43102</v>
          </cell>
          <cell r="B3763">
            <v>8015.0782399999998</v>
          </cell>
          <cell r="C3763">
            <v>0</v>
          </cell>
          <cell r="D3763">
            <v>-8015.0782399999998</v>
          </cell>
          <cell r="E3763">
            <v>0</v>
          </cell>
          <cell r="F3763">
            <v>8015.0782399999998</v>
          </cell>
          <cell r="H3763">
            <v>-8015.0782399999998</v>
          </cell>
          <cell r="I3763">
            <v>0</v>
          </cell>
        </row>
        <row r="3764">
          <cell r="A3764" t="str">
            <v>C440</v>
          </cell>
          <cell r="B3764">
            <v>-9371.9651299999969</v>
          </cell>
          <cell r="C3764">
            <v>0</v>
          </cell>
          <cell r="D3764">
            <v>-7884.3071399999972</v>
          </cell>
          <cell r="E3764">
            <v>-17256.272269999987</v>
          </cell>
          <cell r="F3764">
            <v>-80811.317079999993</v>
          </cell>
          <cell r="G3764">
            <v>-7.2700000000000004E-3</v>
          </cell>
          <cell r="H3764">
            <v>-40054.356939999998</v>
          </cell>
          <cell r="I3764">
            <v>-120865.68128999999</v>
          </cell>
        </row>
        <row r="3765">
          <cell r="A3765" t="str">
            <v>C510</v>
          </cell>
          <cell r="B3765">
            <v>329.80839000000003</v>
          </cell>
          <cell r="C3765">
            <v>-0.4055800000000005</v>
          </cell>
          <cell r="D3765">
            <v>242.15414000000055</v>
          </cell>
          <cell r="E3765">
            <v>571.55695000000014</v>
          </cell>
          <cell r="F3765">
            <v>255.46877000000001</v>
          </cell>
          <cell r="G3765">
            <v>67.231210000000004</v>
          </cell>
          <cell r="H3765">
            <v>6836.6418000000003</v>
          </cell>
          <cell r="I3765">
            <v>7159.3417799999997</v>
          </cell>
        </row>
        <row r="3766">
          <cell r="A3766" t="str">
            <v>C51006</v>
          </cell>
          <cell r="B3766">
            <v>329.80839000000003</v>
          </cell>
          <cell r="C3766">
            <v>-0.4055800000000005</v>
          </cell>
          <cell r="D3766">
            <v>242.15414000000055</v>
          </cell>
          <cell r="E3766">
            <v>571.55695000000014</v>
          </cell>
          <cell r="F3766">
            <v>255.46877000000001</v>
          </cell>
          <cell r="G3766">
            <v>67.231210000000004</v>
          </cell>
          <cell r="H3766">
            <v>6836.6418000000003</v>
          </cell>
          <cell r="I3766">
            <v>7159.3417799999997</v>
          </cell>
        </row>
      </sheetData>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apitalisations boursières"/>
      <sheetName val="WACC"/>
      <sheetName val="DRE_OUTPUT"/>
    </sheetNames>
    <sheetDataSet>
      <sheetData sheetId="0"/>
      <sheetData sheetId="1" refreshError="1"/>
      <sheetData sheetId="2"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CC (Vermlho)"/>
      <sheetName val="WACC (7 Belo)"/>
      <sheetName val="Betas"/>
      <sheetName val="Output"/>
      <sheetName val="Input"/>
      <sheetName val="Projeções"/>
      <sheetName val="Preços"/>
      <sheetName val="Risk Free &amp; PRP"/>
      <sheetName val="Sadia Corp"/>
      <sheetName val="Bloomberg"/>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BD"/>
      <sheetName val="Planilha2"/>
      <sheetName val="Planilha1"/>
      <sheetName val="DRE"/>
      <sheetName val="IFRS16"/>
      <sheetName val="OPEX"/>
      <sheetName val="INDICADORES"/>
      <sheetName val="REALxORÇADO_Consol"/>
      <sheetName val="DRE - Atlanta"/>
      <sheetName val="DRE - Manati"/>
      <sheetName val="BVs &gt;"/>
      <sheetName val="Gráficos&gt;&gt;&gt;"/>
      <sheetName val="Lucro Líquido"/>
      <sheetName val="EBITDAX"/>
      <sheetName val="Receita"/>
      <sheetName val="Receita 2"/>
      <sheetName val="Listas"/>
      <sheetName val="Análises &gt;&gt;&gt;"/>
      <sheetName val="ATLANTA"/>
      <sheetName val="MANATI"/>
      <sheetName val="EXPLORAÇÃO"/>
      <sheetName val="CORPORATIVO"/>
      <sheetName val="AFBV"/>
      <sheetName val="AFPS"/>
      <sheetName val="BV QGEP"/>
      <sheetName val="BV Financ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Movimentação"/>
      <sheetName val="Equity dez 04"/>
      <sheetName val="Equity set 04"/>
      <sheetName val="Ágio"/>
      <sheetName val="XREF"/>
      <sheetName val="Tickmarks"/>
      <sheetName val="Mapa de investimentos"/>
      <sheetName val="Equivalência e VC"/>
      <sheetName val="DF's Venezuela"/>
      <sheetName val="HIST"/>
      <sheetName val="Nota 31.12"/>
      <sheetName val="Nota 30.09"/>
      <sheetName val="Lucros não realizados 31.12.09"/>
      <sheetName val="ACUMULADO"/>
      <sheetName val="Worksheet in 5210 Investimento "/>
      <sheetName val="SBM"/>
      <sheetName val="COMPPROD"/>
      <sheetName val="CCVM ex BOZANO"/>
      <sheetName val="Sheet1"/>
      <sheetName val="Brand Analysis (1)"/>
      <sheetName val="Mestre"/>
      <sheetName val="Accrued Bonus{A}"/>
      <sheetName val="Federal Income Taxes{A}"/>
      <sheetName val="Prepaid Commissions{A}"/>
      <sheetName val="Other Reserves{A}"/>
      <sheetName val="263A Capitalization Adj.{A}"/>
      <sheetName val="FERIADOS"/>
      <sheetName val="Dados BLP"/>
      <sheetName val="NOVEMBRO-2002"/>
    </sheetNames>
    <sheetDataSet>
      <sheetData sheetId="0" refreshError="1">
        <row r="2">
          <cell r="A2" t="str">
            <v>Valores em R$ Mil</v>
          </cell>
        </row>
        <row r="12">
          <cell r="G12" t="str">
            <v>!</v>
          </cell>
        </row>
        <row r="17">
          <cell r="G17" t="str">
            <v>!</v>
          </cell>
        </row>
      </sheetData>
      <sheetData sheetId="1" refreshError="1"/>
      <sheetData sheetId="2" refreshError="1"/>
      <sheetData sheetId="3" refreshError="1"/>
      <sheetData sheetId="4" refreshError="1">
        <row r="2">
          <cell r="A2" t="str">
            <v>Valores em R$ Mil</v>
          </cell>
        </row>
        <row r="12">
          <cell r="F12">
            <v>730331</v>
          </cell>
          <cell r="G12" t="str">
            <v>!</v>
          </cell>
        </row>
        <row r="13">
          <cell r="S13" t="str">
            <v>VI</v>
          </cell>
        </row>
        <row r="14">
          <cell r="J14" t="str">
            <v>!</v>
          </cell>
          <cell r="S14" t="str">
            <v>!</v>
          </cell>
        </row>
        <row r="15">
          <cell r="S15" t="str">
            <v>!</v>
          </cell>
        </row>
        <row r="17">
          <cell r="G17" t="str">
            <v>!</v>
          </cell>
        </row>
      </sheetData>
      <sheetData sheetId="5" refreshError="1">
        <row r="1">
          <cell r="A1" t="str">
            <v>Ágio na Aquisição da Eletropaulo</v>
          </cell>
        </row>
        <row r="7">
          <cell r="D7" t="str">
            <v>AA</v>
          </cell>
          <cell r="I7" t="str">
            <v>AA</v>
          </cell>
        </row>
        <row r="13">
          <cell r="D13" t="str">
            <v>VI</v>
          </cell>
          <cell r="I13" t="str">
            <v>VI</v>
          </cell>
        </row>
        <row r="14">
          <cell r="D14" t="str">
            <v>!</v>
          </cell>
          <cell r="I14" t="str">
            <v>!</v>
          </cell>
        </row>
        <row r="18">
          <cell r="D18" t="str">
            <v>VI</v>
          </cell>
          <cell r="I18" t="str">
            <v>VI</v>
          </cell>
        </row>
        <row r="19">
          <cell r="C19">
            <v>34459.86</v>
          </cell>
          <cell r="D19" t="str">
            <v>!!</v>
          </cell>
          <cell r="I19" t="str">
            <v>!</v>
          </cell>
        </row>
      </sheetData>
      <sheetData sheetId="6" refreshError="1">
        <row r="2">
          <cell r="A2">
            <v>730331</v>
          </cell>
          <cell r="B2">
            <v>730331</v>
          </cell>
          <cell r="D2" t="str">
            <v>Revisão Analítica</v>
          </cell>
          <cell r="E2" t="str">
            <v>!</v>
          </cell>
        </row>
      </sheetData>
      <sheetData sheetId="7" refreshError="1"/>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LANT PERFORMANCE ASSESSMENT 04"/>
      <sheetName val="INDUSTRIAL(I)"/>
      <sheetName val="INDUSTRIAL(II)"/>
      <sheetName val="SUST DEV &amp; OTHER"/>
      <sheetName val="PEOPLE MOB"/>
      <sheetName val="LIST OF PRIORITIES"/>
      <sheetName val="INSTRUCTIONS"/>
      <sheetName val="ConversionRate"/>
      <sheetName val="Indicators"/>
    </sheetNames>
    <sheetDataSet>
      <sheetData sheetId="0"/>
      <sheetData sheetId="1">
        <row r="58">
          <cell r="BG58">
            <v>0</v>
          </cell>
          <cell r="BH58">
            <v>0</v>
          </cell>
        </row>
        <row r="61">
          <cell r="BG61">
            <v>0</v>
          </cell>
          <cell r="BH61">
            <v>0</v>
          </cell>
          <cell r="BU61">
            <v>1.0230999999999999</v>
          </cell>
          <cell r="BW61">
            <v>1.6830000000000001</v>
          </cell>
        </row>
        <row r="62">
          <cell r="BG62">
            <v>0</v>
          </cell>
          <cell r="BH62">
            <v>0</v>
          </cell>
          <cell r="BU62">
            <v>10.97</v>
          </cell>
          <cell r="BW62">
            <v>94.69</v>
          </cell>
        </row>
        <row r="63">
          <cell r="BG63">
            <v>0</v>
          </cell>
          <cell r="BH63">
            <v>0</v>
          </cell>
          <cell r="BU63">
            <v>34</v>
          </cell>
          <cell r="BW63">
            <v>1111</v>
          </cell>
        </row>
        <row r="65">
          <cell r="BG65">
            <v>0</v>
          </cell>
          <cell r="BH65">
            <v>0</v>
          </cell>
          <cell r="BK65">
            <v>-100</v>
          </cell>
          <cell r="BL65">
            <v>92</v>
          </cell>
          <cell r="BM65">
            <v>92</v>
          </cell>
          <cell r="BN65">
            <v>94</v>
          </cell>
          <cell r="BO65">
            <v>94</v>
          </cell>
          <cell r="BP65">
            <v>96</v>
          </cell>
          <cell r="BQ65">
            <v>96</v>
          </cell>
          <cell r="BR65">
            <v>98</v>
          </cell>
          <cell r="BS65">
            <v>98</v>
          </cell>
          <cell r="BT65">
            <v>100</v>
          </cell>
        </row>
        <row r="66">
          <cell r="BG66">
            <v>0</v>
          </cell>
          <cell r="BH66">
            <v>0</v>
          </cell>
          <cell r="BK66">
            <v>-100</v>
          </cell>
          <cell r="BL66">
            <v>92</v>
          </cell>
          <cell r="BM66">
            <v>92</v>
          </cell>
          <cell r="BN66">
            <v>94</v>
          </cell>
          <cell r="BO66">
            <v>94</v>
          </cell>
          <cell r="BP66">
            <v>96</v>
          </cell>
          <cell r="BQ66">
            <v>96</v>
          </cell>
          <cell r="BR66">
            <v>98</v>
          </cell>
          <cell r="BS66">
            <v>98</v>
          </cell>
          <cell r="BT66">
            <v>100</v>
          </cell>
        </row>
        <row r="67">
          <cell r="BG67">
            <v>0</v>
          </cell>
          <cell r="BH67">
            <v>0</v>
          </cell>
          <cell r="BK67">
            <v>-100</v>
          </cell>
          <cell r="BL67">
            <v>92</v>
          </cell>
          <cell r="BM67">
            <v>92</v>
          </cell>
          <cell r="BN67">
            <v>94</v>
          </cell>
          <cell r="BO67">
            <v>94</v>
          </cell>
          <cell r="BP67">
            <v>96</v>
          </cell>
          <cell r="BQ67">
            <v>96</v>
          </cell>
          <cell r="BR67">
            <v>98</v>
          </cell>
          <cell r="BS67">
            <v>98</v>
          </cell>
          <cell r="BT67">
            <v>100</v>
          </cell>
        </row>
        <row r="71">
          <cell r="BG71">
            <v>0</v>
          </cell>
          <cell r="BH71">
            <v>0</v>
          </cell>
          <cell r="BU71">
            <v>0</v>
          </cell>
          <cell r="BW71">
            <v>54.96</v>
          </cell>
        </row>
        <row r="74">
          <cell r="BG74">
            <v>0</v>
          </cell>
          <cell r="BH74">
            <v>0</v>
          </cell>
          <cell r="BK74">
            <v>-100</v>
          </cell>
          <cell r="BL74">
            <v>86</v>
          </cell>
          <cell r="BM74">
            <v>86</v>
          </cell>
          <cell r="BN74">
            <v>90</v>
          </cell>
          <cell r="BO74">
            <v>90</v>
          </cell>
          <cell r="BP74">
            <v>94</v>
          </cell>
          <cell r="BQ74">
            <v>94</v>
          </cell>
          <cell r="BR74">
            <v>97</v>
          </cell>
          <cell r="BS74">
            <v>97</v>
          </cell>
          <cell r="BT74">
            <v>100</v>
          </cell>
        </row>
        <row r="75">
          <cell r="BG75">
            <v>0</v>
          </cell>
          <cell r="BH75">
            <v>0</v>
          </cell>
          <cell r="BK75">
            <v>30</v>
          </cell>
          <cell r="BL75">
            <v>100</v>
          </cell>
          <cell r="BM75">
            <v>20</v>
          </cell>
          <cell r="BN75">
            <v>30</v>
          </cell>
          <cell r="BO75">
            <v>14</v>
          </cell>
          <cell r="BP75">
            <v>20</v>
          </cell>
          <cell r="BQ75">
            <v>10</v>
          </cell>
          <cell r="BR75">
            <v>14</v>
          </cell>
          <cell r="BS75">
            <v>0</v>
          </cell>
          <cell r="BT75">
            <v>10</v>
          </cell>
        </row>
        <row r="76">
          <cell r="BG76">
            <v>0</v>
          </cell>
          <cell r="BH76">
            <v>0</v>
          </cell>
          <cell r="BK76">
            <v>30</v>
          </cell>
          <cell r="BL76">
            <v>100</v>
          </cell>
          <cell r="BM76">
            <v>20</v>
          </cell>
          <cell r="BN76">
            <v>30</v>
          </cell>
          <cell r="BO76">
            <v>12</v>
          </cell>
          <cell r="BP76">
            <v>20</v>
          </cell>
          <cell r="BQ76">
            <v>8</v>
          </cell>
          <cell r="BR76">
            <v>12</v>
          </cell>
          <cell r="BS76">
            <v>0</v>
          </cell>
          <cell r="BT76">
            <v>8</v>
          </cell>
        </row>
        <row r="77">
          <cell r="BG77">
            <v>0</v>
          </cell>
          <cell r="BH77">
            <v>0</v>
          </cell>
          <cell r="BK77">
            <v>2.5</v>
          </cell>
          <cell r="BL77">
            <v>100</v>
          </cell>
          <cell r="BM77">
            <v>2</v>
          </cell>
          <cell r="BN77">
            <v>2.5</v>
          </cell>
          <cell r="BO77">
            <v>1.5</v>
          </cell>
          <cell r="BP77">
            <v>2</v>
          </cell>
          <cell r="BQ77">
            <v>1</v>
          </cell>
          <cell r="BR77">
            <v>1.5</v>
          </cell>
          <cell r="BS77">
            <v>0</v>
          </cell>
          <cell r="BT77">
            <v>1</v>
          </cell>
        </row>
        <row r="78">
          <cell r="BG78">
            <v>0</v>
          </cell>
          <cell r="BH78">
            <v>0</v>
          </cell>
          <cell r="BK78">
            <v>-100</v>
          </cell>
          <cell r="BL78">
            <v>55</v>
          </cell>
          <cell r="BM78">
            <v>55</v>
          </cell>
          <cell r="BN78">
            <v>65</v>
          </cell>
          <cell r="BO78">
            <v>65</v>
          </cell>
          <cell r="BP78">
            <v>80</v>
          </cell>
          <cell r="BQ78">
            <v>80</v>
          </cell>
          <cell r="BR78">
            <v>90</v>
          </cell>
          <cell r="BS78">
            <v>90</v>
          </cell>
          <cell r="BT78">
            <v>100</v>
          </cell>
        </row>
        <row r="79">
          <cell r="BG79">
            <v>0</v>
          </cell>
          <cell r="BH79">
            <v>0</v>
          </cell>
          <cell r="BK79">
            <v>-100</v>
          </cell>
          <cell r="BL79">
            <v>65</v>
          </cell>
          <cell r="BM79">
            <v>65</v>
          </cell>
          <cell r="BN79">
            <v>80</v>
          </cell>
          <cell r="BO79">
            <v>80</v>
          </cell>
          <cell r="BP79">
            <v>90</v>
          </cell>
          <cell r="BQ79">
            <v>90</v>
          </cell>
          <cell r="BR79">
            <v>95</v>
          </cell>
          <cell r="BS79">
            <v>95</v>
          </cell>
          <cell r="BT79">
            <v>100</v>
          </cell>
        </row>
        <row r="80">
          <cell r="BG80">
            <v>0</v>
          </cell>
          <cell r="BH80">
            <v>0</v>
          </cell>
          <cell r="BK80">
            <v>-100</v>
          </cell>
          <cell r="BL80">
            <v>65</v>
          </cell>
          <cell r="BM80">
            <v>65</v>
          </cell>
          <cell r="BN80">
            <v>80</v>
          </cell>
          <cell r="BO80">
            <v>80</v>
          </cell>
          <cell r="BP80">
            <v>90</v>
          </cell>
          <cell r="BQ80">
            <v>90</v>
          </cell>
          <cell r="BR80">
            <v>95</v>
          </cell>
          <cell r="BS80">
            <v>95</v>
          </cell>
          <cell r="BT80">
            <v>100</v>
          </cell>
        </row>
        <row r="81">
          <cell r="BG81">
            <v>0</v>
          </cell>
          <cell r="BH81">
            <v>0</v>
          </cell>
          <cell r="BK81">
            <v>4</v>
          </cell>
          <cell r="BL81">
            <v>100</v>
          </cell>
          <cell r="BM81">
            <v>3</v>
          </cell>
          <cell r="BN81">
            <v>4</v>
          </cell>
          <cell r="BO81">
            <v>2</v>
          </cell>
          <cell r="BP81">
            <v>3</v>
          </cell>
          <cell r="BQ81">
            <v>1</v>
          </cell>
          <cell r="BR81">
            <v>2</v>
          </cell>
          <cell r="BS81">
            <v>0</v>
          </cell>
          <cell r="BT81">
            <v>1</v>
          </cell>
        </row>
      </sheetData>
      <sheetData sheetId="2">
        <row r="56">
          <cell r="BG56">
            <v>0</v>
          </cell>
          <cell r="BH56">
            <v>0</v>
          </cell>
        </row>
        <row r="57">
          <cell r="BG57">
            <v>0</v>
          </cell>
          <cell r="BH57">
            <v>0</v>
          </cell>
          <cell r="BK57">
            <v>3</v>
          </cell>
          <cell r="BL57">
            <v>10</v>
          </cell>
          <cell r="BM57">
            <v>2.5</v>
          </cell>
          <cell r="BN57">
            <v>3</v>
          </cell>
          <cell r="BO57">
            <v>2</v>
          </cell>
          <cell r="BP57">
            <v>2.5</v>
          </cell>
          <cell r="BQ57">
            <v>1.6</v>
          </cell>
          <cell r="BR57">
            <v>2</v>
          </cell>
          <cell r="BS57">
            <v>0</v>
          </cell>
          <cell r="BT57">
            <v>1.6</v>
          </cell>
        </row>
        <row r="61">
          <cell r="BG61">
            <v>0</v>
          </cell>
          <cell r="BH61">
            <v>0</v>
          </cell>
          <cell r="BU61">
            <v>0.51164366699999997</v>
          </cell>
          <cell r="BW61">
            <v>6.5300250999999996</v>
          </cell>
        </row>
        <row r="62">
          <cell r="BG62">
            <v>0</v>
          </cell>
          <cell r="BH62">
            <v>0</v>
          </cell>
          <cell r="BU62">
            <v>3169.9416000000001</v>
          </cell>
          <cell r="BW62">
            <v>5597</v>
          </cell>
        </row>
        <row r="63">
          <cell r="BG63">
            <v>0</v>
          </cell>
          <cell r="BH63">
            <v>0</v>
          </cell>
          <cell r="BU63">
            <v>3.3711533000000002E-2</v>
          </cell>
          <cell r="BW63">
            <v>138.24319209999999</v>
          </cell>
        </row>
        <row r="68">
          <cell r="BG68">
            <v>0</v>
          </cell>
          <cell r="BH68">
            <v>0</v>
          </cell>
          <cell r="BK68">
            <v>150</v>
          </cell>
          <cell r="BL68">
            <v>1000</v>
          </cell>
          <cell r="BM68">
            <v>100</v>
          </cell>
          <cell r="BN68">
            <v>150</v>
          </cell>
          <cell r="BO68">
            <v>50</v>
          </cell>
          <cell r="BP68">
            <v>100</v>
          </cell>
          <cell r="BQ68">
            <v>20</v>
          </cell>
          <cell r="BR68">
            <v>50</v>
          </cell>
          <cell r="BS68">
            <v>0</v>
          </cell>
          <cell r="BT68">
            <v>20</v>
          </cell>
        </row>
        <row r="69">
          <cell r="BG69">
            <v>0</v>
          </cell>
          <cell r="BH69">
            <v>0</v>
          </cell>
          <cell r="BK69">
            <v>4</v>
          </cell>
          <cell r="BL69">
            <v>100</v>
          </cell>
          <cell r="BM69">
            <v>3</v>
          </cell>
          <cell r="BN69">
            <v>4</v>
          </cell>
          <cell r="BO69">
            <v>2</v>
          </cell>
          <cell r="BP69">
            <v>3</v>
          </cell>
          <cell r="BQ69">
            <v>1</v>
          </cell>
          <cell r="BR69">
            <v>2</v>
          </cell>
          <cell r="BS69">
            <v>0</v>
          </cell>
          <cell r="BT69">
            <v>1</v>
          </cell>
        </row>
        <row r="70">
          <cell r="BG70">
            <v>0</v>
          </cell>
          <cell r="BH70">
            <v>0</v>
          </cell>
          <cell r="BK70">
            <v>1.8</v>
          </cell>
          <cell r="BL70">
            <v>10</v>
          </cell>
          <cell r="BM70">
            <v>1.5</v>
          </cell>
          <cell r="BN70">
            <v>1.8</v>
          </cell>
          <cell r="BO70">
            <v>1.2</v>
          </cell>
          <cell r="BP70">
            <v>1.5</v>
          </cell>
          <cell r="BQ70">
            <v>1</v>
          </cell>
          <cell r="BR70">
            <v>1.2</v>
          </cell>
          <cell r="BS70">
            <v>0</v>
          </cell>
          <cell r="BT70">
            <v>1</v>
          </cell>
        </row>
        <row r="72">
          <cell r="BG72">
            <v>0</v>
          </cell>
          <cell r="BH72">
            <v>0</v>
          </cell>
          <cell r="BU72">
            <v>10.591184760000001</v>
          </cell>
          <cell r="BW72">
            <v>63.047000830000002</v>
          </cell>
        </row>
        <row r="73">
          <cell r="BG73">
            <v>0</v>
          </cell>
          <cell r="BH73">
            <v>0</v>
          </cell>
          <cell r="BU73">
            <v>12.86929256</v>
          </cell>
          <cell r="BW73">
            <v>77.087701060000001</v>
          </cell>
        </row>
        <row r="74">
          <cell r="BG74">
            <v>0</v>
          </cell>
          <cell r="BH74">
            <v>0</v>
          </cell>
          <cell r="BU74">
            <v>0.494325338</v>
          </cell>
          <cell r="BW74">
            <v>15.658695740000001</v>
          </cell>
        </row>
        <row r="75">
          <cell r="BG75">
            <v>0</v>
          </cell>
          <cell r="BH75">
            <v>0</v>
          </cell>
          <cell r="BU75">
            <v>5.2463241329999999</v>
          </cell>
          <cell r="BW75">
            <v>38.303802179999998</v>
          </cell>
        </row>
        <row r="76">
          <cell r="BG76">
            <v>0</v>
          </cell>
          <cell r="BH76">
            <v>0</v>
          </cell>
          <cell r="BU76">
            <v>1.463072811</v>
          </cell>
          <cell r="BW76">
            <v>21.288200700000001</v>
          </cell>
        </row>
        <row r="77">
          <cell r="BG77">
            <v>0</v>
          </cell>
          <cell r="BH77">
            <v>0</v>
          </cell>
          <cell r="BU77">
            <v>2.4408308989999998</v>
          </cell>
          <cell r="BW77">
            <v>36.03750041</v>
          </cell>
        </row>
        <row r="78">
          <cell r="BG78">
            <v>0</v>
          </cell>
          <cell r="BH78">
            <v>0</v>
          </cell>
          <cell r="BU78">
            <v>0.213499824</v>
          </cell>
          <cell r="BW78">
            <v>8.6399209999999993</v>
          </cell>
        </row>
        <row r="80">
          <cell r="BG80">
            <v>0</v>
          </cell>
          <cell r="BH80">
            <v>0</v>
          </cell>
          <cell r="BK80">
            <v>1.8</v>
          </cell>
          <cell r="BL80">
            <v>10</v>
          </cell>
          <cell r="BM80">
            <v>1.5</v>
          </cell>
          <cell r="BN80">
            <v>1.8</v>
          </cell>
          <cell r="BO80">
            <v>1.2</v>
          </cell>
          <cell r="BP80">
            <v>1.5</v>
          </cell>
          <cell r="BQ80">
            <v>1</v>
          </cell>
          <cell r="BR80">
            <v>1.2</v>
          </cell>
          <cell r="BS80">
            <v>0</v>
          </cell>
          <cell r="BT80">
            <v>1</v>
          </cell>
        </row>
      </sheetData>
      <sheetData sheetId="3">
        <row r="56">
          <cell r="BG56">
            <v>0</v>
          </cell>
          <cell r="BH56">
            <v>0</v>
          </cell>
        </row>
        <row r="59">
          <cell r="BG59">
            <v>0</v>
          </cell>
          <cell r="BH59">
            <v>0</v>
          </cell>
          <cell r="BK59">
            <v>0</v>
          </cell>
          <cell r="BL59">
            <v>1</v>
          </cell>
          <cell r="BM59">
            <v>1</v>
          </cell>
          <cell r="BN59">
            <v>10</v>
          </cell>
          <cell r="BO59">
            <v>10</v>
          </cell>
          <cell r="BP59">
            <v>25</v>
          </cell>
          <cell r="BQ59">
            <v>25</v>
          </cell>
          <cell r="BR59">
            <v>50</v>
          </cell>
          <cell r="BS59">
            <v>50</v>
          </cell>
          <cell r="BT59">
            <v>100</v>
          </cell>
        </row>
        <row r="60">
          <cell r="BG60">
            <v>0</v>
          </cell>
          <cell r="BH60">
            <v>0</v>
          </cell>
          <cell r="BK60">
            <v>0</v>
          </cell>
          <cell r="BL60">
            <v>0.01</v>
          </cell>
          <cell r="BM60">
            <v>0.01</v>
          </cell>
          <cell r="BN60">
            <v>1</v>
          </cell>
          <cell r="BO60">
            <v>1</v>
          </cell>
          <cell r="BP60">
            <v>3</v>
          </cell>
          <cell r="BQ60">
            <v>3</v>
          </cell>
          <cell r="BR60">
            <v>5</v>
          </cell>
          <cell r="BS60">
            <v>5</v>
          </cell>
          <cell r="BT60">
            <v>100</v>
          </cell>
        </row>
        <row r="61">
          <cell r="BG61">
            <v>0</v>
          </cell>
          <cell r="BH61">
            <v>0</v>
          </cell>
          <cell r="BK61">
            <v>0</v>
          </cell>
          <cell r="BL61">
            <v>0.5</v>
          </cell>
          <cell r="BM61">
            <v>0.5</v>
          </cell>
          <cell r="BN61">
            <v>2</v>
          </cell>
          <cell r="BO61">
            <v>2</v>
          </cell>
          <cell r="BP61">
            <v>4</v>
          </cell>
          <cell r="BQ61">
            <v>4</v>
          </cell>
          <cell r="BR61">
            <v>6</v>
          </cell>
          <cell r="BS61">
            <v>6</v>
          </cell>
          <cell r="BT61">
            <v>100</v>
          </cell>
        </row>
      </sheetData>
      <sheetData sheetId="4">
        <row r="57">
          <cell r="BG57">
            <v>0</v>
          </cell>
          <cell r="BH57">
            <v>0</v>
          </cell>
          <cell r="BK57">
            <v>0</v>
          </cell>
          <cell r="BL57">
            <v>1</v>
          </cell>
          <cell r="BM57">
            <v>1</v>
          </cell>
          <cell r="BN57">
            <v>2</v>
          </cell>
          <cell r="BO57">
            <v>2</v>
          </cell>
          <cell r="BP57">
            <v>3</v>
          </cell>
          <cell r="BQ57">
            <v>3</v>
          </cell>
          <cell r="BR57">
            <v>4</v>
          </cell>
          <cell r="BS57">
            <v>4</v>
          </cell>
          <cell r="BT57">
            <v>5</v>
          </cell>
        </row>
        <row r="58">
          <cell r="BG58">
            <v>0</v>
          </cell>
          <cell r="BH58">
            <v>0</v>
          </cell>
          <cell r="BK58">
            <v>0</v>
          </cell>
          <cell r="BL58">
            <v>1</v>
          </cell>
          <cell r="BM58">
            <v>1</v>
          </cell>
          <cell r="BN58">
            <v>2</v>
          </cell>
          <cell r="BO58">
            <v>2</v>
          </cell>
          <cell r="BP58">
            <v>3</v>
          </cell>
          <cell r="BQ58">
            <v>3</v>
          </cell>
          <cell r="BR58">
            <v>4</v>
          </cell>
          <cell r="BS58">
            <v>4</v>
          </cell>
          <cell r="BT58">
            <v>5</v>
          </cell>
        </row>
        <row r="59">
          <cell r="BG59">
            <v>0</v>
          </cell>
          <cell r="BH59">
            <v>0</v>
          </cell>
          <cell r="BK59">
            <v>0</v>
          </cell>
          <cell r="BL59">
            <v>1</v>
          </cell>
          <cell r="BM59">
            <v>1</v>
          </cell>
          <cell r="BN59">
            <v>2</v>
          </cell>
          <cell r="BO59">
            <v>2</v>
          </cell>
          <cell r="BP59">
            <v>3</v>
          </cell>
          <cell r="BQ59">
            <v>3</v>
          </cell>
          <cell r="BR59">
            <v>4</v>
          </cell>
          <cell r="BS59">
            <v>4</v>
          </cell>
          <cell r="BT59">
            <v>5</v>
          </cell>
        </row>
        <row r="61">
          <cell r="BG61">
            <v>0</v>
          </cell>
          <cell r="BH61">
            <v>0</v>
          </cell>
          <cell r="BK61">
            <v>0</v>
          </cell>
          <cell r="BL61">
            <v>1</v>
          </cell>
          <cell r="BM61">
            <v>1</v>
          </cell>
          <cell r="BN61">
            <v>2</v>
          </cell>
          <cell r="BO61">
            <v>2</v>
          </cell>
          <cell r="BP61">
            <v>3</v>
          </cell>
          <cell r="BQ61">
            <v>3</v>
          </cell>
          <cell r="BR61">
            <v>4</v>
          </cell>
          <cell r="BS61">
            <v>4</v>
          </cell>
          <cell r="BT61">
            <v>5</v>
          </cell>
        </row>
        <row r="62">
          <cell r="BG62">
            <v>0</v>
          </cell>
          <cell r="BH62">
            <v>0</v>
          </cell>
          <cell r="BK62">
            <v>0</v>
          </cell>
          <cell r="BL62">
            <v>1</v>
          </cell>
          <cell r="BM62">
            <v>1</v>
          </cell>
          <cell r="BN62">
            <v>2</v>
          </cell>
          <cell r="BO62">
            <v>2</v>
          </cell>
          <cell r="BP62">
            <v>3</v>
          </cell>
          <cell r="BQ62">
            <v>3</v>
          </cell>
          <cell r="BR62">
            <v>4</v>
          </cell>
          <cell r="BS62">
            <v>4</v>
          </cell>
          <cell r="BT62">
            <v>5</v>
          </cell>
        </row>
        <row r="63">
          <cell r="BG63">
            <v>0</v>
          </cell>
          <cell r="BH63">
            <v>0</v>
          </cell>
          <cell r="BK63">
            <v>0</v>
          </cell>
          <cell r="BL63">
            <v>1</v>
          </cell>
          <cell r="BM63">
            <v>1</v>
          </cell>
          <cell r="BN63">
            <v>2</v>
          </cell>
          <cell r="BO63">
            <v>2</v>
          </cell>
          <cell r="BP63">
            <v>3</v>
          </cell>
          <cell r="BQ63">
            <v>3</v>
          </cell>
          <cell r="BR63">
            <v>4</v>
          </cell>
          <cell r="BS63">
            <v>4</v>
          </cell>
          <cell r="BT63">
            <v>5</v>
          </cell>
        </row>
        <row r="66">
          <cell r="BG66">
            <v>0</v>
          </cell>
          <cell r="BH66">
            <v>0</v>
          </cell>
          <cell r="BK66">
            <v>0</v>
          </cell>
          <cell r="BL66">
            <v>1</v>
          </cell>
          <cell r="BM66">
            <v>1</v>
          </cell>
          <cell r="BN66">
            <v>2</v>
          </cell>
          <cell r="BO66">
            <v>2</v>
          </cell>
          <cell r="BP66">
            <v>3</v>
          </cell>
          <cell r="BQ66">
            <v>3</v>
          </cell>
          <cell r="BR66">
            <v>4</v>
          </cell>
          <cell r="BS66">
            <v>4</v>
          </cell>
          <cell r="BT66">
            <v>5</v>
          </cell>
        </row>
        <row r="67">
          <cell r="BG67">
            <v>0</v>
          </cell>
          <cell r="BH67">
            <v>0</v>
          </cell>
          <cell r="BK67">
            <v>0</v>
          </cell>
          <cell r="BL67">
            <v>1</v>
          </cell>
          <cell r="BM67">
            <v>1</v>
          </cell>
          <cell r="BN67">
            <v>2</v>
          </cell>
          <cell r="BO67">
            <v>2</v>
          </cell>
          <cell r="BP67">
            <v>3</v>
          </cell>
          <cell r="BQ67">
            <v>3</v>
          </cell>
          <cell r="BR67">
            <v>4</v>
          </cell>
          <cell r="BS67">
            <v>4</v>
          </cell>
          <cell r="BT67">
            <v>5</v>
          </cell>
        </row>
        <row r="69">
          <cell r="BG69">
            <v>0</v>
          </cell>
          <cell r="BH69">
            <v>0</v>
          </cell>
          <cell r="BK69">
            <v>0</v>
          </cell>
          <cell r="BL69">
            <v>1</v>
          </cell>
          <cell r="BM69">
            <v>1</v>
          </cell>
          <cell r="BN69">
            <v>2</v>
          </cell>
          <cell r="BO69">
            <v>2</v>
          </cell>
          <cell r="BP69">
            <v>3</v>
          </cell>
          <cell r="BQ69">
            <v>3</v>
          </cell>
          <cell r="BR69">
            <v>4</v>
          </cell>
          <cell r="BS69">
            <v>4</v>
          </cell>
          <cell r="BT69">
            <v>5</v>
          </cell>
        </row>
      </sheetData>
      <sheetData sheetId="5"/>
      <sheetData sheetId="6"/>
      <sheetData sheetId="7"/>
      <sheetData sheetId="8">
        <row r="1">
          <cell r="A1" t="str">
            <v>Add Indicator...</v>
          </cell>
        </row>
        <row r="2">
          <cell r="A2" t="str">
            <v>General</v>
          </cell>
        </row>
        <row r="3">
          <cell r="A3" t="str">
            <v xml:space="preserve">   Clinker production</v>
          </cell>
        </row>
        <row r="4">
          <cell r="A4" t="str">
            <v xml:space="preserve">   Cement production</v>
          </cell>
        </row>
        <row r="5">
          <cell r="A5" t="str">
            <v xml:space="preserve">   Compliance to Best Practices</v>
          </cell>
        </row>
        <row r="6">
          <cell r="A6" t="str">
            <v xml:space="preserve">   Proven Limestone reserves</v>
          </cell>
        </row>
        <row r="7">
          <cell r="A7" t="str">
            <v xml:space="preserve">   Nb Cement types</v>
          </cell>
        </row>
        <row r="8">
          <cell r="A8" t="str">
            <v xml:space="preserve">   C/ K additive coefficient</v>
          </cell>
        </row>
        <row r="9">
          <cell r="A9" t="str">
            <v xml:space="preserve">   Burning line utilization factor</v>
          </cell>
        </row>
        <row r="10">
          <cell r="A10" t="str">
            <v xml:space="preserve">   Manufacturing population</v>
          </cell>
        </row>
        <row r="11">
          <cell r="A11" t="str">
            <v xml:space="preserve">   Manpower productivity</v>
          </cell>
        </row>
        <row r="12">
          <cell r="A12" t="str">
            <v xml:space="preserve">   Raw mills reliability Factor</v>
          </cell>
        </row>
        <row r="13">
          <cell r="A13" t="str">
            <v xml:space="preserve">   Finish Mills Reliability Factor</v>
          </cell>
        </row>
        <row r="14">
          <cell r="A14" t="str">
            <v xml:space="preserve">   Kilns Reliability Factor</v>
          </cell>
        </row>
        <row r="15">
          <cell r="A15" t="str">
            <v>Safety</v>
          </cell>
        </row>
        <row r="16">
          <cell r="A16" t="str">
            <v xml:space="preserve">   Safety Practice Status</v>
          </cell>
        </row>
        <row r="17">
          <cell r="A17" t="str">
            <v xml:space="preserve">   Number of fatalities</v>
          </cell>
        </row>
        <row r="18">
          <cell r="A18" t="str">
            <v xml:space="preserve">   Frequency Rate</v>
          </cell>
        </row>
        <row r="19">
          <cell r="A19" t="str">
            <v>Production &amp; Process</v>
          </cell>
        </row>
        <row r="20">
          <cell r="A20" t="str">
            <v xml:space="preserve">   P &amp; P practice status</v>
          </cell>
        </row>
        <row r="21">
          <cell r="A21" t="str">
            <v xml:space="preserve">   Kilns Performance factor</v>
          </cell>
        </row>
        <row r="22">
          <cell r="A22" t="str">
            <v xml:space="preserve">   Kiln Feed Unif. Index (KFUI)</v>
          </cell>
        </row>
        <row r="23">
          <cell r="A23" t="str">
            <v xml:space="preserve">   Clinker SO3 Unif. Index (KSUI)</v>
          </cell>
        </row>
        <row r="24">
          <cell r="A24" t="str">
            <v xml:space="preserve">   Free Lime Uniformity Index (FLUI)</v>
          </cell>
        </row>
        <row r="25">
          <cell r="A25" t="str">
            <v xml:space="preserve">   OTA (Kilns)</v>
          </cell>
        </row>
        <row r="26">
          <cell r="A26" t="str">
            <v xml:space="preserve">   OTA (Raw Mills)</v>
          </cell>
        </row>
        <row r="27">
          <cell r="A27" t="str">
            <v xml:space="preserve">   OTA (Finish Mills)</v>
          </cell>
        </row>
        <row r="28">
          <cell r="A28" t="str">
            <v xml:space="preserve">   Process Failure Rate (Burning Line)</v>
          </cell>
        </row>
        <row r="29">
          <cell r="A29" t="str">
            <v>Product &amp; Process</v>
          </cell>
        </row>
        <row r="30">
          <cell r="A30" t="str">
            <v xml:space="preserve">   P&amp;Q Practice Status</v>
          </cell>
        </row>
        <row r="31">
          <cell r="A31" t="str">
            <v xml:space="preserve">   Strength Uniformity 28d</v>
          </cell>
        </row>
        <row r="32">
          <cell r="A32" t="str">
            <v xml:space="preserve">   IQP (product quality indicator) </v>
          </cell>
        </row>
        <row r="33">
          <cell r="A33" t="str">
            <v>Energy</v>
          </cell>
        </row>
        <row r="34">
          <cell r="A34" t="str">
            <v xml:space="preserve">   Energy Pratice Status</v>
          </cell>
        </row>
        <row r="35">
          <cell r="A35" t="str">
            <v xml:space="preserve">   Average Specific Heat Cost</v>
          </cell>
        </row>
        <row r="36">
          <cell r="A36" t="str">
            <v xml:space="preserve">   Specific Heat consumption</v>
          </cell>
        </row>
        <row r="37">
          <cell r="A37" t="str">
            <v xml:space="preserve">   Average Specific Power Cost</v>
          </cell>
        </row>
        <row r="38">
          <cell r="A38" t="str">
            <v xml:space="preserve">   Clinker Power Consumption</v>
          </cell>
        </row>
        <row r="39">
          <cell r="A39" t="str">
            <v xml:space="preserve">   Cement power consumption</v>
          </cell>
        </row>
        <row r="40">
          <cell r="A40" t="str">
            <v>Maintenance</v>
          </cell>
        </row>
        <row r="41">
          <cell r="A41" t="str">
            <v xml:space="preserve">   Maintenance Practice Status</v>
          </cell>
        </row>
        <row r="42">
          <cell r="A42" t="str">
            <v xml:space="preserve">   NSFI - Incident stoppages</v>
          </cell>
        </row>
        <row r="43">
          <cell r="A43" t="str">
            <v xml:space="preserve">   Equipment Failure Rate (Burning Line)</v>
          </cell>
        </row>
        <row r="44">
          <cell r="A44" t="str">
            <v xml:space="preserve">   Maintenance Cost Index</v>
          </cell>
        </row>
        <row r="45">
          <cell r="A45" t="str">
            <v>Manufacturing Costs</v>
          </cell>
        </row>
        <row r="46">
          <cell r="A46" t="str">
            <v xml:space="preserve">   Clinker cost</v>
          </cell>
        </row>
        <row r="47">
          <cell r="A47" t="str">
            <v xml:space="preserve">   Cem. bin cost</v>
          </cell>
        </row>
        <row r="48">
          <cell r="A48" t="str">
            <v xml:space="preserve">    - Purchased Materials Cost, cement</v>
          </cell>
        </row>
        <row r="49">
          <cell r="A49" t="str">
            <v xml:space="preserve">    - Energy cost</v>
          </cell>
        </row>
        <row r="50">
          <cell r="A50" t="str">
            <v xml:space="preserve">    - Maintenance cost</v>
          </cell>
        </row>
        <row r="51">
          <cell r="A51" t="str">
            <v xml:space="preserve">    - Production and SG&amp;A Cost</v>
          </cell>
        </row>
        <row r="52">
          <cell r="A52" t="str">
            <v xml:space="preserve">    - Other cost</v>
          </cell>
        </row>
        <row r="53">
          <cell r="A53" t="str">
            <v>Capital Efficiency</v>
          </cell>
        </row>
        <row r="54">
          <cell r="A54" t="str">
            <v xml:space="preserve">   Global Maintenance cost Index (GMCI)</v>
          </cell>
        </row>
        <row r="55">
          <cell r="A55" t="str">
            <v xml:space="preserve">   Investment Practice Status</v>
          </cell>
        </row>
        <row r="56">
          <cell r="A56" t="str">
            <v>Stakeholders relationship</v>
          </cell>
        </row>
        <row r="57">
          <cell r="A57" t="str">
            <v xml:space="preserve">   Stakeholders relationships maturity indicator (plant level)</v>
          </cell>
        </row>
        <row r="58">
          <cell r="A58" t="str">
            <v>Resource recovery</v>
          </cell>
        </row>
        <row r="59">
          <cell r="A59" t="str">
            <v xml:space="preserve">   % of alternative  fuels</v>
          </cell>
        </row>
        <row r="60">
          <cell r="A60" t="str">
            <v xml:space="preserve">   Alternative Fuels gross savings/t KK</v>
          </cell>
        </row>
        <row r="61">
          <cell r="A61" t="str">
            <v xml:space="preserve">   Alternative Raw Materials gross savings/t KK</v>
          </cell>
        </row>
      </sheetData>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ojeções"/>
      <sheetName val="Projeções (Valor)"/>
      <sheetName val="Cosan"/>
      <sheetName val="SMTO"/>
      <sheetName val="TEREOS"/>
      <sheetName val="Macro"/>
      <sheetName val="SV1"/>
      <sheetName val="Auxiliar_operaciona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Teste Global de Salários"/>
      <sheetName val="Teste de Guias"/>
      <sheetName val="Sheet1"/>
      <sheetName val="Teste de Detalhes de Salários"/>
      <sheetName val="Outras Despesas"/>
      <sheetName val="XREF"/>
      <sheetName val="Tickmarks"/>
      <sheetName val="Base Outras despesa_PPC"/>
      <sheetName val="Sumário"/>
      <sheetName val="Folha de Pagamento"/>
      <sheetName val="Global Impostos"/>
      <sheetName val="VA e VD OAR"/>
    </sheetNames>
    <sheetDataSet>
      <sheetData sheetId="0">
        <row r="2">
          <cell r="G2" t="str">
            <v>t/m</v>
          </cell>
        </row>
        <row r="41">
          <cell r="G41" t="str">
            <v>!</v>
          </cell>
        </row>
        <row r="83">
          <cell r="G83" t="str">
            <v>!</v>
          </cell>
        </row>
      </sheetData>
      <sheetData sheetId="1">
        <row r="2">
          <cell r="G2" t="str">
            <v>t/m</v>
          </cell>
        </row>
      </sheetData>
      <sheetData sheetId="2"/>
      <sheetData sheetId="3"/>
      <sheetData sheetId="4"/>
      <sheetData sheetId="5"/>
      <sheetData sheetId="6"/>
      <sheetData sheetId="7"/>
      <sheetData sheetId="8"/>
      <sheetData sheetId="9" refreshError="1"/>
      <sheetData sheetId="10" refreshError="1"/>
      <sheetData sheetId="11"/>
      <sheetData sheetId="12"/>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lan1"/>
      <sheetName val="#REF"/>
      <sheetName val="dez99_dez01"/>
      <sheetName val="Dados de Entrada - Planejamento"/>
      <sheetName val="ENERINC"/>
      <sheetName val="0 &lt; VCM &lt; 1.350"/>
      <sheetName val="IREM"/>
      <sheetName val="RESUMO"/>
      <sheetName val="BancoSegment"/>
      <sheetName val="Critérios"/>
      <sheetName val="TermoPE"/>
      <sheetName val="FEV99"/>
      <sheetName val=" PIB Brasil ( R$ de 1996 )"/>
      <sheetName val="CVA_Projetada12meses"/>
      <sheetName val="Mercado"/>
      <sheetName val="2000"/>
      <sheetName val="Form09"/>
      <sheetName val="Dados mensais"/>
      <sheetName val="DRA"/>
      <sheetName val="DRP"/>
      <sheetName val="1996"/>
      <sheetName val="INDIECO1"/>
      <sheetName val="Matriz de covariância"/>
      <sheetName val="tar. media"/>
      <sheetName val="Spot"/>
      <sheetName val="Taxes"/>
      <sheetName val="_Pasta1"/>
      <sheetName val="Compra de Energi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 PERFORMANCE ASSESSMENT 2004"/>
      <sheetName val="GEN. &amp; FIN. SAFE"/>
      <sheetName val="STRATEGY"/>
      <sheetName val="M &amp; S (I)"/>
      <sheetName val="M &amp; S (II)"/>
      <sheetName val="IND. &amp; SUST. DEV"/>
      <sheetName val="PEOPLE MOB"/>
      <sheetName val="OTHER LEVERS"/>
      <sheetName val="LIST OF PRIORITIES"/>
      <sheetName val="INSTRUCTIONS"/>
      <sheetName val="ConversionRate"/>
      <sheetName val="Indicators"/>
    </sheetNames>
    <sheetDataSet>
      <sheetData sheetId="0"/>
      <sheetData sheetId="1">
        <row r="59">
          <cell r="BG59">
            <v>1</v>
          </cell>
          <cell r="BH59">
            <v>100</v>
          </cell>
          <cell r="BU59">
            <v>6</v>
          </cell>
          <cell r="BW59">
            <v>4</v>
          </cell>
        </row>
        <row r="62">
          <cell r="BG62">
            <v>1</v>
          </cell>
          <cell r="BH62">
            <v>100</v>
          </cell>
          <cell r="BU62">
            <v>-17.437840299999998</v>
          </cell>
          <cell r="BW62">
            <v>51.686599200000003</v>
          </cell>
        </row>
        <row r="65">
          <cell r="BG65">
            <v>1</v>
          </cell>
          <cell r="BH65">
            <v>100</v>
          </cell>
          <cell r="BU65">
            <v>0.112</v>
          </cell>
          <cell r="BW65">
            <v>26.599</v>
          </cell>
        </row>
      </sheetData>
      <sheetData sheetId="2">
        <row r="56">
          <cell r="BG56">
            <v>1</v>
          </cell>
          <cell r="BH56">
            <v>100</v>
          </cell>
          <cell r="BK56">
            <v>-100</v>
          </cell>
          <cell r="BL56">
            <v>35</v>
          </cell>
          <cell r="BM56">
            <v>35</v>
          </cell>
          <cell r="BN56">
            <v>55</v>
          </cell>
          <cell r="BO56">
            <v>55</v>
          </cell>
          <cell r="BP56">
            <v>75</v>
          </cell>
          <cell r="BQ56">
            <v>75</v>
          </cell>
          <cell r="BR56">
            <v>95</v>
          </cell>
          <cell r="BS56">
            <v>95</v>
          </cell>
          <cell r="BT56">
            <v>100</v>
          </cell>
          <cell r="DC56" t="str">
            <v>Greater than 95</v>
          </cell>
          <cell r="DD56" t="str">
            <v>Between 75 and 95</v>
          </cell>
          <cell r="DE56" t="str">
            <v>Between 55 and 75</v>
          </cell>
          <cell r="DF56" t="str">
            <v>Between 35 and 55</v>
          </cell>
          <cell r="DG56" t="str">
            <v>Less than 35</v>
          </cell>
        </row>
        <row r="57">
          <cell r="BG57">
            <v>1</v>
          </cell>
          <cell r="BH57">
            <v>100</v>
          </cell>
          <cell r="BK57">
            <v>-100</v>
          </cell>
          <cell r="BL57">
            <v>-15</v>
          </cell>
          <cell r="BM57">
            <v>-15</v>
          </cell>
          <cell r="BN57">
            <v>-10</v>
          </cell>
          <cell r="BO57">
            <v>-10</v>
          </cell>
          <cell r="BP57">
            <v>-5</v>
          </cell>
          <cell r="BQ57">
            <v>-5</v>
          </cell>
          <cell r="BR57">
            <v>0</v>
          </cell>
          <cell r="BS57">
            <v>0</v>
          </cell>
          <cell r="BT57">
            <v>100</v>
          </cell>
          <cell r="DC57" t="str">
            <v>Greater than 0</v>
          </cell>
          <cell r="DD57" t="str">
            <v>Between -5 and 0</v>
          </cell>
          <cell r="DE57" t="str">
            <v>Between -10 and -5</v>
          </cell>
          <cell r="DF57" t="str">
            <v>Between -15 and -10</v>
          </cell>
          <cell r="DG57" t="str">
            <v>Less than -15</v>
          </cell>
        </row>
        <row r="58">
          <cell r="BG58">
            <v>1</v>
          </cell>
          <cell r="BH58">
            <v>100</v>
          </cell>
          <cell r="BK58">
            <v>-100</v>
          </cell>
          <cell r="BL58">
            <v>-16</v>
          </cell>
          <cell r="BM58">
            <v>-16</v>
          </cell>
          <cell r="BN58">
            <v>-12</v>
          </cell>
          <cell r="BO58">
            <v>-12</v>
          </cell>
          <cell r="BP58">
            <v>-8</v>
          </cell>
          <cell r="BQ58">
            <v>-8</v>
          </cell>
          <cell r="BR58">
            <v>-4</v>
          </cell>
          <cell r="BS58">
            <v>-4</v>
          </cell>
          <cell r="BT58">
            <v>100</v>
          </cell>
          <cell r="DC58" t="str">
            <v>Greater than -4</v>
          </cell>
          <cell r="DD58" t="str">
            <v>Between -8 and -4</v>
          </cell>
          <cell r="DE58" t="str">
            <v>Between -12 and -8</v>
          </cell>
          <cell r="DF58" t="str">
            <v>Between -16 and -12</v>
          </cell>
          <cell r="DG58" t="str">
            <v>Less than -16</v>
          </cell>
        </row>
        <row r="59">
          <cell r="BG59">
            <v>1</v>
          </cell>
          <cell r="BH59">
            <v>100</v>
          </cell>
          <cell r="BK59">
            <v>-200</v>
          </cell>
          <cell r="BL59">
            <v>-19</v>
          </cell>
          <cell r="BM59">
            <v>-19</v>
          </cell>
          <cell r="BN59">
            <v>-13</v>
          </cell>
          <cell r="BO59">
            <v>-13</v>
          </cell>
          <cell r="BP59">
            <v>-8</v>
          </cell>
          <cell r="BQ59">
            <v>-8</v>
          </cell>
          <cell r="BR59">
            <v>-3</v>
          </cell>
          <cell r="BS59">
            <v>-3</v>
          </cell>
          <cell r="BT59">
            <v>0</v>
          </cell>
          <cell r="DC59" t="str">
            <v>Greater than -3</v>
          </cell>
          <cell r="DD59" t="str">
            <v>Between -8 and -3</v>
          </cell>
          <cell r="DE59" t="str">
            <v>Between -13 and -8</v>
          </cell>
          <cell r="DF59" t="str">
            <v>Between -19 and -13</v>
          </cell>
          <cell r="DG59" t="str">
            <v>Less than -19</v>
          </cell>
        </row>
        <row r="61">
          <cell r="BG61">
            <v>1</v>
          </cell>
          <cell r="BH61">
            <v>100</v>
          </cell>
          <cell r="BK61">
            <v>-200</v>
          </cell>
          <cell r="BL61">
            <v>10</v>
          </cell>
          <cell r="BM61">
            <v>10</v>
          </cell>
          <cell r="BN61">
            <v>30</v>
          </cell>
          <cell r="BO61">
            <v>30</v>
          </cell>
          <cell r="BP61">
            <v>50</v>
          </cell>
          <cell r="BQ61">
            <v>50</v>
          </cell>
          <cell r="BR61">
            <v>70</v>
          </cell>
          <cell r="BS61">
            <v>70</v>
          </cell>
          <cell r="BT61">
            <v>0</v>
          </cell>
          <cell r="DC61" t="str">
            <v>Greater than 70</v>
          </cell>
          <cell r="DD61" t="str">
            <v>Between 50 and 70</v>
          </cell>
          <cell r="DE61" t="str">
            <v>Between 30 and 50</v>
          </cell>
          <cell r="DF61" t="str">
            <v>Between 10 and 30</v>
          </cell>
          <cell r="DG61" t="str">
            <v>Less than 10</v>
          </cell>
        </row>
        <row r="62">
          <cell r="BG62">
            <v>1</v>
          </cell>
          <cell r="BH62">
            <v>70</v>
          </cell>
          <cell r="BK62">
            <v>-200</v>
          </cell>
          <cell r="BL62">
            <v>10</v>
          </cell>
          <cell r="BM62">
            <v>10</v>
          </cell>
          <cell r="BN62">
            <v>30</v>
          </cell>
          <cell r="BO62">
            <v>30</v>
          </cell>
          <cell r="BP62">
            <v>50</v>
          </cell>
          <cell r="BQ62">
            <v>50</v>
          </cell>
          <cell r="BR62">
            <v>70</v>
          </cell>
          <cell r="BS62">
            <v>70</v>
          </cell>
          <cell r="BT62">
            <v>0</v>
          </cell>
          <cell r="DC62" t="str">
            <v>Greater than 70</v>
          </cell>
          <cell r="DD62" t="str">
            <v>Between 50 and 70</v>
          </cell>
          <cell r="DE62" t="str">
            <v>Between 30 and 50</v>
          </cell>
          <cell r="DF62" t="str">
            <v>Between 10 and 30</v>
          </cell>
          <cell r="DG62" t="str">
            <v>Less than 10</v>
          </cell>
        </row>
        <row r="64">
          <cell r="BG64">
            <v>1</v>
          </cell>
          <cell r="BH64">
            <v>70</v>
          </cell>
          <cell r="BK64">
            <v>-200</v>
          </cell>
          <cell r="BL64">
            <v>10</v>
          </cell>
          <cell r="BM64">
            <v>10</v>
          </cell>
          <cell r="BN64">
            <v>30</v>
          </cell>
          <cell r="BO64">
            <v>30</v>
          </cell>
          <cell r="BP64">
            <v>50</v>
          </cell>
          <cell r="BQ64">
            <v>50</v>
          </cell>
          <cell r="BR64">
            <v>70</v>
          </cell>
          <cell r="BS64">
            <v>70</v>
          </cell>
          <cell r="BT64">
            <v>0</v>
          </cell>
          <cell r="DC64" t="str">
            <v>Greater than 70</v>
          </cell>
          <cell r="DD64" t="str">
            <v>Between 50 and 70</v>
          </cell>
          <cell r="DE64" t="str">
            <v>Between 30 and 50</v>
          </cell>
          <cell r="DF64" t="str">
            <v>Between 10 and 30</v>
          </cell>
          <cell r="DG64" t="str">
            <v>Less than 10</v>
          </cell>
        </row>
        <row r="65">
          <cell r="BG65">
            <v>1</v>
          </cell>
          <cell r="BH65">
            <v>70</v>
          </cell>
          <cell r="BK65">
            <v>-200</v>
          </cell>
          <cell r="BL65">
            <v>10</v>
          </cell>
          <cell r="BM65">
            <v>10</v>
          </cell>
          <cell r="BN65">
            <v>30</v>
          </cell>
          <cell r="BO65">
            <v>30</v>
          </cell>
          <cell r="BP65">
            <v>50</v>
          </cell>
          <cell r="BQ65">
            <v>50</v>
          </cell>
          <cell r="BR65">
            <v>70</v>
          </cell>
          <cell r="BS65">
            <v>70</v>
          </cell>
          <cell r="BT65">
            <v>0</v>
          </cell>
          <cell r="DC65" t="str">
            <v>Greater than 70</v>
          </cell>
          <cell r="DD65" t="str">
            <v>Between 50 and 70</v>
          </cell>
          <cell r="DE65" t="str">
            <v>Between 30 and 50</v>
          </cell>
          <cell r="DF65" t="str">
            <v>Between 10 and 30</v>
          </cell>
          <cell r="DG65" t="str">
            <v>Less than 10</v>
          </cell>
        </row>
        <row r="67">
          <cell r="BG67">
            <v>1</v>
          </cell>
          <cell r="BH67">
            <v>70</v>
          </cell>
          <cell r="BK67">
            <v>-200</v>
          </cell>
          <cell r="BL67">
            <v>10</v>
          </cell>
          <cell r="BM67">
            <v>10</v>
          </cell>
          <cell r="BN67">
            <v>30</v>
          </cell>
          <cell r="BO67">
            <v>30</v>
          </cell>
          <cell r="BP67">
            <v>50</v>
          </cell>
          <cell r="BQ67">
            <v>50</v>
          </cell>
          <cell r="BR67">
            <v>70</v>
          </cell>
          <cell r="BS67">
            <v>70</v>
          </cell>
          <cell r="BT67">
            <v>0</v>
          </cell>
          <cell r="DC67" t="str">
            <v>Greater than 70</v>
          </cell>
          <cell r="DD67" t="str">
            <v>Between 50 and 70</v>
          </cell>
          <cell r="DE67" t="str">
            <v>Between 30 and 50</v>
          </cell>
          <cell r="DF67" t="str">
            <v>Between 10 and 30</v>
          </cell>
          <cell r="DG67" t="str">
            <v>Less than 10</v>
          </cell>
        </row>
        <row r="68">
          <cell r="BG68">
            <v>1</v>
          </cell>
          <cell r="BH68">
            <v>70</v>
          </cell>
          <cell r="BK68">
            <v>-200</v>
          </cell>
          <cell r="BL68">
            <v>10</v>
          </cell>
          <cell r="BM68">
            <v>10</v>
          </cell>
          <cell r="BN68">
            <v>30</v>
          </cell>
          <cell r="BO68">
            <v>30</v>
          </cell>
          <cell r="BP68">
            <v>50</v>
          </cell>
          <cell r="BQ68">
            <v>50</v>
          </cell>
          <cell r="BR68">
            <v>70</v>
          </cell>
          <cell r="BS68">
            <v>70</v>
          </cell>
          <cell r="BT68">
            <v>0</v>
          </cell>
          <cell r="DC68" t="str">
            <v>Greater than 70</v>
          </cell>
          <cell r="DD68" t="str">
            <v>Between 50 and 70</v>
          </cell>
          <cell r="DE68" t="str">
            <v>Between 30 and 50</v>
          </cell>
          <cell r="DF68" t="str">
            <v>Between 10 and 30</v>
          </cell>
          <cell r="DG68" t="str">
            <v>Less than 10</v>
          </cell>
        </row>
        <row r="70">
          <cell r="BG70">
            <v>1</v>
          </cell>
          <cell r="BH70">
            <v>100</v>
          </cell>
          <cell r="BK70">
            <v>24</v>
          </cell>
          <cell r="BL70">
            <v>100</v>
          </cell>
          <cell r="BM70">
            <v>20</v>
          </cell>
          <cell r="BN70">
            <v>24</v>
          </cell>
          <cell r="BO70">
            <v>15</v>
          </cell>
          <cell r="BP70">
            <v>20</v>
          </cell>
          <cell r="BQ70">
            <v>10</v>
          </cell>
          <cell r="BR70">
            <v>15</v>
          </cell>
          <cell r="BS70">
            <v>-100</v>
          </cell>
          <cell r="BT70">
            <v>10</v>
          </cell>
          <cell r="DC70" t="str">
            <v>Less than 10</v>
          </cell>
          <cell r="DD70" t="str">
            <v>Between 10 and 15</v>
          </cell>
          <cell r="DE70" t="str">
            <v>Between 15 and 20</v>
          </cell>
          <cell r="DF70" t="str">
            <v>Between 20 and 24</v>
          </cell>
          <cell r="DG70" t="str">
            <v>Greater than 24</v>
          </cell>
        </row>
        <row r="71">
          <cell r="BG71">
            <v>1</v>
          </cell>
          <cell r="BH71">
            <v>100</v>
          </cell>
          <cell r="BK71">
            <v>20</v>
          </cell>
          <cell r="BL71">
            <v>100</v>
          </cell>
          <cell r="BM71">
            <v>15</v>
          </cell>
          <cell r="BN71">
            <v>20</v>
          </cell>
          <cell r="BO71">
            <v>10</v>
          </cell>
          <cell r="BP71">
            <v>15</v>
          </cell>
          <cell r="BQ71">
            <v>5</v>
          </cell>
          <cell r="BR71">
            <v>10</v>
          </cell>
          <cell r="BS71">
            <v>-100</v>
          </cell>
          <cell r="BT71">
            <v>5</v>
          </cell>
          <cell r="DC71" t="str">
            <v>Less than 5</v>
          </cell>
          <cell r="DD71" t="str">
            <v>Between 5 and 10</v>
          </cell>
          <cell r="DE71" t="str">
            <v>Between 10 and 15</v>
          </cell>
          <cell r="DF71" t="str">
            <v>Between 15 and 20</v>
          </cell>
          <cell r="DG71" t="str">
            <v>Greater than 20</v>
          </cell>
        </row>
      </sheetData>
      <sheetData sheetId="3">
        <row r="56">
          <cell r="BG56" t="str">
            <v>A</v>
          </cell>
        </row>
        <row r="57">
          <cell r="BG57" t="str">
            <v>A</v>
          </cell>
          <cell r="BH57" t="str">
            <v>E</v>
          </cell>
        </row>
        <row r="58">
          <cell r="BG58" t="str">
            <v>A</v>
          </cell>
          <cell r="BH58" t="str">
            <v>E</v>
          </cell>
        </row>
        <row r="60">
          <cell r="BG60" t="str">
            <v>C</v>
          </cell>
          <cell r="BH60" t="str">
            <v>E</v>
          </cell>
        </row>
        <row r="61">
          <cell r="BG61" t="str">
            <v>A</v>
          </cell>
          <cell r="BH61" t="str">
            <v>E</v>
          </cell>
        </row>
        <row r="62">
          <cell r="BG62" t="str">
            <v>A</v>
          </cell>
          <cell r="BH62" t="str">
            <v>E</v>
          </cell>
        </row>
        <row r="72">
          <cell r="BG72">
            <v>1</v>
          </cell>
          <cell r="BH72">
            <v>100</v>
          </cell>
          <cell r="BU72">
            <v>0</v>
          </cell>
          <cell r="BW72">
            <v>40</v>
          </cell>
        </row>
        <row r="76">
          <cell r="BG76">
            <v>1</v>
          </cell>
          <cell r="BH76">
            <v>100</v>
          </cell>
          <cell r="BK76">
            <v>80</v>
          </cell>
          <cell r="BL76">
            <v>100</v>
          </cell>
          <cell r="BM76">
            <v>60</v>
          </cell>
          <cell r="BN76">
            <v>80</v>
          </cell>
          <cell r="BO76">
            <v>40</v>
          </cell>
          <cell r="BP76">
            <v>60</v>
          </cell>
          <cell r="BQ76">
            <v>20</v>
          </cell>
          <cell r="BR76">
            <v>40</v>
          </cell>
          <cell r="BS76">
            <v>-100</v>
          </cell>
          <cell r="BT76">
            <v>20</v>
          </cell>
          <cell r="DC76" t="str">
            <v>Less than 20</v>
          </cell>
          <cell r="DD76" t="str">
            <v>Between 20 and 40</v>
          </cell>
          <cell r="DE76" t="str">
            <v>Between 40 and 60</v>
          </cell>
          <cell r="DF76" t="str">
            <v>Between 60 and 80</v>
          </cell>
          <cell r="DG76" t="str">
            <v>Greater than 80</v>
          </cell>
        </row>
      </sheetData>
      <sheetData sheetId="4"/>
      <sheetData sheetId="5">
        <row r="61">
          <cell r="BG61">
            <v>1</v>
          </cell>
          <cell r="BH61">
            <v>100</v>
          </cell>
          <cell r="BK61">
            <v>-100</v>
          </cell>
          <cell r="BL61">
            <v>92</v>
          </cell>
          <cell r="BM61">
            <v>92</v>
          </cell>
          <cell r="BN61">
            <v>94</v>
          </cell>
          <cell r="BO61">
            <v>94</v>
          </cell>
          <cell r="BP61">
            <v>96</v>
          </cell>
          <cell r="BQ61">
            <v>96</v>
          </cell>
          <cell r="BR61">
            <v>98</v>
          </cell>
          <cell r="BS61">
            <v>98</v>
          </cell>
          <cell r="BT61">
            <v>100</v>
          </cell>
          <cell r="DD61" t="str">
            <v>Between 96 and 98</v>
          </cell>
          <cell r="DE61" t="str">
            <v>Between 94 and 96</v>
          </cell>
          <cell r="DF61" t="str">
            <v>Between 92 and 94</v>
          </cell>
          <cell r="DG61" t="str">
            <v>Less than 92</v>
          </cell>
        </row>
        <row r="62">
          <cell r="BG62">
            <v>1</v>
          </cell>
          <cell r="BH62">
            <v>100</v>
          </cell>
          <cell r="BK62">
            <v>-100</v>
          </cell>
          <cell r="BL62">
            <v>92</v>
          </cell>
          <cell r="BM62">
            <v>92</v>
          </cell>
          <cell r="BN62">
            <v>94</v>
          </cell>
          <cell r="BO62">
            <v>94</v>
          </cell>
          <cell r="BP62">
            <v>96</v>
          </cell>
          <cell r="BQ62">
            <v>96</v>
          </cell>
          <cell r="BR62">
            <v>98</v>
          </cell>
          <cell r="BS62">
            <v>98</v>
          </cell>
          <cell r="BT62">
            <v>100</v>
          </cell>
          <cell r="DC62" t="str">
            <v>Greater than 98</v>
          </cell>
          <cell r="DD62" t="str">
            <v>Between 96 and 98</v>
          </cell>
          <cell r="DE62" t="str">
            <v>Between 94 and 96</v>
          </cell>
          <cell r="DF62" t="str">
            <v>Between 92 and 94</v>
          </cell>
          <cell r="DG62" t="str">
            <v>Less than 92</v>
          </cell>
        </row>
        <row r="63">
          <cell r="BG63">
            <v>1</v>
          </cell>
          <cell r="BH63">
            <v>100</v>
          </cell>
          <cell r="BK63">
            <v>-100</v>
          </cell>
          <cell r="BL63">
            <v>92</v>
          </cell>
          <cell r="BM63">
            <v>92</v>
          </cell>
          <cell r="BN63">
            <v>94</v>
          </cell>
          <cell r="BO63">
            <v>94</v>
          </cell>
          <cell r="BP63">
            <v>96</v>
          </cell>
          <cell r="BQ63">
            <v>96</v>
          </cell>
          <cell r="BR63">
            <v>98</v>
          </cell>
          <cell r="BS63">
            <v>98</v>
          </cell>
          <cell r="BT63">
            <v>100</v>
          </cell>
          <cell r="DC63" t="str">
            <v>Greater than 98</v>
          </cell>
          <cell r="DD63" t="str">
            <v>Between 96 and 98</v>
          </cell>
          <cell r="DE63" t="str">
            <v>Between 94 and 96</v>
          </cell>
          <cell r="DF63" t="str">
            <v>Between 92 and 94</v>
          </cell>
          <cell r="DG63" t="str">
            <v>Less than 92</v>
          </cell>
        </row>
        <row r="65">
          <cell r="BG65">
            <v>1</v>
          </cell>
          <cell r="BH65">
            <v>100</v>
          </cell>
          <cell r="BU65">
            <v>27.5886</v>
          </cell>
          <cell r="BW65">
            <v>107.27200000000001</v>
          </cell>
        </row>
        <row r="66">
          <cell r="BG66">
            <v>1</v>
          </cell>
          <cell r="BH66">
            <v>100</v>
          </cell>
          <cell r="BU66">
            <v>0.51129999999999998</v>
          </cell>
          <cell r="BW66">
            <v>6.2228000000000003</v>
          </cell>
        </row>
        <row r="69">
          <cell r="BG69">
            <v>1</v>
          </cell>
          <cell r="BH69">
            <v>100</v>
          </cell>
          <cell r="BK69">
            <v>1.8</v>
          </cell>
          <cell r="BL69">
            <v>10</v>
          </cell>
          <cell r="BM69">
            <v>1.5</v>
          </cell>
          <cell r="BN69">
            <v>1.8</v>
          </cell>
          <cell r="BO69">
            <v>1.2</v>
          </cell>
          <cell r="BP69">
            <v>1.5</v>
          </cell>
          <cell r="BQ69">
            <v>1</v>
          </cell>
          <cell r="BR69">
            <v>1.2</v>
          </cell>
          <cell r="BS69">
            <v>-1</v>
          </cell>
          <cell r="BT69">
            <v>1</v>
          </cell>
          <cell r="DC69" t="str">
            <v>Less than 1</v>
          </cell>
          <cell r="DD69" t="str">
            <v>Between 1 and 1,2</v>
          </cell>
          <cell r="DE69" t="str">
            <v>Between 1,2 and 1,5</v>
          </cell>
          <cell r="DF69" t="str">
            <v>Between 1,5 and 1,8</v>
          </cell>
          <cell r="DG69" t="str">
            <v>Greater than 1,8</v>
          </cell>
        </row>
        <row r="71">
          <cell r="BG71">
            <v>1</v>
          </cell>
          <cell r="BH71">
            <v>100</v>
          </cell>
          <cell r="BU71">
            <v>10.5832</v>
          </cell>
          <cell r="BW71">
            <v>59.455500000000001</v>
          </cell>
        </row>
        <row r="72">
          <cell r="BG72">
            <v>1</v>
          </cell>
          <cell r="BH72">
            <v>100</v>
          </cell>
          <cell r="BU72">
            <v>12.8703</v>
          </cell>
          <cell r="BW72">
            <v>57.905000000000001</v>
          </cell>
        </row>
        <row r="73">
          <cell r="BG73">
            <v>1</v>
          </cell>
          <cell r="BH73">
            <v>100</v>
          </cell>
          <cell r="BU73">
            <v>9.3188999999999993</v>
          </cell>
          <cell r="BW73">
            <v>12.054500000000001</v>
          </cell>
        </row>
        <row r="75">
          <cell r="BG75">
            <v>1</v>
          </cell>
          <cell r="BH75">
            <v>100</v>
          </cell>
          <cell r="BK75">
            <v>850</v>
          </cell>
          <cell r="BL75">
            <v>100000</v>
          </cell>
          <cell r="BM75">
            <v>750</v>
          </cell>
          <cell r="BN75">
            <v>850</v>
          </cell>
          <cell r="BO75">
            <v>650</v>
          </cell>
          <cell r="BP75">
            <v>750</v>
          </cell>
          <cell r="BQ75">
            <v>550</v>
          </cell>
          <cell r="BR75">
            <v>650</v>
          </cell>
          <cell r="BS75">
            <v>-1000</v>
          </cell>
          <cell r="BT75">
            <v>550</v>
          </cell>
          <cell r="DC75" t="str">
            <v>Less than 550</v>
          </cell>
          <cell r="DD75" t="str">
            <v>Between 550 and 650</v>
          </cell>
          <cell r="DE75" t="str">
            <v>Between 650 and 750</v>
          </cell>
          <cell r="DF75" t="str">
            <v>Between 750 and 850</v>
          </cell>
          <cell r="DG75" t="str">
            <v>Greater than 850</v>
          </cell>
        </row>
        <row r="79">
          <cell r="BG79">
            <v>1</v>
          </cell>
          <cell r="BH79">
            <v>100</v>
          </cell>
          <cell r="BK79">
            <v>-1</v>
          </cell>
          <cell r="BL79">
            <v>1</v>
          </cell>
          <cell r="BM79">
            <v>1</v>
          </cell>
          <cell r="BN79">
            <v>10</v>
          </cell>
          <cell r="BO79">
            <v>10</v>
          </cell>
          <cell r="BP79">
            <v>25</v>
          </cell>
          <cell r="BQ79">
            <v>25</v>
          </cell>
          <cell r="BR79">
            <v>50</v>
          </cell>
          <cell r="BS79">
            <v>50</v>
          </cell>
          <cell r="BT79">
            <v>100</v>
          </cell>
          <cell r="DC79" t="str">
            <v>Greater than 50</v>
          </cell>
          <cell r="DD79" t="str">
            <v>Between 25 and 50</v>
          </cell>
          <cell r="DE79" t="str">
            <v>Between 10 and 25</v>
          </cell>
          <cell r="DF79" t="str">
            <v>Between 1 and 10</v>
          </cell>
          <cell r="DG79" t="str">
            <v>Less than 1</v>
          </cell>
        </row>
        <row r="80">
          <cell r="BG80">
            <v>1</v>
          </cell>
          <cell r="BH80">
            <v>100</v>
          </cell>
          <cell r="BK80">
            <v>-1</v>
          </cell>
          <cell r="BL80">
            <v>0.01</v>
          </cell>
          <cell r="BM80">
            <v>0.01</v>
          </cell>
          <cell r="BN80">
            <v>1</v>
          </cell>
          <cell r="BO80">
            <v>1</v>
          </cell>
          <cell r="BP80">
            <v>3</v>
          </cell>
          <cell r="BQ80">
            <v>3</v>
          </cell>
          <cell r="BR80">
            <v>5</v>
          </cell>
          <cell r="BS80">
            <v>5</v>
          </cell>
          <cell r="BT80">
            <v>100</v>
          </cell>
          <cell r="DC80" t="str">
            <v>Greater than 5</v>
          </cell>
          <cell r="DD80" t="str">
            <v>Between 3 and 5</v>
          </cell>
          <cell r="DE80" t="str">
            <v>Between 1 and 3</v>
          </cell>
          <cell r="DF80" t="str">
            <v>Between 0,01 and 1</v>
          </cell>
          <cell r="DG80" t="str">
            <v>Less than 0,01</v>
          </cell>
        </row>
      </sheetData>
      <sheetData sheetId="6"/>
      <sheetData sheetId="7">
        <row r="56">
          <cell r="BG56">
            <v>1</v>
          </cell>
          <cell r="BH56">
            <v>100</v>
          </cell>
          <cell r="BK56">
            <v>-100</v>
          </cell>
          <cell r="BL56">
            <v>0.4</v>
          </cell>
          <cell r="BM56">
            <v>0.4</v>
          </cell>
          <cell r="BN56">
            <v>0.8</v>
          </cell>
          <cell r="BO56">
            <v>0.8</v>
          </cell>
          <cell r="BP56">
            <v>1.6</v>
          </cell>
          <cell r="BQ56">
            <v>1.6</v>
          </cell>
          <cell r="BR56">
            <v>3.5</v>
          </cell>
          <cell r="BS56">
            <v>3.5</v>
          </cell>
          <cell r="BT56">
            <v>100</v>
          </cell>
          <cell r="DC56" t="str">
            <v>Greater than 3,5</v>
          </cell>
          <cell r="DD56" t="str">
            <v>Between 1,6 and 3,5</v>
          </cell>
          <cell r="DE56" t="str">
            <v>Between 0,8 and 1,6</v>
          </cell>
          <cell r="DF56" t="str">
            <v>Between 0,4 and 0,8</v>
          </cell>
          <cell r="DG56" t="str">
            <v>Less than 0,4</v>
          </cell>
        </row>
        <row r="58">
          <cell r="BG58">
            <v>1</v>
          </cell>
          <cell r="BH58">
            <v>100</v>
          </cell>
          <cell r="BK58">
            <v>-100</v>
          </cell>
          <cell r="BL58">
            <v>20</v>
          </cell>
          <cell r="BM58">
            <v>20</v>
          </cell>
          <cell r="BN58">
            <v>40</v>
          </cell>
          <cell r="BO58">
            <v>40</v>
          </cell>
          <cell r="BP58">
            <v>60</v>
          </cell>
          <cell r="BQ58">
            <v>60</v>
          </cell>
          <cell r="BR58">
            <v>80</v>
          </cell>
          <cell r="BS58">
            <v>80</v>
          </cell>
          <cell r="BT58">
            <v>100</v>
          </cell>
          <cell r="DC58" t="str">
            <v>Greater than 80</v>
          </cell>
          <cell r="DD58" t="str">
            <v>Between 60 and 80</v>
          </cell>
          <cell r="DE58" t="str">
            <v>Between 40 and 60</v>
          </cell>
          <cell r="DF58" t="str">
            <v>Between 20 and 40</v>
          </cell>
          <cell r="DG58" t="str">
            <v>Less than 20</v>
          </cell>
        </row>
      </sheetData>
      <sheetData sheetId="8"/>
      <sheetData sheetId="9"/>
      <sheetData sheetId="10"/>
      <sheetData sheetId="1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tup"/>
      <sheetName val="ActionPlan"/>
    </sheetNames>
    <sheetDataSet>
      <sheetData sheetId="0" refreshError="1">
        <row r="2">
          <cell r="A2" t="str">
            <v>ANG</v>
          </cell>
          <cell r="B2" t="str">
            <v>Africa</v>
          </cell>
          <cell r="C2" t="str">
            <v>Performance Plan</v>
          </cell>
        </row>
        <row r="3">
          <cell r="B3" t="str">
            <v>Asean</v>
          </cell>
          <cell r="C3" t="str">
            <v>Budgeted</v>
          </cell>
        </row>
        <row r="4">
          <cell r="B4" t="str">
            <v>Asia</v>
          </cell>
          <cell r="C4" t="str">
            <v>Active</v>
          </cell>
        </row>
        <row r="5">
          <cell r="B5" t="str">
            <v>Central Europe</v>
          </cell>
          <cell r="C5" t="str">
            <v>Terminated</v>
          </cell>
        </row>
        <row r="6">
          <cell r="B6" t="str">
            <v>Eastern Mediterranean</v>
          </cell>
        </row>
        <row r="7">
          <cell r="B7" t="str">
            <v>Latin America</v>
          </cell>
        </row>
        <row r="8">
          <cell r="B8" t="str">
            <v>North America</v>
          </cell>
        </row>
        <row r="9">
          <cell r="B9" t="str">
            <v>Western Europe</v>
          </cell>
        </row>
      </sheetData>
      <sheetData sheetId="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tup"/>
      <sheetName val="ActionPlan"/>
    </sheetNames>
    <sheetDataSet>
      <sheetData sheetId="0" refreshError="1">
        <row r="2">
          <cell r="A2" t="str">
            <v>ANG</v>
          </cell>
        </row>
        <row r="138">
          <cell r="A138" t="str">
            <v>Aberthaw</v>
          </cell>
          <cell r="B138" t="str">
            <v>ABR</v>
          </cell>
          <cell r="C138" t="str">
            <v>Austria</v>
          </cell>
          <cell r="D138" t="str">
            <v>AUT</v>
          </cell>
        </row>
        <row r="139">
          <cell r="A139" t="str">
            <v>Alexandria</v>
          </cell>
          <cell r="B139" t="str">
            <v>ALX</v>
          </cell>
          <cell r="C139" t="str">
            <v>Benin</v>
          </cell>
          <cell r="D139" t="str">
            <v>BEN</v>
          </cell>
        </row>
        <row r="140">
          <cell r="A140" t="str">
            <v>Alpena</v>
          </cell>
          <cell r="B140" t="str">
            <v>ALP</v>
          </cell>
          <cell r="C140" t="str">
            <v>Brazil</v>
          </cell>
          <cell r="D140" t="str">
            <v>BRE</v>
          </cell>
        </row>
        <row r="141">
          <cell r="A141" t="str">
            <v>Amboanio</v>
          </cell>
          <cell r="B141" t="str">
            <v>AMB</v>
          </cell>
          <cell r="C141" t="str">
            <v>Cameroon</v>
          </cell>
          <cell r="D141" t="str">
            <v>CAM</v>
          </cell>
        </row>
        <row r="142">
          <cell r="A142" t="str">
            <v>Arasmeta</v>
          </cell>
          <cell r="B142" t="str">
            <v>ARA</v>
          </cell>
          <cell r="C142" t="str">
            <v>Chile</v>
          </cell>
          <cell r="D142" t="str">
            <v>CHL</v>
          </cell>
        </row>
        <row r="143">
          <cell r="A143" t="str">
            <v>Arcos</v>
          </cell>
          <cell r="B143" t="str">
            <v>ARJ</v>
          </cell>
          <cell r="C143" t="str">
            <v>China</v>
          </cell>
          <cell r="D143" t="str">
            <v>CHI</v>
          </cell>
        </row>
        <row r="144">
          <cell r="A144" t="str">
            <v>Ashaka</v>
          </cell>
          <cell r="B144" t="str">
            <v>ASH</v>
          </cell>
          <cell r="C144" t="str">
            <v>Czech Republic</v>
          </cell>
          <cell r="D144" t="str">
            <v>RTC</v>
          </cell>
        </row>
        <row r="145">
          <cell r="A145" t="str">
            <v>Atlanta</v>
          </cell>
          <cell r="B145" t="str">
            <v>ATL</v>
          </cell>
          <cell r="C145" t="str">
            <v>Egypt</v>
          </cell>
          <cell r="D145" t="str">
            <v>EGPLAF</v>
          </cell>
        </row>
        <row r="146">
          <cell r="A146" t="str">
            <v>Barnstone</v>
          </cell>
          <cell r="B146" t="str">
            <v>BRN</v>
          </cell>
          <cell r="C146" t="str">
            <v>France</v>
          </cell>
          <cell r="D146" t="str">
            <v>FRA</v>
          </cell>
        </row>
        <row r="147">
          <cell r="A147" t="str">
            <v>Bath</v>
          </cell>
          <cell r="B147" t="str">
            <v>BTH</v>
          </cell>
          <cell r="C147" t="str">
            <v>France OM</v>
          </cell>
          <cell r="D147" t="str">
            <v>ANTGUY</v>
          </cell>
        </row>
        <row r="148">
          <cell r="A148" t="str">
            <v>Beni Suef</v>
          </cell>
          <cell r="B148" t="str">
            <v>BSF</v>
          </cell>
          <cell r="C148" t="str">
            <v>Germany</v>
          </cell>
          <cell r="D148" t="str">
            <v>ALL</v>
          </cell>
        </row>
        <row r="149">
          <cell r="A149" t="str">
            <v>Beocin</v>
          </cell>
          <cell r="B149" t="str">
            <v>BEO</v>
          </cell>
          <cell r="C149" t="str">
            <v>Great Lakes</v>
          </cell>
          <cell r="D149" t="str">
            <v>GRLA</v>
          </cell>
        </row>
        <row r="150">
          <cell r="A150" t="str">
            <v>Blantyre</v>
          </cell>
          <cell r="B150" t="str">
            <v>BLA</v>
          </cell>
          <cell r="C150" t="str">
            <v>Greece</v>
          </cell>
          <cell r="D150" t="str">
            <v>GRE</v>
          </cell>
        </row>
        <row r="151">
          <cell r="A151" t="str">
            <v>Bogaz</v>
          </cell>
          <cell r="B151" t="str">
            <v>BEM</v>
          </cell>
          <cell r="C151" t="str">
            <v>Honduras</v>
          </cell>
          <cell r="D151" t="str">
            <v>HND</v>
          </cell>
        </row>
        <row r="152">
          <cell r="A152" t="str">
            <v>Bonaberi</v>
          </cell>
          <cell r="B152" t="str">
            <v>BON</v>
          </cell>
          <cell r="C152" t="str">
            <v>India</v>
          </cell>
          <cell r="D152" t="str">
            <v>INR</v>
          </cell>
        </row>
        <row r="153">
          <cell r="A153" t="str">
            <v>Bouskoura</v>
          </cell>
          <cell r="B153" t="str">
            <v>BSK</v>
          </cell>
          <cell r="C153" t="str">
            <v>Indonesia</v>
          </cell>
          <cell r="D153" t="str">
            <v>IND</v>
          </cell>
        </row>
        <row r="154">
          <cell r="A154" t="str">
            <v>Bouskoura (White)</v>
          </cell>
          <cell r="B154" t="str">
            <v>BSB</v>
          </cell>
          <cell r="C154" t="str">
            <v>Italy</v>
          </cell>
          <cell r="D154" t="str">
            <v>ITA</v>
          </cell>
        </row>
        <row r="155">
          <cell r="A155" t="str">
            <v>Brest</v>
          </cell>
          <cell r="B155" t="str">
            <v>BRE</v>
          </cell>
          <cell r="C155" t="str">
            <v>Japan</v>
          </cell>
          <cell r="D155" t="str">
            <v>JAP</v>
          </cell>
        </row>
        <row r="156">
          <cell r="A156" t="str">
            <v>Brookfield</v>
          </cell>
          <cell r="B156" t="str">
            <v>BFD</v>
          </cell>
          <cell r="C156" t="str">
            <v>Jordan</v>
          </cell>
          <cell r="D156" t="str">
            <v>JOR</v>
          </cell>
        </row>
        <row r="157">
          <cell r="A157" t="str">
            <v>Cantagalo</v>
          </cell>
          <cell r="B157" t="str">
            <v>CTG</v>
          </cell>
          <cell r="C157" t="str">
            <v>Kenya</v>
          </cell>
          <cell r="D157" t="str">
            <v>KEN</v>
          </cell>
        </row>
        <row r="158">
          <cell r="A158" t="str">
            <v>Cauldon</v>
          </cell>
          <cell r="B158" t="str">
            <v>CLD</v>
          </cell>
          <cell r="C158" t="str">
            <v>Korea</v>
          </cell>
          <cell r="D158" t="str">
            <v>COR</v>
          </cell>
        </row>
        <row r="159">
          <cell r="A159" t="str">
            <v>Changalume</v>
          </cell>
          <cell r="B159" t="str">
            <v>CHA</v>
          </cell>
          <cell r="C159" t="str">
            <v>Madagascar</v>
          </cell>
          <cell r="D159" t="str">
            <v>MAD</v>
          </cell>
        </row>
        <row r="160">
          <cell r="A160" t="str">
            <v>Chilanga</v>
          </cell>
          <cell r="B160" t="str">
            <v>CHL</v>
          </cell>
          <cell r="C160" t="str">
            <v>Malawi</v>
          </cell>
          <cell r="D160" t="str">
            <v>MALAW</v>
          </cell>
        </row>
        <row r="161">
          <cell r="A161" t="str">
            <v>Chong Qing</v>
          </cell>
          <cell r="B161" t="str">
            <v>CHQ</v>
          </cell>
          <cell r="C161" t="str">
            <v>Malaysia</v>
          </cell>
          <cell r="D161" t="str">
            <v>MAL</v>
          </cell>
        </row>
        <row r="162">
          <cell r="A162" t="str">
            <v>Cizkovice</v>
          </cell>
          <cell r="B162" t="str">
            <v>CIZ</v>
          </cell>
          <cell r="C162" t="str">
            <v>Mexico</v>
          </cell>
          <cell r="D162" t="str">
            <v>MEX</v>
          </cell>
        </row>
        <row r="163">
          <cell r="A163" t="str">
            <v>Contes</v>
          </cell>
          <cell r="B163" t="str">
            <v>CON</v>
          </cell>
          <cell r="C163" t="str">
            <v>Moldova</v>
          </cell>
          <cell r="D163" t="str">
            <v>MOL</v>
          </cell>
        </row>
        <row r="164">
          <cell r="A164" t="str">
            <v>Cookstown</v>
          </cell>
          <cell r="B164" t="str">
            <v>CKS</v>
          </cell>
          <cell r="C164" t="str">
            <v>Morocco</v>
          </cell>
          <cell r="D164" t="str">
            <v>MAR</v>
          </cell>
        </row>
        <row r="165">
          <cell r="A165" t="str">
            <v>Corum</v>
          </cell>
          <cell r="B165" t="str">
            <v>COM</v>
          </cell>
          <cell r="C165" t="str">
            <v>Nigeria</v>
          </cell>
          <cell r="D165" t="str">
            <v>NIG</v>
          </cell>
        </row>
        <row r="166">
          <cell r="A166" t="str">
            <v>Cruas</v>
          </cell>
          <cell r="B166" t="str">
            <v>CRU</v>
          </cell>
          <cell r="C166" t="str">
            <v>Northeast</v>
          </cell>
          <cell r="D166" t="str">
            <v>NORTH</v>
          </cell>
        </row>
        <row r="167">
          <cell r="A167" t="str">
            <v>Darica</v>
          </cell>
          <cell r="B167" t="str">
            <v>DAR</v>
          </cell>
          <cell r="C167" t="str">
            <v>Pacific Northwest</v>
          </cell>
          <cell r="D167" t="str">
            <v>PACIF</v>
          </cell>
        </row>
        <row r="168">
          <cell r="A168" t="str">
            <v>Davenport</v>
          </cell>
          <cell r="B168" t="str">
            <v>DAV</v>
          </cell>
          <cell r="C168" t="str">
            <v>Philippines</v>
          </cell>
          <cell r="D168" t="str">
            <v>PHI</v>
          </cell>
        </row>
        <row r="169">
          <cell r="A169" t="str">
            <v>Dujiangyan</v>
          </cell>
          <cell r="B169" t="str">
            <v>DJY</v>
          </cell>
          <cell r="C169" t="str">
            <v>Poland</v>
          </cell>
          <cell r="D169" t="str">
            <v>POL</v>
          </cell>
        </row>
        <row r="170">
          <cell r="A170" t="str">
            <v>Dunbar</v>
          </cell>
          <cell r="B170" t="str">
            <v>DNB</v>
          </cell>
          <cell r="C170" t="str">
            <v>River</v>
          </cell>
          <cell r="D170" t="str">
            <v>RIVER</v>
          </cell>
        </row>
        <row r="171">
          <cell r="A171" t="str">
            <v>Eregli</v>
          </cell>
          <cell r="B171" t="str">
            <v>ERE</v>
          </cell>
          <cell r="C171" t="str">
            <v>Romania</v>
          </cell>
          <cell r="D171" t="str">
            <v>ROM</v>
          </cell>
        </row>
        <row r="172">
          <cell r="A172" t="str">
            <v>Ewekoro</v>
          </cell>
          <cell r="B172" t="str">
            <v>EWK</v>
          </cell>
          <cell r="C172" t="str">
            <v>Russia</v>
          </cell>
          <cell r="D172" t="str">
            <v>RUS</v>
          </cell>
        </row>
        <row r="173">
          <cell r="A173" t="str">
            <v>Exshaw</v>
          </cell>
          <cell r="B173" t="str">
            <v>ESW</v>
          </cell>
          <cell r="C173" t="str">
            <v>Serbia</v>
          </cell>
          <cell r="D173" t="str">
            <v>SER</v>
          </cell>
        </row>
        <row r="174">
          <cell r="A174" t="str">
            <v>Figuil</v>
          </cell>
          <cell r="B174" t="str">
            <v>FIG</v>
          </cell>
          <cell r="C174" t="str">
            <v>Slovenia</v>
          </cell>
          <cell r="D174" t="str">
            <v>SLO</v>
          </cell>
        </row>
        <row r="175">
          <cell r="A175" t="str">
            <v>Fort De France</v>
          </cell>
          <cell r="B175" t="str">
            <v>FDF</v>
          </cell>
          <cell r="C175" t="str">
            <v>South Africa</v>
          </cell>
          <cell r="D175" t="str">
            <v>AFS</v>
          </cell>
        </row>
        <row r="176">
          <cell r="A176" t="str">
            <v>Fortune</v>
          </cell>
          <cell r="B176" t="str">
            <v>FOR</v>
          </cell>
          <cell r="C176" t="str">
            <v>Southeast</v>
          </cell>
          <cell r="D176" t="str">
            <v>SOUTH</v>
          </cell>
        </row>
        <row r="177">
          <cell r="A177" t="str">
            <v>Fos</v>
          </cell>
          <cell r="B177" t="str">
            <v>FOS</v>
          </cell>
          <cell r="C177" t="str">
            <v>Spain</v>
          </cell>
          <cell r="D177" t="str">
            <v>ESP</v>
          </cell>
        </row>
        <row r="178">
          <cell r="A178" t="str">
            <v>Frangey</v>
          </cell>
          <cell r="B178" t="str">
            <v>FRA</v>
          </cell>
          <cell r="C178" t="str">
            <v>Tanzania</v>
          </cell>
          <cell r="D178" t="str">
            <v>TANZ</v>
          </cell>
        </row>
        <row r="179">
          <cell r="A179" t="str">
            <v>Fredonia</v>
          </cell>
          <cell r="B179" t="str">
            <v>FDA</v>
          </cell>
          <cell r="C179" t="str">
            <v>Turkey</v>
          </cell>
          <cell r="D179" t="str">
            <v>TUR</v>
          </cell>
        </row>
        <row r="180">
          <cell r="A180" t="str">
            <v>Fuhais</v>
          </cell>
          <cell r="B180" t="str">
            <v>FUH</v>
          </cell>
          <cell r="C180" t="str">
            <v>Uganda</v>
          </cell>
          <cell r="D180" t="str">
            <v>OUG</v>
          </cell>
        </row>
        <row r="181">
          <cell r="A181" t="str">
            <v>Halkis</v>
          </cell>
          <cell r="B181" t="str">
            <v>HAL</v>
          </cell>
          <cell r="C181" t="str">
            <v>Uk</v>
          </cell>
          <cell r="D181" t="str">
            <v>UK</v>
          </cell>
        </row>
        <row r="182">
          <cell r="A182" t="str">
            <v>Harleyville</v>
          </cell>
          <cell r="B182" t="str">
            <v>HRL</v>
          </cell>
          <cell r="C182" t="str">
            <v>Ukraine</v>
          </cell>
          <cell r="D182" t="str">
            <v>UKR</v>
          </cell>
        </row>
        <row r="183">
          <cell r="A183" t="str">
            <v>Hasanoglan</v>
          </cell>
          <cell r="B183" t="str">
            <v>HAS</v>
          </cell>
          <cell r="C183" t="str">
            <v>Venezuela</v>
          </cell>
          <cell r="D183" t="str">
            <v>VEN</v>
          </cell>
        </row>
        <row r="184">
          <cell r="A184" t="str">
            <v>Hima</v>
          </cell>
          <cell r="B184" t="str">
            <v>HIM</v>
          </cell>
          <cell r="C184" t="str">
            <v>Zambia</v>
          </cell>
          <cell r="D184" t="str">
            <v>ZAMB</v>
          </cell>
        </row>
        <row r="185">
          <cell r="A185" t="str">
            <v>Hoghiz</v>
          </cell>
          <cell r="B185" t="str">
            <v>HOG</v>
          </cell>
          <cell r="C185" t="str">
            <v>Zimbabwe</v>
          </cell>
          <cell r="D185" t="str">
            <v>ZIM</v>
          </cell>
        </row>
        <row r="186">
          <cell r="A186" t="str">
            <v>Hope</v>
          </cell>
          <cell r="B186" t="str">
            <v>HOP</v>
          </cell>
        </row>
        <row r="187">
          <cell r="A187" t="str">
            <v>Huaibei</v>
          </cell>
          <cell r="B187" t="str">
            <v>HUA</v>
          </cell>
        </row>
        <row r="188">
          <cell r="A188" t="str">
            <v>Iligan</v>
          </cell>
          <cell r="B188" t="str">
            <v>ILG</v>
          </cell>
        </row>
        <row r="189">
          <cell r="A189" t="str">
            <v>Itapeva</v>
          </cell>
          <cell r="B189" t="str">
            <v>ITA</v>
          </cell>
        </row>
        <row r="190">
          <cell r="A190" t="str">
            <v>Jojobera</v>
          </cell>
          <cell r="B190" t="str">
            <v>JOJ</v>
          </cell>
        </row>
        <row r="191">
          <cell r="A191" t="str">
            <v>Joppa</v>
          </cell>
          <cell r="B191" t="str">
            <v>JPA</v>
          </cell>
        </row>
        <row r="192">
          <cell r="A192" t="str">
            <v>Kamloops</v>
          </cell>
          <cell r="B192" t="str">
            <v>KAM</v>
          </cell>
        </row>
        <row r="193">
          <cell r="A193" t="str">
            <v>Kanda</v>
          </cell>
          <cell r="B193" t="str">
            <v>KDA</v>
          </cell>
        </row>
        <row r="194">
          <cell r="A194" t="str">
            <v>Kanthan</v>
          </cell>
          <cell r="B194" t="str">
            <v>KNT</v>
          </cell>
        </row>
        <row r="195">
          <cell r="A195" t="str">
            <v>Karsdorf</v>
          </cell>
          <cell r="B195" t="str">
            <v>KAR</v>
          </cell>
        </row>
        <row r="196">
          <cell r="A196" t="str">
            <v>Kujawy</v>
          </cell>
          <cell r="B196" t="str">
            <v>KUJ</v>
          </cell>
        </row>
        <row r="197">
          <cell r="A197" t="str">
            <v>Kwang Yang H</v>
          </cell>
          <cell r="B197" t="str">
            <v>KYH</v>
          </cell>
        </row>
        <row r="198">
          <cell r="A198" t="str">
            <v>Kwang Yang T</v>
          </cell>
          <cell r="B198" t="str">
            <v>KYT</v>
          </cell>
        </row>
        <row r="199">
          <cell r="A199" t="str">
            <v>La Calera</v>
          </cell>
          <cell r="B199" t="str">
            <v>LCA</v>
          </cell>
        </row>
        <row r="200">
          <cell r="A200" t="str">
            <v>La Couronne</v>
          </cell>
          <cell r="B200" t="str">
            <v>LCO</v>
          </cell>
        </row>
        <row r="201">
          <cell r="A201" t="str">
            <v>La Malle</v>
          </cell>
          <cell r="B201" t="str">
            <v>LMA</v>
          </cell>
        </row>
        <row r="202">
          <cell r="A202" t="str">
            <v>Langkawi</v>
          </cell>
          <cell r="B202" t="str">
            <v>LGK</v>
          </cell>
        </row>
        <row r="203">
          <cell r="A203" t="str">
            <v>Le Havre</v>
          </cell>
          <cell r="B203" t="str">
            <v>STV</v>
          </cell>
        </row>
        <row r="204">
          <cell r="A204" t="str">
            <v>Le Teil</v>
          </cell>
          <cell r="B204" t="str">
            <v>LAF</v>
          </cell>
        </row>
        <row r="205">
          <cell r="A205" t="str">
            <v>Lho'Nga</v>
          </cell>
          <cell r="B205" t="str">
            <v>LHO</v>
          </cell>
        </row>
        <row r="206">
          <cell r="A206" t="str">
            <v>Lichtenburg</v>
          </cell>
          <cell r="B206" t="str">
            <v>LIC</v>
          </cell>
        </row>
        <row r="207">
          <cell r="A207" t="str">
            <v>Malogoszcz</v>
          </cell>
          <cell r="B207" t="str">
            <v>MAL</v>
          </cell>
        </row>
        <row r="208">
          <cell r="A208" t="str">
            <v>Mannersdorf</v>
          </cell>
          <cell r="B208" t="str">
            <v>MDF</v>
          </cell>
        </row>
        <row r="209">
          <cell r="A209" t="str">
            <v>Manresa</v>
          </cell>
          <cell r="B209" t="str">
            <v>MNR</v>
          </cell>
        </row>
        <row r="210">
          <cell r="A210" t="str">
            <v>Martres</v>
          </cell>
          <cell r="B210" t="str">
            <v>MAR</v>
          </cell>
        </row>
        <row r="211">
          <cell r="A211" t="str">
            <v>Matozinhos</v>
          </cell>
          <cell r="B211" t="str">
            <v>MTZ</v>
          </cell>
        </row>
        <row r="212">
          <cell r="A212" t="str">
            <v>Mbeya</v>
          </cell>
          <cell r="B212" t="str">
            <v>MBE</v>
          </cell>
        </row>
        <row r="213">
          <cell r="A213" t="str">
            <v>Meco</v>
          </cell>
          <cell r="B213" t="str">
            <v>MEC</v>
          </cell>
        </row>
        <row r="214">
          <cell r="A214" t="str">
            <v>Medgidia</v>
          </cell>
          <cell r="B214" t="str">
            <v>MED</v>
          </cell>
        </row>
        <row r="215">
          <cell r="A215" t="str">
            <v>Meknes</v>
          </cell>
          <cell r="B215" t="str">
            <v>MKS</v>
          </cell>
        </row>
        <row r="216">
          <cell r="A216" t="str">
            <v>Milaki</v>
          </cell>
          <cell r="B216" t="str">
            <v>MIL</v>
          </cell>
        </row>
        <row r="217">
          <cell r="A217" t="str">
            <v>Mombasa</v>
          </cell>
          <cell r="B217" t="str">
            <v>MOM</v>
          </cell>
        </row>
        <row r="218">
          <cell r="A218" t="str">
            <v>Montcada</v>
          </cell>
          <cell r="B218" t="str">
            <v>MON</v>
          </cell>
        </row>
        <row r="219">
          <cell r="A219" t="str">
            <v>Montellano</v>
          </cell>
          <cell r="B219" t="str">
            <v>MOT</v>
          </cell>
        </row>
        <row r="220">
          <cell r="A220" t="str">
            <v>Montes Claros</v>
          </cell>
          <cell r="B220" t="str">
            <v>MOC</v>
          </cell>
        </row>
        <row r="221">
          <cell r="A221" t="str">
            <v>Montreal East</v>
          </cell>
          <cell r="B221" t="str">
            <v>MTL</v>
          </cell>
        </row>
        <row r="222">
          <cell r="A222" t="str">
            <v>Mykolaev</v>
          </cell>
          <cell r="B222" t="str">
            <v>MYK</v>
          </cell>
        </row>
        <row r="223">
          <cell r="A223" t="str">
            <v>Nairobi</v>
          </cell>
          <cell r="B223" t="str">
            <v>NAI</v>
          </cell>
        </row>
        <row r="224">
          <cell r="A224" t="str">
            <v>Ndola</v>
          </cell>
          <cell r="B224" t="str">
            <v>NDO</v>
          </cell>
        </row>
        <row r="225">
          <cell r="A225" t="str">
            <v>Nevsehir</v>
          </cell>
          <cell r="B225" t="str">
            <v>NEV</v>
          </cell>
        </row>
        <row r="226">
          <cell r="A226" t="str">
            <v>Northfleet</v>
          </cell>
          <cell r="B226" t="str">
            <v>NFT</v>
          </cell>
        </row>
        <row r="227">
          <cell r="A227" t="str">
            <v>Norzagaray</v>
          </cell>
          <cell r="B227" t="str">
            <v>NOR</v>
          </cell>
        </row>
        <row r="228">
          <cell r="A228" t="str">
            <v>Ocumare</v>
          </cell>
          <cell r="B228" t="str">
            <v>OCU</v>
          </cell>
        </row>
        <row r="229">
          <cell r="A229" t="str">
            <v>Okke</v>
          </cell>
          <cell r="B229" t="str">
            <v>OKK</v>
          </cell>
        </row>
        <row r="230">
          <cell r="A230" t="str">
            <v>Onigbolo</v>
          </cell>
          <cell r="B230" t="str">
            <v>ONI</v>
          </cell>
        </row>
        <row r="231">
          <cell r="A231" t="str">
            <v>Pasir Gudang</v>
          </cell>
          <cell r="B231" t="str">
            <v>PSG</v>
          </cell>
        </row>
        <row r="232">
          <cell r="A232" t="str">
            <v>Paulding</v>
          </cell>
          <cell r="B232" t="str">
            <v>PDG</v>
          </cell>
        </row>
        <row r="233">
          <cell r="A233" t="str">
            <v>Pescara</v>
          </cell>
          <cell r="B233" t="str">
            <v>PES</v>
          </cell>
        </row>
        <row r="234">
          <cell r="A234" t="str">
            <v>Piedras Azules</v>
          </cell>
          <cell r="B234" t="str">
            <v>PIA</v>
          </cell>
        </row>
        <row r="235">
          <cell r="A235" t="str">
            <v>Pointe A Pitre</v>
          </cell>
          <cell r="B235" t="str">
            <v>PAP</v>
          </cell>
        </row>
        <row r="236">
          <cell r="A236" t="str">
            <v>Ponte Alta</v>
          </cell>
          <cell r="B236" t="str">
            <v>POA</v>
          </cell>
        </row>
        <row r="237">
          <cell r="A237" t="str">
            <v>Port La Nouvelle</v>
          </cell>
          <cell r="B237" t="str">
            <v>PLN</v>
          </cell>
        </row>
        <row r="238">
          <cell r="A238" t="str">
            <v>Port Manatee</v>
          </cell>
          <cell r="B238" t="str">
            <v>PTM</v>
          </cell>
        </row>
        <row r="239">
          <cell r="A239" t="str">
            <v>Rashadiya</v>
          </cell>
          <cell r="B239" t="str">
            <v>RAS</v>
          </cell>
        </row>
        <row r="240">
          <cell r="A240" t="str">
            <v>Ravena</v>
          </cell>
          <cell r="B240" t="str">
            <v>RVN</v>
          </cell>
        </row>
        <row r="241">
          <cell r="A241" t="str">
            <v>Rawang</v>
          </cell>
          <cell r="B241" t="str">
            <v>RWN</v>
          </cell>
        </row>
        <row r="242">
          <cell r="A242" t="str">
            <v>Republic</v>
          </cell>
          <cell r="B242" t="str">
            <v>REP</v>
          </cell>
        </row>
        <row r="243">
          <cell r="A243" t="str">
            <v>Retznei</v>
          </cell>
          <cell r="B243" t="str">
            <v>REI</v>
          </cell>
        </row>
        <row r="244">
          <cell r="A244" t="str">
            <v>Rezina</v>
          </cell>
          <cell r="B244" t="str">
            <v>REA</v>
          </cell>
        </row>
        <row r="245">
          <cell r="A245" t="str">
            <v>Richards Bay</v>
          </cell>
          <cell r="B245" t="str">
            <v>RIB</v>
          </cell>
        </row>
        <row r="246">
          <cell r="A246" t="str">
            <v>Richmond</v>
          </cell>
          <cell r="B246" t="str">
            <v>RMD</v>
          </cell>
        </row>
        <row r="247">
          <cell r="A247" t="str">
            <v>Roberta</v>
          </cell>
          <cell r="B247" t="str">
            <v>RBT</v>
          </cell>
        </row>
        <row r="248">
          <cell r="A248" t="str">
            <v>Sagunto</v>
          </cell>
          <cell r="B248" t="str">
            <v>SAG</v>
          </cell>
        </row>
        <row r="249">
          <cell r="A249" t="str">
            <v>Sam Chok</v>
          </cell>
          <cell r="B249" t="str">
            <v>SAC</v>
          </cell>
        </row>
        <row r="250">
          <cell r="A250" t="str">
            <v>Samsun</v>
          </cell>
          <cell r="B250" t="str">
            <v>SAM</v>
          </cell>
        </row>
        <row r="251">
          <cell r="A251" t="str">
            <v>Seattle</v>
          </cell>
          <cell r="B251" t="str">
            <v>SEA</v>
          </cell>
        </row>
        <row r="252">
          <cell r="A252" t="str">
            <v>Sete</v>
          </cell>
          <cell r="B252" t="str">
            <v>SET</v>
          </cell>
        </row>
        <row r="253">
          <cell r="A253" t="str">
            <v>Shagamu</v>
          </cell>
          <cell r="B253" t="str">
            <v>SGU</v>
          </cell>
        </row>
        <row r="254">
          <cell r="A254" t="str">
            <v>Shun Yi</v>
          </cell>
          <cell r="B254" t="str">
            <v>SHU</v>
          </cell>
        </row>
        <row r="255">
          <cell r="A255" t="str">
            <v>Singi</v>
          </cell>
          <cell r="B255" t="str">
            <v>SIN</v>
          </cell>
        </row>
        <row r="256">
          <cell r="A256" t="str">
            <v>Sivas</v>
          </cell>
          <cell r="B256" t="str">
            <v>SIV</v>
          </cell>
        </row>
        <row r="257">
          <cell r="A257" t="str">
            <v>Sonadih</v>
          </cell>
          <cell r="B257" t="str">
            <v>SON</v>
          </cell>
        </row>
        <row r="258">
          <cell r="A258" t="str">
            <v>Sötenich</v>
          </cell>
          <cell r="B258" t="str">
            <v>SOT</v>
          </cell>
        </row>
        <row r="259">
          <cell r="A259" t="str">
            <v>South Chicago</v>
          </cell>
          <cell r="B259" t="str">
            <v>SCH</v>
          </cell>
        </row>
        <row r="260">
          <cell r="A260" t="str">
            <v>Sparrows Point</v>
          </cell>
          <cell r="B260" t="str">
            <v>SPP</v>
          </cell>
        </row>
        <row r="261">
          <cell r="A261" t="str">
            <v>Spragge</v>
          </cell>
          <cell r="B261" t="str">
            <v>SPG</v>
          </cell>
        </row>
        <row r="262">
          <cell r="A262" t="str">
            <v>St Constant</v>
          </cell>
          <cell r="B262" t="str">
            <v>STC</v>
          </cell>
        </row>
        <row r="263">
          <cell r="A263" t="str">
            <v>St Pierre La Cour</v>
          </cell>
          <cell r="B263" t="str">
            <v>SPL</v>
          </cell>
        </row>
        <row r="264">
          <cell r="A264" t="str">
            <v>Stoney Creek</v>
          </cell>
          <cell r="B264" t="str">
            <v>STO</v>
          </cell>
        </row>
        <row r="265">
          <cell r="A265" t="str">
            <v>Sugar Creek</v>
          </cell>
          <cell r="B265" t="str">
            <v>SCK</v>
          </cell>
        </row>
        <row r="266">
          <cell r="A266" t="str">
            <v>Tachira</v>
          </cell>
          <cell r="B266" t="str">
            <v>TCH</v>
          </cell>
        </row>
        <row r="267">
          <cell r="A267" t="str">
            <v>Tagawa</v>
          </cell>
          <cell r="B267" t="str">
            <v>TAG</v>
          </cell>
        </row>
        <row r="268">
          <cell r="A268" t="str">
            <v>Tampa</v>
          </cell>
          <cell r="B268" t="str">
            <v>TAM</v>
          </cell>
        </row>
        <row r="269">
          <cell r="A269" t="str">
            <v>Tanger</v>
          </cell>
          <cell r="B269" t="str">
            <v>TNG</v>
          </cell>
        </row>
        <row r="270">
          <cell r="A270" t="str">
            <v>Tavernola</v>
          </cell>
          <cell r="B270" t="str">
            <v>TAV</v>
          </cell>
        </row>
        <row r="271">
          <cell r="A271" t="str">
            <v>Teresa</v>
          </cell>
          <cell r="B271" t="str">
            <v>TER</v>
          </cell>
        </row>
        <row r="272">
          <cell r="A272" t="str">
            <v>Tetouan</v>
          </cell>
          <cell r="B272" t="str">
            <v>TTN</v>
          </cell>
        </row>
        <row r="273">
          <cell r="A273" t="str">
            <v>Tirgu Jiu</v>
          </cell>
          <cell r="B273" t="str">
            <v>TGJ</v>
          </cell>
        </row>
        <row r="274">
          <cell r="A274" t="str">
            <v>Trbovlje</v>
          </cell>
          <cell r="B274" t="str">
            <v>TRB</v>
          </cell>
        </row>
        <row r="275">
          <cell r="A275" t="str">
            <v>Tulsa</v>
          </cell>
          <cell r="B275" t="str">
            <v>TLS</v>
          </cell>
        </row>
        <row r="276">
          <cell r="A276" t="str">
            <v>Val D'Azergues</v>
          </cell>
          <cell r="B276" t="str">
            <v>VDZ</v>
          </cell>
        </row>
        <row r="277">
          <cell r="A277" t="str">
            <v>Villaluenga</v>
          </cell>
          <cell r="B277" t="str">
            <v>VIL</v>
          </cell>
        </row>
        <row r="278">
          <cell r="A278" t="str">
            <v>Vito</v>
          </cell>
          <cell r="B278" t="str">
            <v>VIG</v>
          </cell>
        </row>
        <row r="279">
          <cell r="A279" t="str">
            <v>Volos</v>
          </cell>
          <cell r="B279" t="str">
            <v>VOL</v>
          </cell>
        </row>
        <row r="280">
          <cell r="A280" t="str">
            <v>Voskressensk</v>
          </cell>
          <cell r="B280" t="str">
            <v>VOS</v>
          </cell>
        </row>
        <row r="281">
          <cell r="A281" t="str">
            <v>Westbury</v>
          </cell>
          <cell r="B281" t="str">
            <v>WST</v>
          </cell>
        </row>
        <row r="282">
          <cell r="A282" t="str">
            <v>Whitehall</v>
          </cell>
          <cell r="B282" t="str">
            <v>WHL</v>
          </cell>
        </row>
        <row r="283">
          <cell r="A283" t="str">
            <v>Woodstock</v>
          </cell>
          <cell r="B283" t="str">
            <v>WSK</v>
          </cell>
        </row>
        <row r="284">
          <cell r="A284" t="str">
            <v>Wössingen</v>
          </cell>
          <cell r="B284" t="str">
            <v>WOS</v>
          </cell>
        </row>
        <row r="285">
          <cell r="A285" t="str">
            <v>Yozgat</v>
          </cell>
          <cell r="B285" t="str">
            <v>YOZ</v>
          </cell>
        </row>
      </sheetData>
      <sheetData sheetId="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etup"/>
      <sheetName val="Summary"/>
      <sheetName val="OCU-SUST-SAFE-2003"/>
      <sheetName val="OCU-SUS-WASTE-2004"/>
      <sheetName val="OCU-IND-HEAT-2004"/>
      <sheetName val="OCU-INDU-ICM-2003"/>
      <sheetName val="OCU-IND-QUAR-GY-2004"/>
      <sheetName val="OCU-IND-QUAR-LI-2004"/>
      <sheetName val="OCU-SUST-STAKE-2003"/>
    </sheetNames>
    <sheetDataSet>
      <sheetData sheetId="0">
        <row r="2">
          <cell r="A2" t="str">
            <v>ANG</v>
          </cell>
          <cell r="B2" t="str">
            <v>Africa</v>
          </cell>
          <cell r="C2" t="str">
            <v>Performance Plan</v>
          </cell>
          <cell r="D2" t="str">
            <v>Strategy</v>
          </cell>
          <cell r="E2" t="str">
            <v>Yes</v>
          </cell>
        </row>
        <row r="3">
          <cell r="A3" t="str">
            <v>BRL</v>
          </cell>
          <cell r="B3" t="str">
            <v>Asean</v>
          </cell>
          <cell r="C3" t="str">
            <v>Budgeted</v>
          </cell>
          <cell r="D3" t="str">
            <v>Marketing &amp; Sales</v>
          </cell>
          <cell r="E3" t="str">
            <v>No</v>
          </cell>
        </row>
        <row r="4">
          <cell r="A4" t="str">
            <v>CLP</v>
          </cell>
          <cell r="B4" t="str">
            <v>Asia</v>
          </cell>
          <cell r="C4" t="str">
            <v>Active</v>
          </cell>
          <cell r="D4" t="str">
            <v>Industrial</v>
          </cell>
        </row>
        <row r="5">
          <cell r="A5" t="str">
            <v>CAD</v>
          </cell>
          <cell r="B5" t="str">
            <v>Central Europe</v>
          </cell>
          <cell r="C5" t="str">
            <v>Terminated</v>
          </cell>
          <cell r="D5" t="str">
            <v>Sustainable Development</v>
          </cell>
        </row>
        <row r="6">
          <cell r="A6" t="str">
            <v>CNY</v>
          </cell>
          <cell r="B6" t="str">
            <v>Eastern Mediterranean</v>
          </cell>
          <cell r="D6" t="str">
            <v>People Mobilisation</v>
          </cell>
        </row>
        <row r="7">
          <cell r="A7" t="str">
            <v>CSD</v>
          </cell>
          <cell r="B7" t="str">
            <v>Latin America</v>
          </cell>
        </row>
        <row r="8">
          <cell r="A8" t="str">
            <v>CZK</v>
          </cell>
          <cell r="B8" t="str">
            <v>North America</v>
          </cell>
        </row>
        <row r="9">
          <cell r="A9" t="str">
            <v>EGP</v>
          </cell>
          <cell r="B9" t="str">
            <v>Western Europe</v>
          </cell>
        </row>
        <row r="10">
          <cell r="A10" t="str">
            <v>EUR</v>
          </cell>
        </row>
        <row r="11">
          <cell r="A11" t="str">
            <v>FRF</v>
          </cell>
        </row>
        <row r="12">
          <cell r="A12" t="str">
            <v>GBP</v>
          </cell>
        </row>
        <row r="13">
          <cell r="A13" t="str">
            <v>HUF</v>
          </cell>
        </row>
        <row r="14">
          <cell r="A14" t="str">
            <v>HNL</v>
          </cell>
        </row>
        <row r="15">
          <cell r="A15" t="str">
            <v>IDR</v>
          </cell>
        </row>
        <row r="16">
          <cell r="A16" t="str">
            <v>INR</v>
          </cell>
        </row>
        <row r="17">
          <cell r="A17" t="str">
            <v>JOD</v>
          </cell>
        </row>
        <row r="18">
          <cell r="A18" t="str">
            <v>JPY</v>
          </cell>
        </row>
        <row r="19">
          <cell r="A19" t="str">
            <v>KES</v>
          </cell>
        </row>
        <row r="20">
          <cell r="A20" t="str">
            <v>KRW</v>
          </cell>
        </row>
        <row r="21">
          <cell r="A21" t="str">
            <v>MAD</v>
          </cell>
        </row>
        <row r="22">
          <cell r="A22" t="str">
            <v>MDL</v>
          </cell>
        </row>
        <row r="23">
          <cell r="A23" t="str">
            <v>MGF</v>
          </cell>
        </row>
        <row r="24">
          <cell r="A24" t="str">
            <v>MWK</v>
          </cell>
        </row>
        <row r="25">
          <cell r="A25" t="str">
            <v>MYR</v>
          </cell>
        </row>
        <row r="26">
          <cell r="A26" t="str">
            <v>MXN</v>
          </cell>
        </row>
        <row r="27">
          <cell r="A27" t="str">
            <v>NGN</v>
          </cell>
        </row>
        <row r="28">
          <cell r="A28" t="str">
            <v>PHP</v>
          </cell>
        </row>
        <row r="29">
          <cell r="A29" t="str">
            <v>PLN</v>
          </cell>
        </row>
        <row r="30">
          <cell r="A30" t="str">
            <v>ROL</v>
          </cell>
        </row>
        <row r="31">
          <cell r="A31" t="str">
            <v>RUB</v>
          </cell>
        </row>
        <row r="32">
          <cell r="A32" t="str">
            <v>SIT</v>
          </cell>
        </row>
        <row r="33">
          <cell r="A33" t="str">
            <v>SGD</v>
          </cell>
        </row>
        <row r="34">
          <cell r="A34" t="str">
            <v>SKK</v>
          </cell>
        </row>
        <row r="35">
          <cell r="A35" t="str">
            <v>TRL</v>
          </cell>
        </row>
        <row r="36">
          <cell r="A36" t="str">
            <v>TZS</v>
          </cell>
        </row>
        <row r="37">
          <cell r="A37" t="str">
            <v>UAH</v>
          </cell>
        </row>
        <row r="38">
          <cell r="A38" t="str">
            <v>USD</v>
          </cell>
        </row>
        <row r="39">
          <cell r="A39" t="str">
            <v>UGX</v>
          </cell>
        </row>
        <row r="40">
          <cell r="A40" t="str">
            <v>VEB</v>
          </cell>
        </row>
        <row r="41">
          <cell r="A41" t="str">
            <v>YUM</v>
          </cell>
        </row>
        <row r="42">
          <cell r="A42" t="str">
            <v>XAF</v>
          </cell>
        </row>
        <row r="43">
          <cell r="A43" t="str">
            <v>XOF</v>
          </cell>
        </row>
        <row r="44">
          <cell r="A44" t="str">
            <v>ZMK</v>
          </cell>
        </row>
        <row r="45">
          <cell r="A45" t="str">
            <v>ZWD</v>
          </cell>
        </row>
        <row r="46">
          <cell r="A46" t="str">
            <v>ZAR</v>
          </cell>
        </row>
      </sheetData>
      <sheetData sheetId="1"/>
      <sheetData sheetId="2"/>
      <sheetData sheetId="3"/>
      <sheetData sheetId="4"/>
      <sheetData sheetId="5"/>
      <sheetData sheetId="6"/>
      <sheetData sheetId="7"/>
      <sheetData sheetId="8"/>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ster Trimestre Consolidada"/>
      <sheetName val="Master Trimestre Abertura"/>
      <sheetName val="Notas Explicativas"/>
      <sheetName val="Margem"/>
      <sheetName val="Master Ano"/>
      <sheetName val="IFRS 16"/>
      <sheetName val="Release"/>
      <sheetName val="Analise DRE"/>
      <sheetName val="Analise FC"/>
      <sheetName val="Producao Gas"/>
      <sheetName val="Producao Condensado"/>
      <sheetName val="Produção Atlanta"/>
      <sheetName val="PL"/>
      <sheetName val="Indicadores de produção"/>
      <sheetName val="Balanço Patrimonial"/>
      <sheetName val="Demonstração do Resultado"/>
      <sheetName val="EBITDAX"/>
      <sheetName val="Demonstração do Fluxo de Caixa"/>
    </sheetNames>
    <sheetDataSet>
      <sheetData sheetId="0"/>
      <sheetData sheetId="1">
        <row r="11">
          <cell r="D11">
            <v>1000</v>
          </cell>
        </row>
        <row r="23">
          <cell r="C23" t="str">
            <v>Período</v>
          </cell>
          <cell r="D23"/>
          <cell r="E23"/>
          <cell r="F23"/>
          <cell r="G23" t="str">
            <v>4T09</v>
          </cell>
          <cell r="H23" t="str">
            <v>1T10</v>
          </cell>
          <cell r="I23" t="str">
            <v>2T10</v>
          </cell>
          <cell r="J23" t="str">
            <v>3T10</v>
          </cell>
          <cell r="K23" t="str">
            <v>4T10</v>
          </cell>
          <cell r="L23" t="str">
            <v>1T11</v>
          </cell>
          <cell r="M23" t="str">
            <v>2T11</v>
          </cell>
          <cell r="N23" t="str">
            <v>3T11</v>
          </cell>
          <cell r="O23" t="str">
            <v>4T11</v>
          </cell>
          <cell r="P23" t="str">
            <v>1T12</v>
          </cell>
          <cell r="Q23" t="str">
            <v>2T12</v>
          </cell>
          <cell r="R23" t="str">
            <v>3T12</v>
          </cell>
          <cell r="S23" t="str">
            <v>4T12</v>
          </cell>
          <cell r="T23" t="str">
            <v>1T13</v>
          </cell>
          <cell r="U23" t="str">
            <v>2T13</v>
          </cell>
          <cell r="V23" t="str">
            <v>3T13</v>
          </cell>
          <cell r="W23" t="str">
            <v>4T13</v>
          </cell>
          <cell r="X23" t="str">
            <v>1T14</v>
          </cell>
          <cell r="Y23" t="str">
            <v>2T14</v>
          </cell>
          <cell r="Z23" t="str">
            <v>3T14</v>
          </cell>
          <cell r="AA23" t="str">
            <v>4T14</v>
          </cell>
          <cell r="AB23" t="str">
            <v>1T15</v>
          </cell>
          <cell r="AC23" t="str">
            <v>2T15</v>
          </cell>
          <cell r="AD23" t="str">
            <v>3T15</v>
          </cell>
          <cell r="AE23" t="str">
            <v>4T15</v>
          </cell>
          <cell r="AF23" t="str">
            <v>1T16</v>
          </cell>
          <cell r="AG23" t="str">
            <v>2T16</v>
          </cell>
          <cell r="AH23" t="str">
            <v>3T16</v>
          </cell>
          <cell r="AI23" t="str">
            <v>4T16</v>
          </cell>
          <cell r="AJ23" t="str">
            <v>1T17</v>
          </cell>
          <cell r="AK23" t="str">
            <v>2T17</v>
          </cell>
          <cell r="AL23" t="str">
            <v>3T17</v>
          </cell>
          <cell r="AM23" t="str">
            <v>4T17</v>
          </cell>
          <cell r="AN23" t="str">
            <v>1T18</v>
          </cell>
          <cell r="AO23" t="str">
            <v>2T18</v>
          </cell>
          <cell r="AP23" t="str">
            <v>3T18</v>
          </cell>
          <cell r="AQ23" t="str">
            <v>4T18</v>
          </cell>
          <cell r="AR23" t="str">
            <v>1T19</v>
          </cell>
          <cell r="AS23" t="str">
            <v>2T19</v>
          </cell>
          <cell r="AT23" t="str">
            <v>3T19</v>
          </cell>
          <cell r="AU23" t="str">
            <v>4T19</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apa"/>
      <sheetName val="SHELL"/>
      <sheetName val="BAHIAGAS"/>
      <sheetName val="COMPAGAS "/>
      <sheetName val="SERGAS"/>
      <sheetName val="GOIASGAS"/>
      <sheetName val="GASAP"/>
      <sheetName val="GASMAR"/>
      <sheetName val="RONGAS"/>
      <sheetName val="Macro"/>
      <sheetName val="WACC"/>
      <sheetName val="Outputs"/>
      <sheetName val="Q&amp;A"/>
      <sheetName val="Football_Field"/>
      <sheetName val="Mult. Trading"/>
      <sheetName val="Mult. Transaction"/>
      <sheetName val="Mult. Research"/>
    </sheetNames>
    <sheetDataSet>
      <sheetData sheetId="0" refreshError="1"/>
      <sheetData sheetId="1" refreshError="1"/>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IS-99"/>
      <sheetName val="TPLA3065"/>
      <sheetName val="CONTROL"/>
      <sheetName val="1494-762113"/>
      <sheetName val="1494-743747"/>
      <sheetName val="1494-726991"/>
      <sheetName val="1494-760720"/>
      <sheetName val="1494-760722"/>
      <sheetName val="1494-561494008"/>
      <sheetName val="fluxo_caixa"/>
      <sheetName val="shtLookup"/>
      <sheetName val="relação"/>
      <sheetName val="SERIES CDI E PTAX"/>
      <sheetName val="FF-1 - CSLL"/>
      <sheetName val="PopCache"/>
      <sheetName val="Base"/>
      <sheetName val="A4.1-BRASFLEX "/>
      <sheetName val="Movimentação"/>
      <sheetName val="Rec. Pillar (DRE Soc.)"/>
      <sheetName val="MOPE"/>
      <sheetName val="Sheet1"/>
      <sheetName val="Lead"/>
      <sheetName val="Conciliação {ppc}"/>
      <sheetName val="Composições-WP2100"/>
      <sheetName val="5"/>
      <sheetName val="sapactivexlhiddensheet"/>
      <sheetName val="Pag.1"/>
      <sheetName val="DMPL"/>
      <sheetName val="PAY-SLIPS"/>
      <sheetName val="SCRAP 14_08"/>
      <sheetName val="Selic"/>
      <sheetName val="UFIR'S"/>
      <sheetName val="FL-anual - nov"/>
      <sheetName val="Plan1"/>
      <sheetName val="CRJ MAIN"/>
      <sheetName val="Compras Americel - Fevereiro09"/>
      <sheetName val="X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mework"/>
      <sheetName val="Timeline"/>
      <sheetName val="DVA Categories"/>
      <sheetName val="Commentary Instructions"/>
      <sheetName val="FY Plan Template"/>
      <sheetName val="Taxable Income FY Forecast"/>
      <sheetName val="Financial Statements"/>
      <sheetName val="Cost Chart"/>
      <sheetName val="Volume Chart"/>
      <sheetName val="Financial_Statements "/>
      <sheetName val="Earnings Chart"/>
      <sheetName val="Cash Chart"/>
      <sheetName val="Q Act vs Q Plan Templa"/>
      <sheetName val="US - Cost Chart"/>
      <sheetName val="US - Volume Chart"/>
      <sheetName val="US - Earnings Chart"/>
      <sheetName val="US - Cash Chart"/>
      <sheetName val="US - Q Act vs Q Plan Template"/>
      <sheetName val="DS - Cost Chart"/>
      <sheetName val="DS - Volume Chart"/>
      <sheetName val="DS - Earnings Chart"/>
      <sheetName val="DS - Cash Chart"/>
      <sheetName val="DS - Q Act vs Q Plan Template"/>
      <sheetName val="US (LE) - Cost Chart"/>
      <sheetName val="US (LE) - Volume Chart"/>
      <sheetName val="US (LE) - Earnings Chart"/>
      <sheetName val="US (LE) - Cash Chart"/>
      <sheetName val="US - FY LE vs FY Plan Templa"/>
      <sheetName val="DS (LE) - Cost Chart"/>
      <sheetName val="DS (LE) - Volume Chart"/>
      <sheetName val="DS (LE) - Earnings Chart"/>
      <sheetName val="DS (LE) - Cash Chart"/>
      <sheetName val="DS (LE) - FY LE vs FY PLAN "/>
      <sheetName val="(LE) - Cost Chart"/>
      <sheetName val="(LE) - Volume Chart"/>
      <sheetName val="(LE) - Earnings Chart"/>
      <sheetName val="(LE) - Cash Chart"/>
      <sheetName val="(LE) - FY LE vs FY PLA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5">
          <cell r="A5" t="str">
            <v>DVA's</v>
          </cell>
        </row>
        <row r="6">
          <cell r="A6" t="str">
            <v>Barra Inferior</v>
          </cell>
        </row>
        <row r="9">
          <cell r="A9" t="str">
            <v>Barra Superior (+)</v>
          </cell>
        </row>
        <row r="10">
          <cell r="A10" t="str">
            <v>Barra Superior (-)</v>
          </cell>
        </row>
        <row r="12">
          <cell r="B12">
            <v>1</v>
          </cell>
        </row>
        <row r="13">
          <cell r="B13">
            <v>13</v>
          </cell>
        </row>
      </sheetData>
      <sheetData sheetId="14"/>
      <sheetData sheetId="15"/>
      <sheetData sheetId="16"/>
      <sheetData sheetId="17"/>
      <sheetData sheetId="18"/>
      <sheetData sheetId="19"/>
      <sheetData sheetId="20"/>
      <sheetData sheetId="21"/>
      <sheetData sheetId="22"/>
      <sheetData sheetId="23">
        <row r="5">
          <cell r="A5" t="str">
            <v>DVA's</v>
          </cell>
        </row>
        <row r="6">
          <cell r="A6" t="str">
            <v>Barra Inferior</v>
          </cell>
        </row>
        <row r="9">
          <cell r="A9" t="str">
            <v>Barra Superior (+)</v>
          </cell>
        </row>
        <row r="10">
          <cell r="A10" t="str">
            <v>Barra Superior (-)</v>
          </cell>
        </row>
        <row r="12">
          <cell r="B12">
            <v>1</v>
          </cell>
        </row>
        <row r="13">
          <cell r="B13">
            <v>5</v>
          </cell>
        </row>
      </sheetData>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movimentação"/>
      <sheetName val="circularização"/>
      <sheetName val="BEI"/>
      <sheetName val="LAFARGE CBR"/>
      <sheetName val="Eurobond"/>
      <sheetName val="Euronet"/>
      <sheetName val="Juros"/>
      <sheetName val="VC"/>
      <sheetName val="TCalc"/>
      <sheetName val="XREF"/>
      <sheetName val="Tickmark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Controle Circularização"/>
      <sheetName val="Nota Emprestimo"/>
      <sheetName val="Rel"/>
      <sheetName val="Composição Empréstimos"/>
      <sheetName val="Altere Top Center "/>
      <sheetName val="Altere Monteville "/>
      <sheetName val="Birmann"/>
      <sheetName val="PAS Moeda Nacional"/>
      <sheetName val="Emprestimo Caemi"/>
      <sheetName val="Emprestimo Passeio"/>
      <sheetName val="SWAP"/>
      <sheetName val="Real "/>
      <sheetName val="Contrato de  Swap"/>
      <sheetName val="Contrato Altere Monteville"/>
      <sheetName val="XREF"/>
      <sheetName val="Tickmarks"/>
      <sheetName val="shtLookup"/>
      <sheetName val="PIS-99"/>
      <sheetName val="Solver"/>
      <sheetName val="Ponderação 1991-1999"/>
      <sheetName val="Variação 1991-1999"/>
      <sheetName val="fluxo_caixa"/>
      <sheetName val="TR"/>
      <sheetName val="Dados BLP"/>
      <sheetName val="BLP"/>
      <sheetName val="VAREX0698"/>
      <sheetName val="Aquisição"/>
      <sheetName val="ce"/>
      <sheetName val="PAS Fopag"/>
      <sheetName val="Mapa de Resultado"/>
      <sheetName val="Deposito Judicial"/>
      <sheetName val="BP"/>
      <sheetName val="DRE"/>
      <sheetName val="Receitas Vendas Inpacel"/>
      <sheetName val="Deducoes venda IP"/>
      <sheetName val="PAS Deduções venda Inpacel"/>
      <sheetName val="P.G."/>
      <sheetName val="Folha"/>
      <sheetName val="Féria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STE"/>
      <sheetName val="TESTE.XLW"/>
      <sheetName val="Depositos judiciais"/>
      <sheetName val="E75_2002"/>
      <sheetName val="ce"/>
      <sheetName val="CECO"/>
      <sheetName val="CONSOL"/>
      <sheetName val="Passagem"/>
      <sheetName val="Mapa Comercial"/>
      <sheetName val="Lista Validação de Dados"/>
      <sheetName val="TRADUÇÃO"/>
      <sheetName val="Aux. Listbox"/>
      <sheetName val="Sheet1"/>
      <sheetName val="GSA Matrix"/>
      <sheetName val="apoio"/>
      <sheetName val="Database"/>
      <sheetName val="Variance Summary"/>
      <sheetName val="De Para"/>
      <sheetName val="T Bond e EMBI +"/>
      <sheetName val="TJLP e CDI"/>
      <sheetName val="Inflação"/>
      <sheetName val="Damodaran (Beta e ERP)"/>
      <sheetName val="bal12"/>
      <sheetName val="Data Table"/>
      <sheetName val="Graph"/>
      <sheetName val="EOL"/>
      <sheetName val="EOL_1"/>
      <sheetName val="Resultados"/>
      <sheetName val="Faturamento AMM"/>
      <sheetName val="Descrição Status"/>
      <sheetName val="Apur_IR_CS"/>
      <sheetName val="DRE_2014"/>
      <sheetName val="O13"/>
      <sheetName val="INFO"/>
      <sheetName val="Arrend."/>
      <sheetName val="Inputs"/>
      <sheetName val="Novo Mix abrasce"/>
      <sheetName val="Tax Guide"/>
      <sheetName val="Size Premium"/>
      <sheetName val="DM Beta17"/>
      <sheetName val="TESTE_XLW"/>
      <sheetName val="Depositos_judiciais"/>
      <sheetName val="Variance_Summary"/>
      <sheetName val="Dados"/>
      <sheetName val="Descontos - Análises"/>
      <sheetName val="Inadimplência - Análises"/>
      <sheetName val="Categorias Abrasce"/>
      <sheetName val="Premissas"/>
      <sheetName val="PContas_FPP"/>
      <sheetName val="Comercial 3"/>
      <sheetName val="RECEITA"/>
      <sheetName val="Mercado"/>
      <sheetName val="101171"/>
      <sheetName val="RESPOSTA NESTLE"/>
      <sheetName val="Data"/>
      <sheetName val="CDI"/>
      <sheetName val="ELIM_FINANCEIRA"/>
      <sheetName val="Macro"/>
      <sheetName val="De_Para"/>
      <sheetName val="T_Bond_e_EMBI_+"/>
      <sheetName val="TJLP_e_CDI"/>
      <sheetName val="Damodaran_(Beta_e_ERP)"/>
      <sheetName val="Data_Table"/>
      <sheetName val="Mapa_Comercial"/>
      <sheetName val="Lista_Validação_de_Dados"/>
      <sheetName val="Aux__Listbox"/>
      <sheetName val="GSA_Matrix"/>
      <sheetName val="Faturamento_AMM"/>
      <sheetName val="Descrição_Status"/>
      <sheetName val="Arrend_"/>
      <sheetName val="GSI_1998"/>
      <sheetName val="Fluxo de Caixa"/>
      <sheetName val="MtM"/>
      <sheetName val="E74_2001"/>
      <sheetName val="E74_2002"/>
      <sheetName val="Solicitação de documentos"/>
      <sheetName val="set96"/>
      <sheetName val="ABRASCE"/>
      <sheetName val="Inadimplência II"/>
      <sheetName val="FPP_PContas"/>
      <sheetName val="apports"/>
      <sheetName val="Index (2)"/>
      <sheetName val="WACC VLT"/>
      <sheetName val="WACC GRU"/>
      <sheetName val=""/>
      <sheetName val="Parâmetros"/>
      <sheetName val="AE Reference Sheet"/>
      <sheetName val="Gráficos"/>
      <sheetName val="시산표"/>
      <sheetName val="2. Entity Names"/>
      <sheetName val="TESTE_XLW1"/>
      <sheetName val="Depositos_judiciais1"/>
      <sheetName val="Variance_Summary1"/>
      <sheetName val="Arrend_1"/>
      <sheetName val="De_Para1"/>
      <sheetName val="Faturamento_AMM1"/>
      <sheetName val="Descrição_Status1"/>
      <sheetName val="T_Bond_e_EMBI_+1"/>
      <sheetName val="TJLP_e_CDI1"/>
      <sheetName val="Damodaran_(Beta_e_ERP)1"/>
      <sheetName val="Lista_Validação_de_Dados1"/>
      <sheetName val="Mapa_Comercial1"/>
      <sheetName val="RESPOSTA_NESTLE"/>
      <sheetName val="Solicitação_de_documentos"/>
      <sheetName val="Aux__Listbox1"/>
      <sheetName val="GSA_Matrix1"/>
      <sheetName val="Data_Table1"/>
      <sheetName val="Novo_Mix_abrasce"/>
      <sheetName val="Descontos_-_Análises"/>
      <sheetName val="Inadimplência_-_Análises"/>
      <sheetName val="Categorias_Abrasce"/>
      <sheetName val="Comercial_3"/>
      <sheetName val="Inadimplência_II"/>
      <sheetName val="Fluxo_de_Caixa"/>
      <sheetName val="Tax_Guide"/>
      <sheetName val="Size_Premium"/>
      <sheetName val="DM_Beta17"/>
      <sheetName val="parâmetro"/>
      <sheetName val="2015 Budget"/>
      <sheetName val="Total station cost"/>
      <sheetName val="Calculo global Depr."/>
      <sheetName val="Apl.Financ."/>
      <sheetName val="HANDLING - VALORES"/>
      <sheetName val="Movimentação AF 2004"/>
      <sheetName val="Movimentação AF 2005"/>
      <sheetName val="Movimentação AF 2006"/>
      <sheetName val="Mov. Aplic. Financeira 31.10.05"/>
      <sheetName val="Mov. Aplic. Financeira 31.12.05"/>
      <sheetName val="Reconciliações Setembro"/>
      <sheetName val="FIF"/>
      <sheetName val="Lead"/>
      <sheetName val="XREF"/>
      <sheetName val="Categorias Abrasce (7)"/>
      <sheetName val="REALIZADO"/>
      <sheetName val="Reembolso"/>
      <sheetName val="Stand Abrasce"/>
      <sheetName val="listas"/>
      <sheetName val="Capa"/>
      <sheetName val="Comentários"/>
      <sheetName val="Sumário"/>
      <sheetName val="Sumário Executivo &gt;"/>
      <sheetName val="Resumo Operacional"/>
      <sheetName val="Resumo Financeiro"/>
      <sheetName val="FLCX Aluguel Sintético"/>
      <sheetName val="FLCX Condominio Sintético"/>
      <sheetName val="FLCX FPP Sintético"/>
      <sheetName val="Operacional &gt;"/>
      <sheetName val="Vendas"/>
      <sheetName val="Aluguel"/>
      <sheetName val="Destaques vendas"/>
      <sheetName val="Analítico"/>
      <sheetName val="Custo de Ocupação"/>
      <sheetName val="Condomínio"/>
      <sheetName val="FPP"/>
      <sheetName val="Estacionamento"/>
      <sheetName val="Financeiro&gt;"/>
      <sheetName val="Descontos"/>
      <sheetName val="Inadimplência I"/>
      <sheetName val="Subsídios"/>
      <sheetName val="Comercial&gt;"/>
      <sheetName val="Comercial"/>
      <sheetName val="Comercial 2"/>
      <sheetName val="Infos Compl.&gt;"/>
      <sheetName val="Marketing I"/>
      <sheetName val="Marketing II"/>
      <sheetName val="Marketing III"/>
      <sheetName val="Marketing IV"/>
      <sheetName val="Glossário"/>
      <sheetName val="Glossary"/>
      <sheetName val="Apêndice &gt;"/>
      <sheetName val="FLCX Aluguel 2019"/>
      <sheetName val="FLCX Cond 2019"/>
      <sheetName val="FLCX FPP 2019"/>
      <sheetName val="FLCX Estacionamento Sintético"/>
      <sheetName val="Vacância"/>
      <sheetName val="CTO &amp; Vendas"/>
      <sheetName val="Inputs &gt;"/>
      <sheetName val="Orçamento"/>
      <sheetName val="planilha leasing mall"/>
      <sheetName val="Check"/>
      <sheetName val="Language"/>
      <sheetName val="FLCX Aluguel Real"/>
      <sheetName val="FLCX Cond Real"/>
      <sheetName val="FLCX FPP Real"/>
      <sheetName val="Vendas Lado a Lado"/>
      <sheetName val="Aluguel Lado a Lado"/>
      <sheetName val="Complementar Lado a Lado"/>
      <sheetName val="Al.% Lado a Lado"/>
      <sheetName val="EC Lado a Lado"/>
      <sheetName val="FPP Lado a Lado"/>
      <sheetName val="Mapa de Faturamento"/>
      <sheetName val="Receita de Encargo_V_S"/>
      <sheetName val="Suporte&gt;"/>
      <sheetName val="Vendas - Análises"/>
      <sheetName val="Aluguel - Análises"/>
      <sheetName val="Al.% - Análises"/>
      <sheetName val="Complementar - Análises"/>
      <sheetName val="FPP - Análises"/>
      <sheetName val="EC - Análises"/>
      <sheetName val="CTO - Análises"/>
      <sheetName val="MF - Análises"/>
      <sheetName val="Comercial - Análises"/>
      <sheetName val="Encargo Empreendedor - Análises"/>
      <sheetName val="Macro_Início"/>
      <sheetName val="FLCX Aluguel 2018"/>
      <sheetName val="FLCX Aluguel Orç"/>
      <sheetName val="FLCX Aluguel Forecast"/>
      <sheetName val="FLCX Cond 2018"/>
      <sheetName val="FLCX Cond Orç"/>
      <sheetName val="FLCX Cond Forecast"/>
      <sheetName val="FLCX FPP 2018"/>
      <sheetName val="FLCX FPP Orç"/>
      <sheetName val="FLCX FPP Forecast"/>
      <sheetName val="Aux. Gráficos"/>
      <sheetName val="AE_Reference_Sheet"/>
      <sheetName val="Stand_Abrasce"/>
      <sheetName val="Categorias_Abrasce_(7)"/>
      <sheetName val="SEMANAS"/>
      <sheetName val="12 2018"/>
      <sheetName val="1"/>
      <sheetName val="2"/>
      <sheetName val="3"/>
      <sheetName val="4"/>
      <sheetName val="5"/>
      <sheetName val="6"/>
      <sheetName val="7"/>
      <sheetName val="8"/>
      <sheetName val="9"/>
      <sheetName val="10"/>
      <sheetName val="11"/>
      <sheetName val="12"/>
      <sheetName val="Mensal"/>
      <sheetName val="EMPR_MOV"/>
      <sheetName val="cmi_sp"/>
      <sheetName val="Mapa_Comercial2"/>
      <sheetName val="Lista_Validação_de_Dados2"/>
      <sheetName val="Aux__Listbox2"/>
      <sheetName val="GSA_Matrix2"/>
      <sheetName val="Faturamento_AMM2"/>
      <sheetName val="Descrição_Status2"/>
      <sheetName val="Novo_Mix_abrasce1"/>
      <sheetName val="Descontos_-_Análises1"/>
      <sheetName val="Inadimplência_-_Análises1"/>
      <sheetName val="Categorias_Abrasce1"/>
      <sheetName val="Comercial_31"/>
      <sheetName val="TESTE_XLW2"/>
      <sheetName val="T_Bond_e_EMBI_+2"/>
      <sheetName val="TJLP_e_CDI2"/>
      <sheetName val="Damodaran_(Beta_e_ERP)2"/>
      <sheetName val="Depositos_judiciais2"/>
      <sheetName val="De_Para2"/>
      <sheetName val="Data_Table2"/>
      <sheetName val="Variance_Summary2"/>
      <sheetName val="Arrend_2"/>
      <sheetName val="RESPOSTA_NESTLE1"/>
      <sheetName val="Fluxo_de_Caixa1"/>
      <sheetName val="Solicitação_de_documentos1"/>
      <sheetName val="Tax_Guide1"/>
      <sheetName val="Size_Premium1"/>
      <sheetName val="DM_Beta171"/>
      <sheetName val="Inadimplência_II1"/>
      <sheetName val="AE_Reference_Sheet1"/>
      <sheetName val="Stand_Abrasce1"/>
      <sheetName val="Categorias_Abrasce_(7)1"/>
      <sheetName val="#REF"/>
      <sheetName val="análise"/>
      <sheetName val="BEA Opened"/>
      <sheetName val="Branch Accounts"/>
      <sheetName val="2015 Daily Products"/>
      <sheetName val="balanco_uru"/>
      <sheetName val="1172020"/>
      <sheetName val="Premissas Gerais"/>
      <sheetName val="DePara"/>
      <sheetName val="Controle"/>
      <sheetName val="Balanço Geral"/>
      <sheetName val="GSB - PWR Gestão"/>
      <sheetName val="Validações de dados"/>
      <sheetName val="07.08.2019 (3)"/>
      <sheetName val="07.08.2019 (2)"/>
      <sheetName val="07.08.2019"/>
      <sheetName val="05.08.2019 PWR"/>
      <sheetName val="20.05.2019 PWR"/>
      <sheetName val="15.07.2019 Floripa"/>
      <sheetName val="31.05.2019 Floripa"/>
      <sheetName val="Jequitiba"/>
      <sheetName val="WACC_VLT"/>
      <sheetName val="WACC_GRU"/>
      <sheetName val="Index_(2)"/>
      <sheetName val="2__Entity_Names"/>
      <sheetName val="op079907"/>
      <sheetName val="Imob custo"/>
      <sheetName val="Plan1"/>
      <sheetName val="Aux"/>
      <sheetName val="Mapa_Comercial5"/>
      <sheetName val="Lista_Validação_de_Dados5"/>
      <sheetName val="Aux__Listbox5"/>
      <sheetName val="GSA_Matrix5"/>
      <sheetName val="Faturamento_AMM5"/>
      <sheetName val="Descrição_Status5"/>
      <sheetName val="Novo_Mix_abrasce4"/>
      <sheetName val="Descontos_-_Análises4"/>
      <sheetName val="Inadimplência_-_Análises4"/>
      <sheetName val="Categorias_Abrasce4"/>
      <sheetName val="Comercial_34"/>
      <sheetName val="TESTE_XLW5"/>
      <sheetName val="T_Bond_e_EMBI_+5"/>
      <sheetName val="TJLP_e_CDI5"/>
      <sheetName val="Damodaran_(Beta_e_ERP)5"/>
      <sheetName val="Depositos_judiciais5"/>
      <sheetName val="De_Para5"/>
      <sheetName val="Data_Table5"/>
      <sheetName val="Variance_Summary5"/>
      <sheetName val="Arrend_5"/>
      <sheetName val="RESPOSTA_NESTLE4"/>
      <sheetName val="Fluxo_de_Caixa4"/>
      <sheetName val="Solicitação_de_documentos4"/>
      <sheetName val="Tax_Guide4"/>
      <sheetName val="Size_Premium4"/>
      <sheetName val="DM_Beta174"/>
      <sheetName val="Inadimplência_II4"/>
      <sheetName val="AE_Reference_Sheet4"/>
      <sheetName val="Stand_Abrasce4"/>
      <sheetName val="Categorias_Abrasce_(7)4"/>
      <sheetName val="WACC_VLT2"/>
      <sheetName val="WACC_GRU2"/>
      <sheetName val="Index_(2)2"/>
      <sheetName val="Mapa_Comercial3"/>
      <sheetName val="Lista_Validação_de_Dados3"/>
      <sheetName val="Aux__Listbox3"/>
      <sheetName val="GSA_Matrix3"/>
      <sheetName val="Faturamento_AMM3"/>
      <sheetName val="Descrição_Status3"/>
      <sheetName val="Novo_Mix_abrasce2"/>
      <sheetName val="Descontos_-_Análises2"/>
      <sheetName val="Inadimplência_-_Análises2"/>
      <sheetName val="Categorias_Abrasce2"/>
      <sheetName val="Comercial_32"/>
      <sheetName val="TESTE_XLW3"/>
      <sheetName val="T_Bond_e_EMBI_+3"/>
      <sheetName val="TJLP_e_CDI3"/>
      <sheetName val="Damodaran_(Beta_e_ERP)3"/>
      <sheetName val="Depositos_judiciais3"/>
      <sheetName val="De_Para3"/>
      <sheetName val="Data_Table3"/>
      <sheetName val="Variance_Summary3"/>
      <sheetName val="Arrend_3"/>
      <sheetName val="RESPOSTA_NESTLE2"/>
      <sheetName val="Fluxo_de_Caixa2"/>
      <sheetName val="Solicitação_de_documentos2"/>
      <sheetName val="Tax_Guide2"/>
      <sheetName val="Size_Premium2"/>
      <sheetName val="DM_Beta172"/>
      <sheetName val="Inadimplência_II2"/>
      <sheetName val="AE_Reference_Sheet2"/>
      <sheetName val="Stand_Abrasce2"/>
      <sheetName val="Categorias_Abrasce_(7)2"/>
      <sheetName val="Mapa_Comercial4"/>
      <sheetName val="Lista_Validação_de_Dados4"/>
      <sheetName val="Aux__Listbox4"/>
      <sheetName val="GSA_Matrix4"/>
      <sheetName val="Faturamento_AMM4"/>
      <sheetName val="Descrição_Status4"/>
      <sheetName val="Novo_Mix_abrasce3"/>
      <sheetName val="Descontos_-_Análises3"/>
      <sheetName val="Inadimplência_-_Análises3"/>
      <sheetName val="Categorias_Abrasce3"/>
      <sheetName val="Comercial_33"/>
      <sheetName val="TESTE_XLW4"/>
      <sheetName val="T_Bond_e_EMBI_+4"/>
      <sheetName val="TJLP_e_CDI4"/>
      <sheetName val="Damodaran_(Beta_e_ERP)4"/>
      <sheetName val="Depositos_judiciais4"/>
      <sheetName val="De_Para4"/>
      <sheetName val="Data_Table4"/>
      <sheetName val="Variance_Summary4"/>
      <sheetName val="Arrend_4"/>
      <sheetName val="RESPOSTA_NESTLE3"/>
      <sheetName val="Fluxo_de_Caixa3"/>
      <sheetName val="Solicitação_de_documentos3"/>
      <sheetName val="Tax_Guide3"/>
      <sheetName val="Size_Premium3"/>
      <sheetName val="DM_Beta173"/>
      <sheetName val="Inadimplência_II3"/>
      <sheetName val="AE_Reference_Sheet3"/>
      <sheetName val="Stand_Abrasce3"/>
      <sheetName val="Categorias_Abrasce_(7)3"/>
      <sheetName val="WACC_VLT1"/>
      <sheetName val="WACC_GRU1"/>
      <sheetName val="Index_(2)1"/>
      <sheetName val="UTILITÁRIOS"/>
      <sheetName val="salaries"/>
      <sheetName val="GoEight"/>
      <sheetName val="GrFour"/>
      <sheetName val="Calc"/>
      <sheetName val="MOne"/>
      <sheetName val="MTwo"/>
      <sheetName val="KOne"/>
      <sheetName val="GoSeven"/>
      <sheetName val="GrThree"/>
      <sheetName val="HTwo"/>
      <sheetName val="JOne"/>
      <sheetName val="JTwo"/>
      <sheetName val="HOne"/>
      <sheetName val="DUCOCO"/>
      <sheetName val="Mapa de movimentação "/>
      <sheetName val="EastBrae"/>
      <sheetName val="Assumptions"/>
      <sheetName val="A"/>
      <sheetName val="B - Book Principal"/>
      <sheetName val="C - Premissas"/>
      <sheetName val="MDF"/>
      <sheetName val="D - Backup"/>
      <sheetName val="Parametrização"/>
      <sheetName val="blue life_trabalhista"/>
      <sheetName val="Base_Informacoes"/>
      <sheetName val="maesa"/>
      <sheetName val="Parametros"/>
      <sheetName val="Plano de Contas"/>
      <sheetName val="Empréstimos em BRL"/>
      <sheetName val=" pib brasil ( r$ de 1996 )"/>
      <sheetName val="MOD 7 SIN"/>
      <sheetName val="GERREAL"/>
      <sheetName val="Macro_2003"/>
      <sheetName val="Input"/>
      <sheetName val="0000000"/>
      <sheetName val="MENS_I_P"/>
      <sheetName val="References"/>
      <sheetName val="LE2 2007"/>
      <sheetName val="2015_Budget"/>
      <sheetName val="Total_station_cost"/>
      <sheetName val="Calculo_global_Depr_"/>
      <sheetName val="Apl_Financ_"/>
      <sheetName val="HANDLING_-_VALORES"/>
      <sheetName val="Movimentação_AF_2004"/>
      <sheetName val="Movimentação_AF_2005"/>
      <sheetName val="Movimentação_AF_2006"/>
      <sheetName val="Mov__Aplic__Financeira_31_10_05"/>
      <sheetName val="Mov__Aplic__Financeira_31_12_05"/>
      <sheetName val="Reconciliações_Setembro"/>
      <sheetName val="Sumário_Executivo_&gt;"/>
      <sheetName val="Resumo_Operacional"/>
      <sheetName val="Resumo_Financeiro"/>
      <sheetName val="FLCX_Aluguel_Sintético"/>
      <sheetName val="FLCX_Condominio_Sintético"/>
      <sheetName val="FLCX_FPP_Sintético"/>
      <sheetName val="Operacional_&gt;"/>
      <sheetName val="Destaques_vendas"/>
      <sheetName val="Custo_de_Ocupação"/>
      <sheetName val="Inadimplência_I"/>
      <sheetName val="Comercial_2"/>
      <sheetName val="Infos_Compl_&gt;"/>
      <sheetName val="Marketing_I"/>
      <sheetName val="Marketing_II"/>
      <sheetName val="Marketing_III"/>
      <sheetName val="Marketing_IV"/>
      <sheetName val="Apêndice_&gt;"/>
      <sheetName val="FLCX_Aluguel_2019"/>
      <sheetName val="FLCX_Cond_2019"/>
      <sheetName val="FLCX_FPP_2019"/>
      <sheetName val="FLCX_Estacionamento_Sintético"/>
      <sheetName val="CTO_&amp;_Vendas"/>
      <sheetName val="Inputs_&gt;"/>
      <sheetName val="planilha_leasing_mall"/>
      <sheetName val="FLCX_Aluguel_Real"/>
      <sheetName val="FLCX_Cond_Real"/>
      <sheetName val="FLCX_FPP_Real"/>
      <sheetName val="Vendas_Lado_a_Lado"/>
      <sheetName val="Aluguel_Lado_a_Lado"/>
      <sheetName val="Complementar_Lado_a_Lado"/>
      <sheetName val="Al_%_Lado_a_Lado"/>
      <sheetName val="EC_Lado_a_Lado"/>
      <sheetName val="FPP_Lado_a_Lado"/>
      <sheetName val="Mapa_de_Faturamento"/>
      <sheetName val="Receita_de_Encargo_V_S"/>
      <sheetName val="Vendas_-_Análises"/>
      <sheetName val="Aluguel_-_Análises"/>
      <sheetName val="Al_%_-_Análises"/>
      <sheetName val="Complementar_-_Análises"/>
      <sheetName val="FPP_-_Análises"/>
      <sheetName val="EC_-_Análises"/>
      <sheetName val="CTO_-_Análises"/>
      <sheetName val="MF_-_Análises"/>
      <sheetName val="Comercial_-_Análises"/>
      <sheetName val="Encargo_Empreendedor_-_Análises"/>
      <sheetName val="FLCX_Aluguel_2018"/>
      <sheetName val="FLCX_Aluguel_Orç"/>
      <sheetName val="FLCX_Aluguel_Forecast"/>
      <sheetName val="FLCX_Cond_2018"/>
      <sheetName val="FLCX_Cond_Orç"/>
      <sheetName val="FLCX_Cond_Forecast"/>
      <sheetName val="FLCX_FPP_2018"/>
      <sheetName val="FLCX_FPP_Orç"/>
      <sheetName val="FLCX_FPP_Forecast"/>
      <sheetName val="Aux__Gráficos"/>
      <sheetName val="2__Entity_Names1"/>
      <sheetName val="BEA_Opened"/>
      <sheetName val="Balanço_Geral"/>
      <sheetName val="GSB_-_PWR_Gestão"/>
      <sheetName val="Validações_de_dados"/>
      <sheetName val="07_08_2019_(3)"/>
      <sheetName val="07_08_2019_(2)"/>
      <sheetName val="07_08_2019"/>
      <sheetName val="05_08_2019_PWR"/>
      <sheetName val="20_05_2019_PWR"/>
      <sheetName val="15_07_2019_Floripa"/>
      <sheetName val="31_05_2019_Floripa"/>
      <sheetName val="Premissas_Gerais"/>
      <sheetName val="Branch_Accounts"/>
      <sheetName val="2015_Daily_Products"/>
      <sheetName val="12_2018"/>
      <sheetName val="Imob_custo"/>
      <sheetName val="Excluídos.1"/>
      <sheetName val="I - Índice"/>
      <sheetName val="II - Folha de Pontos"/>
      <sheetName val="III - Work Program"/>
      <sheetName val="IV - Balancete Ano N"/>
      <sheetName val="V - Imobilizado"/>
      <sheetName val="V - Mais E Menos Valias"/>
      <sheetName val="VI - RB Millennium bcp"/>
      <sheetName val="VI - RB Banco BCP"/>
      <sheetName val="VI - RB Montepio"/>
      <sheetName val="VI - RB Credit Card"/>
      <sheetName val="VII - Contas a Pagar"/>
      <sheetName val="VIII - Contas a receber"/>
      <sheetName val="XIV - Acrescimos"/>
      <sheetName val="XV -  Diferimentos"/>
      <sheetName val="XI - Financiamentos"/>
      <sheetName val="XVI - Indie Campers Group"/>
      <sheetName val="XVII - Rent Deposits"/>
      <sheetName val="SALP0102"/>
      <sheetName val="P&amp;L CCI Detail"/>
      <sheetName val="Drawdown"/>
      <sheetName val="Debt Service"/>
      <sheetName val="Outputs"/>
      <sheetName val="Collection"/>
      <sheetName val="Total Labor Lawsuits"/>
      <sheetName val="Total Labor Escritórios"/>
      <sheetName val="Labor lawsuits audiências"/>
      <sheetName val="Casos Encerrados"/>
      <sheetName val="Casos Estacionamento "/>
      <sheetName val="Banco de Dados"/>
      <sheetName val="reporte iva feb09"/>
      <sheetName val="C3W Summary(1)"/>
      <sheetName val="Orç Anual 2019"/>
      <sheetName val="Lista"/>
      <sheetName val="pousadas"/>
      <sheetName val="sales vol."/>
      <sheetName val="documento fi"/>
      <sheetName val="Depositos_judiciais6"/>
      <sheetName val="TESTE_XLW6"/>
      <sheetName val="Variance_Summary6"/>
      <sheetName val="Mapa_Comercial6"/>
      <sheetName val="Lista_Validação_de_Dados6"/>
      <sheetName val="Aux__Listbox6"/>
      <sheetName val="GSA_Matrix6"/>
      <sheetName val="RESPOSTA_NESTLE5"/>
      <sheetName val="Faturamento_AMM6"/>
      <sheetName val="Descrição_Status6"/>
      <sheetName val="Novo_Mix_abrasce5"/>
      <sheetName val="Descontos_-_Análises5"/>
      <sheetName val="Inadimplência_-_Análises5"/>
      <sheetName val="Categorias_Abrasce5"/>
      <sheetName val="Comercial_35"/>
      <sheetName val="De_Para6"/>
      <sheetName val="Arrend_6"/>
      <sheetName val="T_Bond_e_EMBI_+6"/>
      <sheetName val="TJLP_e_CDI6"/>
      <sheetName val="Damodaran_(Beta_e_ERP)6"/>
      <sheetName val="Data_Table6"/>
      <sheetName val="AE_Reference_Sheet5"/>
      <sheetName val="Fluxo_de_Caixa5"/>
      <sheetName val="Tax_Guide5"/>
      <sheetName val="Size_Premium5"/>
      <sheetName val="DM_Beta175"/>
      <sheetName val="Solicitação_de_documentos5"/>
      <sheetName val="Index_(2)3"/>
      <sheetName val="Inadimplência_II5"/>
      <sheetName val="WACC_VLT3"/>
      <sheetName val="WACC_GRU3"/>
      <sheetName val="Categorias_Abrasce_(7)5"/>
      <sheetName val="Stand_Abrasce5"/>
      <sheetName val="B_-_Book_Principal"/>
      <sheetName val="C_-_Premissas"/>
      <sheetName val="D_-_Backup"/>
      <sheetName val="dre_acum_mensal"/>
      <sheetName val="cif-3"/>
      <sheetName val="TELEMIG_209"/>
      <sheetName val="DIVIN_ARAXA"/>
      <sheetName val="ANALI2001"/>
      <sheetName val="21"/>
      <sheetName val="18"/>
      <sheetName val="base"/>
      <sheetName val="2030"/>
      <sheetName val="2031"/>
      <sheetName val="Quadrimestral PCP CORPORATIVO"/>
      <sheetName val="drop down list"/>
      <sheetName val="drill down box"/>
      <sheetName val="Validation Tab"/>
      <sheetName val="não renováveis"/>
      <sheetName val="Tabs"/>
      <sheetName val="planilha4"/>
      <sheetName val="Folha - Orçamento"/>
      <sheetName val="DIC"/>
      <sheetName val="Resumo"/>
      <sheetName val="Cos and taxes"/>
      <sheetName val="CONS-GS"/>
      <sheetName val="CASH 2000"/>
      <sheetName val="G.G"/>
      <sheetName val="Mapa_Comercial7"/>
      <sheetName val="Lista_Validação_de_Dados7"/>
      <sheetName val="Aux__Listbox7"/>
      <sheetName val="GSA_Matrix7"/>
      <sheetName val="Faturamento_AMM7"/>
      <sheetName val="Descrição_Status7"/>
      <sheetName val="Novo_Mix_abrasce6"/>
      <sheetName val="Descontos_-_Análises6"/>
      <sheetName val="Inadimplência_-_Análises6"/>
      <sheetName val="Categorias_Abrasce6"/>
      <sheetName val="Comercial_36"/>
      <sheetName val="TESTE_XLW7"/>
      <sheetName val="T_Bond_e_EMBI_+7"/>
      <sheetName val="TJLP_e_CDI7"/>
      <sheetName val="Damodaran_(Beta_e_ERP)7"/>
      <sheetName val="Depositos_judiciais7"/>
      <sheetName val="De_Para7"/>
      <sheetName val="Data_Table7"/>
      <sheetName val="Variance_Summary7"/>
      <sheetName val="Arrend_7"/>
      <sheetName val="RESPOSTA_NESTLE6"/>
      <sheetName val="Fluxo_de_Caixa6"/>
      <sheetName val="Solicitação_de_documentos6"/>
      <sheetName val="Tax_Guide6"/>
      <sheetName val="Size_Premium6"/>
      <sheetName val="DM_Beta176"/>
      <sheetName val="Inadimplência_II6"/>
      <sheetName val="AE_Reference_Sheet6"/>
      <sheetName val="Stand_Abrasce6"/>
      <sheetName val="Categorias_Abrasce_(7)6"/>
      <sheetName val="WACC_VLT4"/>
      <sheetName val="WACC_GRU4"/>
      <sheetName val="Index_(2)4"/>
      <sheetName val="Sumário_Executivo_&gt;1"/>
      <sheetName val="Resumo_Operacional1"/>
      <sheetName val="Resumo_Financeiro1"/>
      <sheetName val="FLCX_Aluguel_Sintético1"/>
      <sheetName val="FLCX_Condominio_Sintético1"/>
      <sheetName val="FLCX_FPP_Sintético1"/>
      <sheetName val="Operacional_&gt;1"/>
      <sheetName val="Destaques_vendas1"/>
      <sheetName val="Custo_de_Ocupação1"/>
      <sheetName val="Inadimplência_I1"/>
      <sheetName val="Comercial_21"/>
      <sheetName val="Infos_Compl_&gt;1"/>
      <sheetName val="Marketing_I1"/>
      <sheetName val="Marketing_II1"/>
      <sheetName val="Marketing_III1"/>
      <sheetName val="Marketing_IV1"/>
      <sheetName val="Apêndice_&gt;1"/>
      <sheetName val="FLCX_Aluguel_20191"/>
      <sheetName val="FLCX_Cond_20191"/>
      <sheetName val="FLCX_FPP_20191"/>
      <sheetName val="FLCX_Estacionamento_Sintético1"/>
      <sheetName val="CTO_&amp;_Vendas1"/>
      <sheetName val="Inputs_&gt;1"/>
      <sheetName val="planilha_leasing_mall1"/>
      <sheetName val="FLCX_Aluguel_Real1"/>
      <sheetName val="FLCX_Cond_Real1"/>
      <sheetName val="FLCX_FPP_Real1"/>
      <sheetName val="Vendas_Lado_a_Lado1"/>
      <sheetName val="Aluguel_Lado_a_Lado1"/>
      <sheetName val="Complementar_Lado_a_Lado1"/>
      <sheetName val="Al_%_Lado_a_Lado1"/>
      <sheetName val="EC_Lado_a_Lado1"/>
      <sheetName val="FPP_Lado_a_Lado1"/>
      <sheetName val="Mapa_de_Faturamento1"/>
      <sheetName val="Receita_de_Encargo_V_S1"/>
      <sheetName val="Vendas_-_Análises1"/>
      <sheetName val="Aluguel_-_Análises1"/>
      <sheetName val="Al_%_-_Análises1"/>
      <sheetName val="Complementar_-_Análises1"/>
      <sheetName val="FPP_-_Análises1"/>
      <sheetName val="EC_-_Análises1"/>
      <sheetName val="CTO_-_Análises1"/>
      <sheetName val="MF_-_Análises1"/>
      <sheetName val="Comercial_-_Análises1"/>
      <sheetName val="Encargo_Empreendedor_-_Análise1"/>
      <sheetName val="FLCX_Aluguel_20181"/>
      <sheetName val="FLCX_Aluguel_Orç1"/>
      <sheetName val="FLCX_Aluguel_Forecast1"/>
      <sheetName val="FLCX_Cond_20181"/>
      <sheetName val="FLCX_Cond_Orç1"/>
      <sheetName val="FLCX_Cond_Forecast1"/>
      <sheetName val="FLCX_FPP_20181"/>
      <sheetName val="FLCX_FPP_Orç1"/>
      <sheetName val="FLCX_FPP_Forecast1"/>
      <sheetName val="Aux__Gráficos1"/>
      <sheetName val="2__Entity_Names2"/>
      <sheetName val="2015_Budget1"/>
      <sheetName val="Total_station_cost1"/>
      <sheetName val="Calculo_global_Depr_1"/>
      <sheetName val="Apl_Financ_1"/>
      <sheetName val="HANDLING_-_VALORES1"/>
      <sheetName val="Movimentação_AF_20041"/>
      <sheetName val="Movimentação_AF_20051"/>
      <sheetName val="Movimentação_AF_20061"/>
      <sheetName val="Mov__Aplic__Financeira_31_10_01"/>
      <sheetName val="Mov__Aplic__Financeira_31_12_01"/>
      <sheetName val="Reconciliações_Setembro1"/>
      <sheetName val="12_20181"/>
      <sheetName val="Imob_custo1"/>
      <sheetName val="BEA_Opened1"/>
      <sheetName val="Branch_Accounts1"/>
      <sheetName val="2015_Daily_Products1"/>
      <sheetName val="Premissas_Gerais1"/>
      <sheetName val="Balanço_Geral1"/>
      <sheetName val="GSB_-_PWR_Gestão1"/>
      <sheetName val="Validações_de_dados1"/>
      <sheetName val="07_08_2019_(3)1"/>
      <sheetName val="07_08_2019_(2)1"/>
      <sheetName val="07_08_20191"/>
      <sheetName val="05_08_2019_PWR1"/>
      <sheetName val="20_05_2019_PWR1"/>
      <sheetName val="15_07_2019_Floripa1"/>
      <sheetName val="31_05_2019_Floripa1"/>
      <sheetName val="Total_Labor_Lawsuits"/>
      <sheetName val="Total_Labor_Escritórios"/>
      <sheetName val="Labor_lawsuits_audiências"/>
      <sheetName val="Casos_Encerrados"/>
      <sheetName val="Casos_Estacionamento_"/>
      <sheetName val="Banco_de_Dados"/>
      <sheetName val="reporte_iva_feb09"/>
      <sheetName val="Mapa_Comercial8"/>
      <sheetName val="Lista_Validação_de_Dados8"/>
      <sheetName val="Aux__Listbox8"/>
      <sheetName val="GSA_Matrix8"/>
      <sheetName val="Faturamento_AMM8"/>
      <sheetName val="Descrição_Status8"/>
      <sheetName val="Novo_Mix_abrasce7"/>
      <sheetName val="Descontos_-_Análises7"/>
      <sheetName val="Inadimplência_-_Análises7"/>
      <sheetName val="Categorias_Abrasce7"/>
      <sheetName val="Comercial_37"/>
      <sheetName val="TESTE_XLW8"/>
      <sheetName val="T_Bond_e_EMBI_+8"/>
      <sheetName val="TJLP_e_CDI8"/>
      <sheetName val="Damodaran_(Beta_e_ERP)8"/>
      <sheetName val="Depositos_judiciais8"/>
      <sheetName val="De_Para8"/>
      <sheetName val="Data_Table8"/>
      <sheetName val="Variance_Summary8"/>
      <sheetName val="Arrend_8"/>
      <sheetName val="RESPOSTA_NESTLE7"/>
      <sheetName val="Fluxo_de_Caixa7"/>
      <sheetName val="Solicitação_de_documentos7"/>
      <sheetName val="Tax_Guide7"/>
      <sheetName val="Size_Premium7"/>
      <sheetName val="DM_Beta177"/>
      <sheetName val="Inadimplência_II7"/>
      <sheetName val="AE_Reference_Sheet7"/>
      <sheetName val="Stand_Abrasce7"/>
      <sheetName val="Categorias_Abrasce_(7)7"/>
      <sheetName val="WACC_VLT5"/>
      <sheetName val="WACC_GRU5"/>
      <sheetName val="Index_(2)5"/>
      <sheetName val="Sumário_Executivo_&gt;2"/>
      <sheetName val="Resumo_Operacional2"/>
      <sheetName val="Resumo_Financeiro2"/>
      <sheetName val="FLCX_Aluguel_Sintético2"/>
      <sheetName val="FLCX_Condominio_Sintético2"/>
      <sheetName val="FLCX_FPP_Sintético2"/>
      <sheetName val="Operacional_&gt;2"/>
      <sheetName val="Destaques_vendas2"/>
      <sheetName val="Custo_de_Ocupação2"/>
      <sheetName val="Inadimplência_I2"/>
      <sheetName val="Comercial_22"/>
      <sheetName val="Infos_Compl_&gt;2"/>
      <sheetName val="Marketing_I2"/>
      <sheetName val="Marketing_II2"/>
      <sheetName val="Marketing_III2"/>
      <sheetName val="Marketing_IV2"/>
      <sheetName val="Apêndice_&gt;2"/>
      <sheetName val="FLCX_Aluguel_20192"/>
      <sheetName val="FLCX_Cond_20192"/>
      <sheetName val="FLCX_FPP_20192"/>
      <sheetName val="FLCX_Estacionamento_Sintético2"/>
      <sheetName val="CTO_&amp;_Vendas2"/>
      <sheetName val="Inputs_&gt;2"/>
      <sheetName val="planilha_leasing_mall2"/>
      <sheetName val="FLCX_Aluguel_Real2"/>
      <sheetName val="FLCX_Cond_Real2"/>
      <sheetName val="FLCX_FPP_Real2"/>
      <sheetName val="Vendas_Lado_a_Lado2"/>
      <sheetName val="Aluguel_Lado_a_Lado2"/>
      <sheetName val="Complementar_Lado_a_Lado2"/>
      <sheetName val="Al_%_Lado_a_Lado2"/>
      <sheetName val="EC_Lado_a_Lado2"/>
      <sheetName val="FPP_Lado_a_Lado2"/>
      <sheetName val="Mapa_de_Faturamento2"/>
      <sheetName val="Receita_de_Encargo_V_S2"/>
      <sheetName val="Vendas_-_Análises2"/>
      <sheetName val="Aluguel_-_Análises2"/>
      <sheetName val="Al_%_-_Análises2"/>
      <sheetName val="Complementar_-_Análises2"/>
      <sheetName val="FPP_-_Análises2"/>
      <sheetName val="EC_-_Análises2"/>
      <sheetName val="CTO_-_Análises2"/>
      <sheetName val="MF_-_Análises2"/>
      <sheetName val="Comercial_-_Análises2"/>
      <sheetName val="Encargo_Empreendedor_-_Análise2"/>
      <sheetName val="FLCX_Aluguel_20182"/>
      <sheetName val="FLCX_Aluguel_Orç2"/>
      <sheetName val="FLCX_Aluguel_Forecast2"/>
      <sheetName val="FLCX_Cond_20182"/>
      <sheetName val="FLCX_Cond_Orç2"/>
      <sheetName val="FLCX_Cond_Forecast2"/>
      <sheetName val="FLCX_FPP_20182"/>
      <sheetName val="FLCX_FPP_Orç2"/>
      <sheetName val="FLCX_FPP_Forecast2"/>
      <sheetName val="Aux__Gráficos2"/>
      <sheetName val="2__Entity_Names3"/>
      <sheetName val="2015_Budget2"/>
      <sheetName val="Total_station_cost2"/>
      <sheetName val="Calculo_global_Depr_2"/>
      <sheetName val="Apl_Financ_2"/>
      <sheetName val="HANDLING_-_VALORES2"/>
      <sheetName val="Movimentação_AF_20042"/>
      <sheetName val="Movimentação_AF_20052"/>
      <sheetName val="Movimentação_AF_20062"/>
      <sheetName val="Mov__Aplic__Financeira_31_10_02"/>
      <sheetName val="Mov__Aplic__Financeira_31_12_02"/>
      <sheetName val="Reconciliações_Setembro2"/>
      <sheetName val="12_20182"/>
      <sheetName val="Imob_custo2"/>
      <sheetName val="BEA_Opened2"/>
      <sheetName val="Branch_Accounts2"/>
      <sheetName val="2015_Daily_Products2"/>
      <sheetName val="Premissas_Gerais2"/>
      <sheetName val="Balanço_Geral2"/>
      <sheetName val="GSB_-_PWR_Gestão2"/>
      <sheetName val="Validações_de_dados2"/>
      <sheetName val="07_08_2019_(3)2"/>
      <sheetName val="07_08_2019_(2)2"/>
      <sheetName val="07_08_20192"/>
      <sheetName val="05_08_2019_PWR2"/>
      <sheetName val="20_05_2019_PWR2"/>
      <sheetName val="15_07_2019_Floripa2"/>
      <sheetName val="31_05_2019_Floripa2"/>
      <sheetName val="B_-_Book_Principal1"/>
      <sheetName val="C_-_Premissas1"/>
      <sheetName val="D_-_Backup1"/>
      <sheetName val="Total_Labor_Lawsuits1"/>
      <sheetName val="Total_Labor_Escritórios1"/>
      <sheetName val="Labor_lawsuits_audiências1"/>
      <sheetName val="Casos_Encerrados1"/>
      <sheetName val="Casos_Estacionamento_1"/>
      <sheetName val="Banco_de_Dados1"/>
      <sheetName val="reporte_iva_feb091"/>
      <sheetName val="blue_life_trabalhista"/>
      <sheetName val="pl atual"/>
      <sheetName val="ICATU"/>
      <sheetName val="4-rcdp-2001"/>
      <sheetName val="Links"/>
      <sheetName val="DIF FAT FEV 01"/>
      <sheetName val="Ref"/>
      <sheetName val="TD"/>
      <sheetName val="hcb2001"/>
      <sheetName val="dados blp"/>
      <sheetName val="ACUMULADO ATÉ OUTUBRO"/>
      <sheetName val="User Guide"/>
      <sheetName val="Menu"/>
      <sheetName val="Macro Tables"/>
      <sheetName val="Print"/>
      <sheetName val="Exec Summ Grph"/>
      <sheetName val="Model"/>
      <sheetName val="AIRC"/>
      <sheetName val="Gross_Rec"/>
      <sheetName val="Total CA QREs"/>
      <sheetName val="CA Wages"/>
      <sheetName val="QRE's"/>
      <sheetName val="QRE Charts"/>
      <sheetName val="Comparison"/>
      <sheetName val="Sens_Model"/>
      <sheetName val="Sens_G_R"/>
      <sheetName val="Sen_GR_Factor"/>
      <sheetName val="Sens_QRE's"/>
      <sheetName val="Sens_QRE_Factor"/>
      <sheetName val="ORIGINAL CLAIM"/>
      <sheetName val="PHASE II"/>
      <sheetName val="B_U_3"/>
      <sheetName val="B_U_4"/>
      <sheetName val="B_U_5"/>
      <sheetName val="B_U_6"/>
      <sheetName val="B_U_7"/>
      <sheetName val="B_U_8"/>
      <sheetName val="B_U_9"/>
      <sheetName val="B_U_10"/>
      <sheetName val="B_U_11"/>
      <sheetName val="B_U_12"/>
      <sheetName val="B_U_13"/>
      <sheetName val="B_U_14"/>
      <sheetName val="B_U_15"/>
      <sheetName val="B_U_16"/>
      <sheetName val="B_U_17"/>
      <sheetName val="B_U_18"/>
      <sheetName val="B_U_19"/>
      <sheetName val="B_U_20"/>
      <sheetName val="B_U_21"/>
      <sheetName val="B_U_22"/>
      <sheetName val="B_U_23"/>
      <sheetName val="Local"/>
      <sheetName val="Exhibits"/>
      <sheetName val="Cover"/>
      <sheetName val="S"/>
      <sheetName val="Wireless"/>
      <sheetName val="GMG"/>
      <sheetName val="Valuation"/>
      <sheetName val="Hist Inputs"/>
      <sheetName val="Cadastro_Contas"/>
      <sheetName val="sps"/>
      <sheetName val="Dados Gerenciais"/>
      <sheetName val="Non-Statistical Sampling Master"/>
      <sheetName val="índices"/>
      <sheetName val="documento_fi"/>
      <sheetName val="Total"/>
      <sheetName val="Analises"/>
      <sheetName val="Balances"/>
      <sheetName val="Link"/>
      <sheetName val="COTAÇÕES"/>
      <sheetName val="Carteira- Dez21"/>
      <sheetName val="Q2_4"/>
      <sheetName val="Q2_15"/>
      <sheetName val="Q2_2"/>
      <sheetName val="ppw coa"/>
      <sheetName val="DRE_Brasil"/>
      <sheetName val="Annual CF"/>
      <sheetName val="Escala de Plantão"/>
      <sheetName val="Base Dados"/>
      <sheetName val="Mapa_de_movimentação_"/>
      <sheetName val="Mapa_de_movimentação_1"/>
      <sheetName val="blue_life_trabalhista1"/>
      <sheetName val="Mapa_de_movimentação_2"/>
      <sheetName val="blue_life_trabalhista2"/>
      <sheetName val="2__Entity_Names4"/>
      <sheetName val="Sumário_Executivo_&gt;3"/>
      <sheetName val="Resumo_Operacional3"/>
      <sheetName val="Resumo_Financeiro3"/>
      <sheetName val="FLCX_Aluguel_Sintético3"/>
      <sheetName val="FLCX_Condominio_Sintético3"/>
      <sheetName val="FLCX_FPP_Sintético3"/>
      <sheetName val="Operacional_&gt;3"/>
      <sheetName val="Destaques_vendas3"/>
      <sheetName val="Custo_de_Ocupação3"/>
      <sheetName val="Inadimplência_I3"/>
      <sheetName val="Comercial_23"/>
      <sheetName val="Infos_Compl_&gt;3"/>
      <sheetName val="Marketing_I3"/>
      <sheetName val="Marketing_II3"/>
      <sheetName val="Marketing_III3"/>
      <sheetName val="Marketing_IV3"/>
      <sheetName val="Apêndice_&gt;3"/>
      <sheetName val="FLCX_Aluguel_20193"/>
      <sheetName val="FLCX_Cond_20193"/>
      <sheetName val="FLCX_FPP_20193"/>
      <sheetName val="FLCX_Estacionamento_Sintético3"/>
      <sheetName val="CTO_&amp;_Vendas3"/>
      <sheetName val="Inputs_&gt;3"/>
      <sheetName val="planilha_leasing_mall3"/>
      <sheetName val="FLCX_Aluguel_Real3"/>
      <sheetName val="FLCX_Cond_Real3"/>
      <sheetName val="FLCX_FPP_Real3"/>
      <sheetName val="Vendas_Lado_a_Lado3"/>
      <sheetName val="Aluguel_Lado_a_Lado3"/>
      <sheetName val="Complementar_Lado_a_Lado3"/>
      <sheetName val="Al_%_Lado_a_Lado3"/>
      <sheetName val="EC_Lado_a_Lado3"/>
      <sheetName val="FPP_Lado_a_Lado3"/>
      <sheetName val="Mapa_de_Faturamento3"/>
      <sheetName val="Receita_de_Encargo_V_S3"/>
      <sheetName val="Vendas_-_Análises3"/>
      <sheetName val="Aluguel_-_Análises3"/>
      <sheetName val="Al_%_-_Análises3"/>
      <sheetName val="Complementar_-_Análises3"/>
      <sheetName val="FPP_-_Análises3"/>
      <sheetName val="EC_-_Análises3"/>
      <sheetName val="CTO_-_Análises3"/>
      <sheetName val="MF_-_Análises3"/>
      <sheetName val="Comercial_-_Análises3"/>
      <sheetName val="Encargo_Empreendedor_-_Análise3"/>
      <sheetName val="FLCX_Aluguel_20183"/>
      <sheetName val="FLCX_Aluguel_Orç3"/>
      <sheetName val="FLCX_Aluguel_Forecast3"/>
      <sheetName val="FLCX_Cond_20183"/>
      <sheetName val="FLCX_Cond_Orç3"/>
      <sheetName val="FLCX_Cond_Forecast3"/>
      <sheetName val="FLCX_FPP_20183"/>
      <sheetName val="FLCX_FPP_Orç3"/>
      <sheetName val="FLCX_FPP_Forecast3"/>
      <sheetName val="Aux__Gráficos3"/>
      <sheetName val="2015_Budget3"/>
      <sheetName val="Total_station_cost3"/>
      <sheetName val="Calculo_global_Depr_3"/>
      <sheetName val="Apl_Financ_3"/>
      <sheetName val="HANDLING_-_VALORES3"/>
      <sheetName val="Movimentação_AF_20043"/>
      <sheetName val="Movimentação_AF_20053"/>
      <sheetName val="Movimentação_AF_20063"/>
      <sheetName val="Mov__Aplic__Financeira_31_10_03"/>
      <sheetName val="Mov__Aplic__Financeira_31_12_03"/>
      <sheetName val="Reconciliações_Setembro3"/>
      <sheetName val="12_20183"/>
      <sheetName val="Mapa_de_movimentação_3"/>
      <sheetName val="BEA_Opened3"/>
      <sheetName val="Imob_custo3"/>
      <sheetName val="Branch_Accounts3"/>
      <sheetName val="2015_Daily_Products3"/>
      <sheetName val="Balanço_Geral3"/>
      <sheetName val="GSB_-_PWR_Gestão3"/>
      <sheetName val="Validações_de_dados3"/>
      <sheetName val="07_08_2019_(3)3"/>
      <sheetName val="07_08_2019_(2)3"/>
      <sheetName val="07_08_20193"/>
      <sheetName val="05_08_2019_PWR3"/>
      <sheetName val="20_05_2019_PWR3"/>
      <sheetName val="15_07_2019_Floripa3"/>
      <sheetName val="31_05_2019_Floripa3"/>
      <sheetName val="Premissas_Gerais3"/>
      <sheetName val="blue_life_trabalhista3"/>
    </sheetNames>
    <sheetDataSet>
      <sheetData sheetId="0">
        <row r="4">
          <cell r="AR4">
            <v>0</v>
          </cell>
          <cell r="AY4">
            <v>0</v>
          </cell>
          <cell r="BG4">
            <v>0</v>
          </cell>
        </row>
        <row r="5">
          <cell r="AQ5">
            <v>35643</v>
          </cell>
          <cell r="AR5">
            <v>7.4666666666667325E-4</v>
          </cell>
          <cell r="AY5">
            <v>9.2302012183909099E-5</v>
          </cell>
          <cell r="BG5">
            <v>-4.762274704785581E-2</v>
          </cell>
        </row>
        <row r="6">
          <cell r="AQ6">
            <v>35646</v>
          </cell>
          <cell r="AR6">
            <v>1.4905550222221731E-3</v>
          </cell>
          <cell r="AY6">
            <v>9.2302012183909099E-5</v>
          </cell>
          <cell r="BG6">
            <v>-6.6500932256059658E-2</v>
          </cell>
        </row>
        <row r="7">
          <cell r="AQ7">
            <v>35647</v>
          </cell>
          <cell r="AR7">
            <v>2.2349963347887414E-3</v>
          </cell>
          <cell r="AY7">
            <v>8.3071810965495985E-4</v>
          </cell>
          <cell r="BG7">
            <v>-7.4891236793039148E-2</v>
          </cell>
        </row>
        <row r="8">
          <cell r="AQ8">
            <v>35648</v>
          </cell>
          <cell r="AR8">
            <v>2.9766502320764943E-3</v>
          </cell>
          <cell r="AY8">
            <v>1.015322134022556E-3</v>
          </cell>
          <cell r="BG8">
            <v>-2.711311373523928E-2</v>
          </cell>
        </row>
        <row r="9">
          <cell r="AQ9">
            <v>35649</v>
          </cell>
          <cell r="AR9">
            <v>3.722196208749029E-3</v>
          </cell>
          <cell r="AY9">
            <v>1.5691342071257885E-3</v>
          </cell>
          <cell r="BG9">
            <v>-2.7579241765071472E-2</v>
          </cell>
        </row>
        <row r="10">
          <cell r="AQ10">
            <v>35650</v>
          </cell>
        </row>
        <row r="11">
          <cell r="AQ11">
            <v>35653</v>
          </cell>
        </row>
        <row r="12">
          <cell r="AQ12">
            <v>35654</v>
          </cell>
        </row>
        <row r="13">
          <cell r="AQ13">
            <v>35655</v>
          </cell>
        </row>
        <row r="14">
          <cell r="AQ14">
            <v>35656</v>
          </cell>
        </row>
        <row r="15">
          <cell r="AQ15">
            <v>35657</v>
          </cell>
        </row>
        <row r="16">
          <cell r="AQ16">
            <v>35660</v>
          </cell>
        </row>
        <row r="17">
          <cell r="AQ17">
            <v>35661</v>
          </cell>
        </row>
        <row r="18">
          <cell r="AQ18">
            <v>35662</v>
          </cell>
        </row>
        <row r="19">
          <cell r="AQ19">
            <v>35663</v>
          </cell>
        </row>
        <row r="20">
          <cell r="AQ20">
            <v>35664</v>
          </cell>
        </row>
        <row r="21">
          <cell r="AQ21">
            <v>35667</v>
          </cell>
        </row>
        <row r="22">
          <cell r="AQ22">
            <v>35668</v>
          </cell>
        </row>
        <row r="23">
          <cell r="AQ23">
            <v>35669</v>
          </cell>
        </row>
        <row r="24">
          <cell r="AQ24">
            <v>35670</v>
          </cell>
        </row>
        <row r="25">
          <cell r="AQ25">
            <v>35671</v>
          </cell>
        </row>
        <row r="131">
          <cell r="Q131">
            <v>34515</v>
          </cell>
          <cell r="V131">
            <v>100</v>
          </cell>
          <cell r="W131">
            <v>100</v>
          </cell>
          <cell r="X131">
            <v>107.08333333333333</v>
          </cell>
        </row>
        <row r="132">
          <cell r="B132">
            <v>34519</v>
          </cell>
          <cell r="C132">
            <v>34519</v>
          </cell>
          <cell r="E132">
            <v>1.0039800000000001</v>
          </cell>
          <cell r="H132">
            <v>0.94</v>
          </cell>
          <cell r="Q132">
            <v>34519</v>
          </cell>
          <cell r="V132">
            <v>101.77536231884056</v>
          </cell>
          <cell r="W132">
            <v>100.36366666666669</v>
          </cell>
          <cell r="X132">
            <v>107.08333333333333</v>
          </cell>
        </row>
        <row r="133">
          <cell r="B133">
            <v>6</v>
          </cell>
          <cell r="C133">
            <v>34520</v>
          </cell>
          <cell r="E133">
            <v>1.0079925734000001</v>
          </cell>
          <cell r="H133">
            <v>0.93200000000000005</v>
          </cell>
          <cell r="Q133">
            <v>34520</v>
          </cell>
          <cell r="V133">
            <v>101.77536231884056</v>
          </cell>
          <cell r="W133">
            <v>100.76311406000004</v>
          </cell>
          <cell r="X133">
            <v>107.08333333333333</v>
          </cell>
        </row>
        <row r="134">
          <cell r="C134">
            <v>34521</v>
          </cell>
          <cell r="E134">
            <v>1.0120245436936002</v>
          </cell>
          <cell r="H134">
            <v>0.91500000000000004</v>
          </cell>
          <cell r="Q134">
            <v>34521</v>
          </cell>
          <cell r="V134">
            <v>101.77536231884056</v>
          </cell>
          <cell r="W134">
            <v>101.16583063919316</v>
          </cell>
          <cell r="X134">
            <v>107.08333333333333</v>
          </cell>
        </row>
        <row r="135">
          <cell r="C135">
            <v>34522</v>
          </cell>
          <cell r="E135">
            <v>1.0160422811320637</v>
          </cell>
          <cell r="H135">
            <v>0.91</v>
          </cell>
          <cell r="Q135">
            <v>34522</v>
          </cell>
          <cell r="V135">
            <v>101.77536231884056</v>
          </cell>
          <cell r="W135">
            <v>101.57049396174995</v>
          </cell>
          <cell r="X135">
            <v>107.08333333333333</v>
          </cell>
        </row>
        <row r="136">
          <cell r="C136">
            <v>34523</v>
          </cell>
          <cell r="E136">
            <v>1.0199946856056674</v>
          </cell>
          <cell r="H136">
            <v>0.92</v>
          </cell>
          <cell r="Q136">
            <v>34523</v>
          </cell>
          <cell r="V136">
            <v>101.77536231884056</v>
          </cell>
          <cell r="W136">
            <v>101.9737288227781</v>
          </cell>
          <cell r="X136">
            <v>107.08333333333333</v>
          </cell>
        </row>
        <row r="137">
          <cell r="C137">
            <v>34526</v>
          </cell>
          <cell r="E137">
            <v>1.0238264656412592</v>
          </cell>
          <cell r="H137">
            <v>0.92500000000000004</v>
          </cell>
          <cell r="Q137">
            <v>34526</v>
          </cell>
          <cell r="V137">
            <v>101.77536231884056</v>
          </cell>
          <cell r="W137">
            <v>102.37040662789869</v>
          </cell>
          <cell r="X137">
            <v>107.08333333333333</v>
          </cell>
        </row>
        <row r="138">
          <cell r="C138">
            <v>34527</v>
          </cell>
          <cell r="E138">
            <v>1.0277170062106959</v>
          </cell>
          <cell r="H138">
            <v>0.92</v>
          </cell>
          <cell r="Q138">
            <v>34527</v>
          </cell>
          <cell r="V138">
            <v>101.77536231884056</v>
          </cell>
          <cell r="W138">
            <v>102.75497812213081</v>
          </cell>
          <cell r="X138">
            <v>107.08333333333333</v>
          </cell>
        </row>
        <row r="139">
          <cell r="C139">
            <v>34528</v>
          </cell>
          <cell r="E139">
            <v>1.0316257565576508</v>
          </cell>
          <cell r="H139">
            <v>0.92</v>
          </cell>
          <cell r="Q139">
            <v>34528</v>
          </cell>
          <cell r="V139">
            <v>101.77536231884056</v>
          </cell>
          <cell r="W139">
            <v>103.1454470389949</v>
          </cell>
          <cell r="X139">
            <v>107.08333333333333</v>
          </cell>
        </row>
        <row r="140">
          <cell r="C140">
            <v>34529</v>
          </cell>
          <cell r="E140">
            <v>1.03549091439222</v>
          </cell>
          <cell r="H140">
            <v>0.92500000000000004</v>
          </cell>
          <cell r="Q140">
            <v>34529</v>
          </cell>
          <cell r="V140">
            <v>101.77536231884056</v>
          </cell>
          <cell r="W140">
            <v>103.53774355589988</v>
          </cell>
          <cell r="X140">
            <v>107.08333333333333</v>
          </cell>
        </row>
        <row r="141">
          <cell r="B141">
            <v>34530</v>
          </cell>
          <cell r="C141">
            <v>34530</v>
          </cell>
          <cell r="E141">
            <v>1.0390391965922039</v>
          </cell>
          <cell r="H141">
            <v>0.93500000000000005</v>
          </cell>
          <cell r="Q141">
            <v>34530</v>
          </cell>
          <cell r="V141">
            <v>101.77536231884056</v>
          </cell>
          <cell r="W141">
            <v>103.92566496842264</v>
          </cell>
          <cell r="X141">
            <v>107.08333333333333</v>
          </cell>
        </row>
        <row r="142">
          <cell r="C142">
            <v>34533</v>
          </cell>
          <cell r="E142">
            <v>1.0424922701888786</v>
          </cell>
          <cell r="H142">
            <v>0.93500000000000005</v>
          </cell>
          <cell r="Q142">
            <v>34533</v>
          </cell>
          <cell r="V142">
            <v>101.77536231884056</v>
          </cell>
          <cell r="W142">
            <v>104.2817835803811</v>
          </cell>
          <cell r="X142">
            <v>107.08333333333333</v>
          </cell>
        </row>
        <row r="143">
          <cell r="C143">
            <v>34534</v>
          </cell>
          <cell r="E143">
            <v>1.046012419087883</v>
          </cell>
          <cell r="H143">
            <v>0.93100000000000005</v>
          </cell>
          <cell r="Q143">
            <v>34534</v>
          </cell>
          <cell r="V143">
            <v>101.77536231884056</v>
          </cell>
          <cell r="W143">
            <v>104.62834670781324</v>
          </cell>
          <cell r="X143">
            <v>107.08333333333333</v>
          </cell>
        </row>
        <row r="144">
          <cell r="C144">
            <v>34535</v>
          </cell>
          <cell r="E144">
            <v>1.0495200473998911</v>
          </cell>
          <cell r="H144">
            <v>0.93200000000000005</v>
          </cell>
          <cell r="Q144">
            <v>34535</v>
          </cell>
          <cell r="V144">
            <v>101.77536231884056</v>
          </cell>
          <cell r="W144">
            <v>104.98164175852993</v>
          </cell>
          <cell r="X144">
            <v>107.08333333333333</v>
          </cell>
        </row>
        <row r="145">
          <cell r="C145">
            <v>34536</v>
          </cell>
          <cell r="E145">
            <v>1.0524202211308726</v>
          </cell>
          <cell r="H145">
            <v>0.93200000000000005</v>
          </cell>
          <cell r="Q145">
            <v>34536</v>
          </cell>
          <cell r="V145">
            <v>101.77536231884056</v>
          </cell>
          <cell r="W145">
            <v>105.33368019722687</v>
          </cell>
          <cell r="X145">
            <v>107.08333333333333</v>
          </cell>
        </row>
        <row r="146">
          <cell r="C146">
            <v>34537</v>
          </cell>
          <cell r="E146">
            <v>1.0549249812571642</v>
          </cell>
          <cell r="H146">
            <v>0.93500000000000005</v>
          </cell>
          <cell r="Q146">
            <v>34537</v>
          </cell>
          <cell r="V146">
            <v>101.77536231884056</v>
          </cell>
          <cell r="W146">
            <v>105.62475226683853</v>
          </cell>
          <cell r="X146">
            <v>107.08333333333333</v>
          </cell>
        </row>
        <row r="147">
          <cell r="C147">
            <v>34540</v>
          </cell>
          <cell r="E147">
            <v>1.0575095474612444</v>
          </cell>
          <cell r="H147">
            <v>0.93600000000000005</v>
          </cell>
          <cell r="Q147">
            <v>34540</v>
          </cell>
          <cell r="V147">
            <v>102.60869565217391</v>
          </cell>
          <cell r="W147">
            <v>105.87613917723361</v>
          </cell>
          <cell r="X147">
            <v>107.08333333333333</v>
          </cell>
        </row>
        <row r="148">
          <cell r="C148">
            <v>34541</v>
          </cell>
          <cell r="E148">
            <v>1.0599841198023037</v>
          </cell>
          <cell r="H148">
            <v>0.93400000000000005</v>
          </cell>
          <cell r="Q148">
            <v>34541</v>
          </cell>
          <cell r="V148">
            <v>103.44202898550724</v>
          </cell>
          <cell r="W148">
            <v>106.13553571821784</v>
          </cell>
          <cell r="X148">
            <v>107.08333333333333</v>
          </cell>
        </row>
        <row r="149">
          <cell r="C149">
            <v>34542</v>
          </cell>
          <cell r="E149">
            <v>1.0625846141762187</v>
          </cell>
          <cell r="H149">
            <v>0.93600000000000005</v>
          </cell>
          <cell r="Q149">
            <v>34542</v>
          </cell>
          <cell r="V149">
            <v>104.29347826086956</v>
          </cell>
          <cell r="W149">
            <v>106.38389287179847</v>
          </cell>
          <cell r="X149">
            <v>107.08333333333333</v>
          </cell>
        </row>
        <row r="150">
          <cell r="C150">
            <v>34543</v>
          </cell>
          <cell r="E150">
            <v>1.0648124999172748</v>
          </cell>
          <cell r="H150">
            <v>0.94</v>
          </cell>
          <cell r="Q150">
            <v>34543</v>
          </cell>
          <cell r="V150">
            <v>105.14492753623189</v>
          </cell>
          <cell r="W150">
            <v>106.64488802231062</v>
          </cell>
          <cell r="X150">
            <v>107.08333333333333</v>
          </cell>
        </row>
        <row r="151">
          <cell r="B151">
            <v>34544</v>
          </cell>
          <cell r="C151">
            <v>34544</v>
          </cell>
          <cell r="E151">
            <v>1.0667646561671231</v>
          </cell>
          <cell r="H151">
            <v>0.94</v>
          </cell>
          <cell r="Q151">
            <v>34544</v>
          </cell>
          <cell r="V151">
            <v>106.10507246376811</v>
          </cell>
          <cell r="W151">
            <v>106.8684868041974</v>
          </cell>
          <cell r="X151">
            <v>107.08333333333333</v>
          </cell>
        </row>
        <row r="152">
          <cell r="B152">
            <v>1.0416000000000001</v>
          </cell>
          <cell r="H152">
            <v>0.93200000000000005</v>
          </cell>
          <cell r="Q152">
            <v>34547</v>
          </cell>
          <cell r="X152">
            <v>107.08333333333333</v>
          </cell>
        </row>
        <row r="153">
          <cell r="H153">
            <v>0.91900000000000004</v>
          </cell>
        </row>
        <row r="154">
          <cell r="H154">
            <v>0.91</v>
          </cell>
        </row>
        <row r="155">
          <cell r="H155">
            <v>0.91</v>
          </cell>
        </row>
        <row r="156">
          <cell r="H156">
            <v>0.91200000000000003</v>
          </cell>
        </row>
        <row r="157">
          <cell r="H157">
            <v>0.90600000000000003</v>
          </cell>
        </row>
        <row r="158">
          <cell r="H158">
            <v>0.89100000000000001</v>
          </cell>
        </row>
        <row r="159">
          <cell r="H159">
            <v>0.89200000000000002</v>
          </cell>
        </row>
        <row r="160">
          <cell r="H160">
            <v>0.89400000000000002</v>
          </cell>
        </row>
        <row r="161">
          <cell r="H161">
            <v>0.90600000000000003</v>
          </cell>
        </row>
        <row r="162">
          <cell r="B162">
            <v>34561</v>
          </cell>
          <cell r="H162">
            <v>0.89400000000000002</v>
          </cell>
        </row>
        <row r="163">
          <cell r="H163">
            <v>0.89600000000000002</v>
          </cell>
        </row>
        <row r="164">
          <cell r="H164">
            <v>0.90100000000000002</v>
          </cell>
        </row>
        <row r="165">
          <cell r="H165">
            <v>0.89700000000000002</v>
          </cell>
        </row>
        <row r="166">
          <cell r="H166">
            <v>0.89400000000000002</v>
          </cell>
        </row>
        <row r="167">
          <cell r="H167">
            <v>0.88700000000000001</v>
          </cell>
        </row>
        <row r="168">
          <cell r="H168">
            <v>0.88800000000000001</v>
          </cell>
        </row>
        <row r="169">
          <cell r="H169">
            <v>0.88400000000000001</v>
          </cell>
        </row>
        <row r="170">
          <cell r="H170">
            <v>0.88800000000000001</v>
          </cell>
        </row>
        <row r="171">
          <cell r="H171">
            <v>0.88600000000000001</v>
          </cell>
        </row>
        <row r="172">
          <cell r="H172">
            <v>0.89600000000000002</v>
          </cell>
        </row>
        <row r="173">
          <cell r="H173">
            <v>0.88700000000000001</v>
          </cell>
        </row>
        <row r="174">
          <cell r="B174">
            <v>34577</v>
          </cell>
          <cell r="H174">
            <v>0.89</v>
          </cell>
        </row>
        <row r="175">
          <cell r="B175">
            <v>1.0383</v>
          </cell>
          <cell r="H175">
            <v>0.88500000000000001</v>
          </cell>
        </row>
        <row r="176">
          <cell r="H176">
            <v>0.88700000000000001</v>
          </cell>
        </row>
        <row r="177">
          <cell r="H177">
            <v>0.89200000000000002</v>
          </cell>
        </row>
        <row r="178">
          <cell r="H178">
            <v>0.88600000000000001</v>
          </cell>
        </row>
        <row r="179">
          <cell r="H179">
            <v>0.88100000000000001</v>
          </cell>
        </row>
        <row r="180">
          <cell r="H180">
            <v>0.872</v>
          </cell>
        </row>
        <row r="181">
          <cell r="H181">
            <v>0.85099999999999998</v>
          </cell>
        </row>
        <row r="182">
          <cell r="H182">
            <v>0.86</v>
          </cell>
        </row>
        <row r="183">
          <cell r="H183">
            <v>0.85499999999999998</v>
          </cell>
        </row>
        <row r="184">
          <cell r="B184">
            <v>34592</v>
          </cell>
          <cell r="H184">
            <v>0.85699999999999998</v>
          </cell>
        </row>
        <row r="185">
          <cell r="H185">
            <v>0.85699999999999998</v>
          </cell>
        </row>
        <row r="186">
          <cell r="H186">
            <v>0.85399999999999998</v>
          </cell>
        </row>
        <row r="187">
          <cell r="H187">
            <v>0.85399999999999998</v>
          </cell>
        </row>
        <row r="188">
          <cell r="H188">
            <v>0.85699999999999998</v>
          </cell>
        </row>
        <row r="189">
          <cell r="H189">
            <v>0.85499999999999998</v>
          </cell>
        </row>
        <row r="190">
          <cell r="H190">
            <v>0.85699999999999998</v>
          </cell>
        </row>
        <row r="191">
          <cell r="H191">
            <v>0.86199999999999999</v>
          </cell>
        </row>
        <row r="192">
          <cell r="H192">
            <v>0.86799999999999999</v>
          </cell>
        </row>
        <row r="193">
          <cell r="H193">
            <v>0.86199999999999999</v>
          </cell>
        </row>
        <row r="194">
          <cell r="H194">
            <v>0.86099999999999999</v>
          </cell>
        </row>
        <row r="195">
          <cell r="B195">
            <v>34607</v>
          </cell>
          <cell r="H195">
            <v>0.85299999999999998</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sheetData sheetId="41"/>
      <sheetData sheetId="42"/>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sheetData sheetId="59"/>
      <sheetData sheetId="60"/>
      <sheetData sheetId="61"/>
      <sheetData sheetId="62"/>
      <sheetData sheetId="63"/>
      <sheetData sheetId="64"/>
      <sheetData sheetId="65"/>
      <sheetData sheetId="66"/>
      <sheetData sheetId="67"/>
      <sheetData sheetId="68"/>
      <sheetData sheetId="69"/>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ow r="132">
          <cell r="B132">
            <v>42496</v>
          </cell>
        </row>
      </sheetData>
      <sheetData sheetId="91">
        <row r="132">
          <cell r="B132">
            <v>42496</v>
          </cell>
        </row>
      </sheetData>
      <sheetData sheetId="92">
        <row r="132">
          <cell r="B132">
            <v>42496</v>
          </cell>
        </row>
      </sheetData>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row r="132">
          <cell r="B132">
            <v>42496</v>
          </cell>
        </row>
      </sheetData>
      <sheetData sheetId="107">
        <row r="132">
          <cell r="B132">
            <v>42496</v>
          </cell>
        </row>
      </sheetData>
      <sheetData sheetId="108">
        <row r="132">
          <cell r="B132">
            <v>42496</v>
          </cell>
        </row>
      </sheetData>
      <sheetData sheetId="109"/>
      <sheetData sheetId="110"/>
      <sheetData sheetId="111"/>
      <sheetData sheetId="112">
        <row r="132">
          <cell r="B132">
            <v>42496</v>
          </cell>
        </row>
      </sheetData>
      <sheetData sheetId="113">
        <row r="132">
          <cell r="B132">
            <v>42496</v>
          </cell>
        </row>
      </sheetData>
      <sheetData sheetId="114">
        <row r="132">
          <cell r="B132">
            <v>42496</v>
          </cell>
        </row>
      </sheetData>
      <sheetData sheetId="115">
        <row r="132">
          <cell r="B132">
            <v>42496</v>
          </cell>
        </row>
      </sheetData>
      <sheetData sheetId="116">
        <row r="132">
          <cell r="B132">
            <v>42496</v>
          </cell>
        </row>
      </sheetData>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ow r="132">
          <cell r="B132">
            <v>42496</v>
          </cell>
        </row>
      </sheetData>
      <sheetData sheetId="134">
        <row r="132">
          <cell r="B132">
            <v>42496</v>
          </cell>
        </row>
      </sheetData>
      <sheetData sheetId="135">
        <row r="132">
          <cell r="B132">
            <v>42496</v>
          </cell>
        </row>
      </sheetData>
      <sheetData sheetId="136" refreshError="1"/>
      <sheetData sheetId="137"/>
      <sheetData sheetId="138"/>
      <sheetData sheetId="139"/>
      <sheetData sheetId="140"/>
      <sheetData sheetId="141"/>
      <sheetData sheetId="142"/>
      <sheetData sheetId="143"/>
      <sheetData sheetId="144"/>
      <sheetData sheetId="145"/>
      <sheetData sheetId="146"/>
      <sheetData sheetId="147"/>
      <sheetData sheetId="148"/>
      <sheetData sheetId="149"/>
      <sheetData sheetId="150"/>
      <sheetData sheetId="151"/>
      <sheetData sheetId="152"/>
      <sheetData sheetId="153"/>
      <sheetData sheetId="154"/>
      <sheetData sheetId="155"/>
      <sheetData sheetId="156"/>
      <sheetData sheetId="157"/>
      <sheetData sheetId="158"/>
      <sheetData sheetId="159"/>
      <sheetData sheetId="160">
        <row r="132">
          <cell r="B132">
            <v>42496</v>
          </cell>
        </row>
      </sheetData>
      <sheetData sheetId="161">
        <row r="132">
          <cell r="B132">
            <v>42496</v>
          </cell>
        </row>
      </sheetData>
      <sheetData sheetId="162">
        <row r="132">
          <cell r="B132">
            <v>42496</v>
          </cell>
        </row>
      </sheetData>
      <sheetData sheetId="163">
        <row r="132">
          <cell r="B132">
            <v>42496</v>
          </cell>
        </row>
      </sheetData>
      <sheetData sheetId="164"/>
      <sheetData sheetId="165"/>
      <sheetData sheetId="166"/>
      <sheetData sheetId="167"/>
      <sheetData sheetId="168">
        <row r="132">
          <cell r="B132">
            <v>42496</v>
          </cell>
        </row>
      </sheetData>
      <sheetData sheetId="169">
        <row r="132">
          <cell r="B132">
            <v>42496</v>
          </cell>
        </row>
      </sheetData>
      <sheetData sheetId="170"/>
      <sheetData sheetId="171"/>
      <sheetData sheetId="172"/>
      <sheetData sheetId="173"/>
      <sheetData sheetId="174"/>
      <sheetData sheetId="175"/>
      <sheetData sheetId="176"/>
      <sheetData sheetId="177">
        <row r="132">
          <cell r="B132">
            <v>42496</v>
          </cell>
        </row>
      </sheetData>
      <sheetData sheetId="178"/>
      <sheetData sheetId="179"/>
      <sheetData sheetId="180"/>
      <sheetData sheetId="181"/>
      <sheetData sheetId="182"/>
      <sheetData sheetId="183"/>
      <sheetData sheetId="184">
        <row r="132">
          <cell r="B132">
            <v>42496</v>
          </cell>
        </row>
      </sheetData>
      <sheetData sheetId="185">
        <row r="132">
          <cell r="B132">
            <v>42496</v>
          </cell>
        </row>
      </sheetData>
      <sheetData sheetId="186"/>
      <sheetData sheetId="187"/>
      <sheetData sheetId="188"/>
      <sheetData sheetId="189"/>
      <sheetData sheetId="190"/>
      <sheetData sheetId="191"/>
      <sheetData sheetId="192"/>
      <sheetData sheetId="193"/>
      <sheetData sheetId="194"/>
      <sheetData sheetId="195"/>
      <sheetData sheetId="196"/>
      <sheetData sheetId="197"/>
      <sheetData sheetId="198"/>
      <sheetData sheetId="199"/>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row r="132">
          <cell r="B132">
            <v>42496</v>
          </cell>
        </row>
      </sheetData>
      <sheetData sheetId="215">
        <row r="132">
          <cell r="B132">
            <v>42496</v>
          </cell>
        </row>
      </sheetData>
      <sheetData sheetId="216"/>
      <sheetData sheetId="217" refreshError="1"/>
      <sheetData sheetId="218">
        <row r="131">
          <cell r="Q131">
            <v>0</v>
          </cell>
        </row>
      </sheetData>
      <sheetData sheetId="219"/>
      <sheetData sheetId="220"/>
      <sheetData sheetId="221"/>
      <sheetData sheetId="222">
        <row r="131">
          <cell r="Q131">
            <v>0</v>
          </cell>
        </row>
      </sheetData>
      <sheetData sheetId="223">
        <row r="131">
          <cell r="Q131">
            <v>0</v>
          </cell>
        </row>
      </sheetData>
      <sheetData sheetId="224"/>
      <sheetData sheetId="225">
        <row r="131">
          <cell r="Q131">
            <v>0</v>
          </cell>
        </row>
      </sheetData>
      <sheetData sheetId="226">
        <row r="131">
          <cell r="Q131">
            <v>0</v>
          </cell>
        </row>
      </sheetData>
      <sheetData sheetId="227"/>
      <sheetData sheetId="228">
        <row r="131">
          <cell r="Q131">
            <v>0</v>
          </cell>
        </row>
      </sheetData>
      <sheetData sheetId="229">
        <row r="131">
          <cell r="Q131">
            <v>0</v>
          </cell>
        </row>
      </sheetData>
      <sheetData sheetId="230">
        <row r="131">
          <cell r="Q131">
            <v>0</v>
          </cell>
        </row>
      </sheetData>
      <sheetData sheetId="231">
        <row r="131">
          <cell r="Q131">
            <v>0</v>
          </cell>
        </row>
      </sheetData>
      <sheetData sheetId="232" refreshError="1"/>
      <sheetData sheetId="233" refreshError="1"/>
      <sheetData sheetId="234"/>
      <sheetData sheetId="235"/>
      <sheetData sheetId="236"/>
      <sheetData sheetId="237">
        <row r="132">
          <cell r="B132">
            <v>42496</v>
          </cell>
        </row>
      </sheetData>
      <sheetData sheetId="238">
        <row r="132">
          <cell r="B132">
            <v>42496</v>
          </cell>
        </row>
      </sheetData>
      <sheetData sheetId="239">
        <row r="132">
          <cell r="B132">
            <v>42496</v>
          </cell>
        </row>
      </sheetData>
      <sheetData sheetId="240"/>
      <sheetData sheetId="241"/>
      <sheetData sheetId="242"/>
      <sheetData sheetId="243"/>
      <sheetData sheetId="244"/>
      <sheetData sheetId="245"/>
      <sheetData sheetId="246">
        <row r="132">
          <cell r="B132">
            <v>42496</v>
          </cell>
        </row>
      </sheetData>
      <sheetData sheetId="247">
        <row r="132">
          <cell r="B132">
            <v>42496</v>
          </cell>
        </row>
      </sheetData>
      <sheetData sheetId="248">
        <row r="132">
          <cell r="B132">
            <v>42496</v>
          </cell>
        </row>
      </sheetData>
      <sheetData sheetId="249"/>
      <sheetData sheetId="250"/>
      <sheetData sheetId="251"/>
      <sheetData sheetId="252"/>
      <sheetData sheetId="253"/>
      <sheetData sheetId="254"/>
      <sheetData sheetId="255">
        <row r="132">
          <cell r="B132">
            <v>42496</v>
          </cell>
        </row>
      </sheetData>
      <sheetData sheetId="256"/>
      <sheetData sheetId="257"/>
      <sheetData sheetId="258">
        <row r="132">
          <cell r="B132">
            <v>42496</v>
          </cell>
        </row>
      </sheetData>
      <sheetData sheetId="259">
        <row r="132">
          <cell r="B132">
            <v>42496</v>
          </cell>
        </row>
      </sheetData>
      <sheetData sheetId="260"/>
      <sheetData sheetId="261"/>
      <sheetData sheetId="262"/>
      <sheetData sheetId="263"/>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ow r="131">
          <cell r="Q131">
            <v>0</v>
          </cell>
        </row>
      </sheetData>
      <sheetData sheetId="274">
        <row r="131">
          <cell r="Q131">
            <v>0</v>
          </cell>
        </row>
      </sheetData>
      <sheetData sheetId="275">
        <row r="131">
          <cell r="Q131">
            <v>0</v>
          </cell>
        </row>
      </sheetData>
      <sheetData sheetId="276"/>
      <sheetData sheetId="277"/>
      <sheetData sheetId="278"/>
      <sheetData sheetId="279"/>
      <sheetData sheetId="280"/>
      <sheetData sheetId="281"/>
      <sheetData sheetId="282">
        <row r="132">
          <cell r="B132">
            <v>42496</v>
          </cell>
        </row>
      </sheetData>
      <sheetData sheetId="283"/>
      <sheetData sheetId="284" refreshError="1"/>
      <sheetData sheetId="285"/>
      <sheetData sheetId="286">
        <row r="131">
          <cell r="Q131">
            <v>0</v>
          </cell>
        </row>
      </sheetData>
      <sheetData sheetId="287">
        <row r="131">
          <cell r="Q131">
            <v>0</v>
          </cell>
        </row>
      </sheetData>
      <sheetData sheetId="288">
        <row r="131">
          <cell r="Q131">
            <v>0</v>
          </cell>
        </row>
      </sheetData>
      <sheetData sheetId="289" refreshError="1"/>
      <sheetData sheetId="290" refreshError="1"/>
      <sheetData sheetId="291" refreshError="1"/>
      <sheetData sheetId="292" refreshError="1"/>
      <sheetData sheetId="293"/>
      <sheetData sheetId="294"/>
      <sheetData sheetId="295"/>
      <sheetData sheetId="296"/>
      <sheetData sheetId="297"/>
      <sheetData sheetId="298"/>
      <sheetData sheetId="299"/>
      <sheetData sheetId="300"/>
      <sheetData sheetId="301"/>
      <sheetData sheetId="302"/>
      <sheetData sheetId="303"/>
      <sheetData sheetId="304"/>
      <sheetData sheetId="305"/>
      <sheetData sheetId="306"/>
      <sheetData sheetId="307"/>
      <sheetData sheetId="308"/>
      <sheetData sheetId="309"/>
      <sheetData sheetId="310"/>
      <sheetData sheetId="311"/>
      <sheetData sheetId="312"/>
      <sheetData sheetId="313"/>
      <sheetData sheetId="314"/>
      <sheetData sheetId="315"/>
      <sheetData sheetId="316"/>
      <sheetData sheetId="317"/>
      <sheetData sheetId="318"/>
      <sheetData sheetId="319"/>
      <sheetData sheetId="320"/>
      <sheetData sheetId="321"/>
      <sheetData sheetId="322"/>
      <sheetData sheetId="323"/>
      <sheetData sheetId="324"/>
      <sheetData sheetId="325"/>
      <sheetData sheetId="326"/>
      <sheetData sheetId="327"/>
      <sheetData sheetId="328"/>
      <sheetData sheetId="329"/>
      <sheetData sheetId="330"/>
      <sheetData sheetId="331"/>
      <sheetData sheetId="332"/>
      <sheetData sheetId="333"/>
      <sheetData sheetId="334"/>
      <sheetData sheetId="335"/>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sheetData sheetId="350"/>
      <sheetData sheetId="351"/>
      <sheetData sheetId="352"/>
      <sheetData sheetId="353"/>
      <sheetData sheetId="354"/>
      <sheetData sheetId="355"/>
      <sheetData sheetId="356"/>
      <sheetData sheetId="357"/>
      <sheetData sheetId="358"/>
      <sheetData sheetId="359"/>
      <sheetData sheetId="360"/>
      <sheetData sheetId="361"/>
      <sheetData sheetId="362"/>
      <sheetData sheetId="363"/>
      <sheetData sheetId="364"/>
      <sheetData sheetId="365"/>
      <sheetData sheetId="366"/>
      <sheetData sheetId="367"/>
      <sheetData sheetId="368"/>
      <sheetData sheetId="369"/>
      <sheetData sheetId="370"/>
      <sheetData sheetId="371"/>
      <sheetData sheetId="372"/>
      <sheetData sheetId="373"/>
      <sheetData sheetId="374"/>
      <sheetData sheetId="375"/>
      <sheetData sheetId="376"/>
      <sheetData sheetId="377"/>
      <sheetData sheetId="378"/>
      <sheetData sheetId="379"/>
      <sheetData sheetId="380"/>
      <sheetData sheetId="381"/>
      <sheetData sheetId="382"/>
      <sheetData sheetId="383"/>
      <sheetData sheetId="384"/>
      <sheetData sheetId="385"/>
      <sheetData sheetId="386"/>
      <sheetData sheetId="387"/>
      <sheetData sheetId="388"/>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sheetData sheetId="404" refreshError="1"/>
      <sheetData sheetId="405" refreshError="1"/>
      <sheetData sheetId="406" refreshError="1"/>
      <sheetData sheetId="407" refreshError="1"/>
      <sheetData sheetId="408" refreshError="1"/>
      <sheetData sheetId="409" refreshError="1"/>
      <sheetData sheetId="410" refreshError="1"/>
      <sheetData sheetId="411" refreshError="1"/>
      <sheetData sheetId="412" refreshError="1"/>
      <sheetData sheetId="413" refreshError="1"/>
      <sheetData sheetId="414"/>
      <sheetData sheetId="415"/>
      <sheetData sheetId="416" refreshError="1"/>
      <sheetData sheetId="417" refreshError="1"/>
      <sheetData sheetId="418" refreshError="1"/>
      <sheetData sheetId="419" refreshError="1"/>
      <sheetData sheetId="420" refreshError="1"/>
      <sheetData sheetId="421" refreshError="1"/>
      <sheetData sheetId="422" refreshError="1"/>
      <sheetData sheetId="423" refreshError="1"/>
      <sheetData sheetId="424" refreshError="1"/>
      <sheetData sheetId="425" refreshError="1"/>
      <sheetData sheetId="426" refreshError="1"/>
      <sheetData sheetId="427" refreshError="1"/>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refreshError="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refreshError="1"/>
      <sheetData sheetId="530" refreshError="1"/>
      <sheetData sheetId="531" refreshError="1"/>
      <sheetData sheetId="532" refreshError="1"/>
      <sheetData sheetId="533" refreshError="1"/>
      <sheetData sheetId="534">
        <row r="73">
          <cell r="AG73" t="str">
            <v>analisando documentos.</v>
          </cell>
        </row>
      </sheetData>
      <sheetData sheetId="535"/>
      <sheetData sheetId="536"/>
      <sheetData sheetId="537"/>
      <sheetData sheetId="538"/>
      <sheetData sheetId="539"/>
      <sheetData sheetId="540" refreshError="1"/>
      <sheetData sheetId="541" refreshError="1"/>
      <sheetData sheetId="542" refreshError="1"/>
      <sheetData sheetId="543" refreshError="1"/>
      <sheetData sheetId="544" refreshError="1"/>
      <sheetData sheetId="545"/>
      <sheetData sheetId="546" refreshError="1"/>
      <sheetData sheetId="547" refreshError="1"/>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sheetData sheetId="609"/>
      <sheetData sheetId="610"/>
      <sheetData sheetId="611"/>
      <sheetData sheetId="612"/>
      <sheetData sheetId="613"/>
      <sheetData sheetId="614"/>
      <sheetData sheetId="615"/>
      <sheetData sheetId="616"/>
      <sheetData sheetId="617"/>
      <sheetData sheetId="618"/>
      <sheetData sheetId="619"/>
      <sheetData sheetId="620"/>
      <sheetData sheetId="621"/>
      <sheetData sheetId="622"/>
      <sheetData sheetId="623"/>
      <sheetData sheetId="624"/>
      <sheetData sheetId="625"/>
      <sheetData sheetId="626"/>
      <sheetData sheetId="627"/>
      <sheetData sheetId="628"/>
      <sheetData sheetId="629"/>
      <sheetData sheetId="630"/>
      <sheetData sheetId="631"/>
      <sheetData sheetId="632"/>
      <sheetData sheetId="633"/>
      <sheetData sheetId="634"/>
      <sheetData sheetId="635"/>
      <sheetData sheetId="636"/>
      <sheetData sheetId="637"/>
      <sheetData sheetId="638"/>
      <sheetData sheetId="639"/>
      <sheetData sheetId="640"/>
      <sheetData sheetId="641"/>
      <sheetData sheetId="642"/>
      <sheetData sheetId="643"/>
      <sheetData sheetId="644"/>
      <sheetData sheetId="645"/>
      <sheetData sheetId="646"/>
      <sheetData sheetId="647"/>
      <sheetData sheetId="648"/>
      <sheetData sheetId="649"/>
      <sheetData sheetId="650"/>
      <sheetData sheetId="651"/>
      <sheetData sheetId="652">
        <row r="132">
          <cell r="B132">
            <v>42496</v>
          </cell>
        </row>
      </sheetData>
      <sheetData sheetId="653"/>
      <sheetData sheetId="654"/>
      <sheetData sheetId="655"/>
      <sheetData sheetId="656"/>
      <sheetData sheetId="657"/>
      <sheetData sheetId="658"/>
      <sheetData sheetId="659"/>
      <sheetData sheetId="660"/>
      <sheetData sheetId="66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row r="132">
          <cell r="B132">
            <v>42496</v>
          </cell>
        </row>
      </sheetData>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sheetData sheetId="795"/>
      <sheetData sheetId="796"/>
      <sheetData sheetId="797"/>
      <sheetData sheetId="798"/>
      <sheetData sheetId="799"/>
      <sheetData sheetId="800"/>
      <sheetData sheetId="801"/>
      <sheetData sheetId="802"/>
      <sheetData sheetId="803"/>
      <sheetData sheetId="804"/>
      <sheetData sheetId="805"/>
      <sheetData sheetId="806"/>
      <sheetData sheetId="807"/>
      <sheetData sheetId="808"/>
      <sheetData sheetId="809"/>
      <sheetData sheetId="810"/>
      <sheetData sheetId="811"/>
      <sheetData sheetId="812"/>
      <sheetData sheetId="813"/>
      <sheetData sheetId="814"/>
      <sheetData sheetId="815"/>
      <sheetData sheetId="816"/>
      <sheetData sheetId="817"/>
      <sheetData sheetId="818"/>
      <sheetData sheetId="819"/>
      <sheetData sheetId="820"/>
      <sheetData sheetId="821"/>
      <sheetData sheetId="822"/>
      <sheetData sheetId="823"/>
      <sheetData sheetId="824"/>
      <sheetData sheetId="825"/>
      <sheetData sheetId="826"/>
      <sheetData sheetId="827"/>
      <sheetData sheetId="828"/>
      <sheetData sheetId="829"/>
      <sheetData sheetId="830"/>
      <sheetData sheetId="831"/>
      <sheetData sheetId="832"/>
      <sheetData sheetId="833"/>
      <sheetData sheetId="834"/>
      <sheetData sheetId="835"/>
      <sheetData sheetId="836"/>
      <sheetData sheetId="837"/>
      <sheetData sheetId="838"/>
      <sheetData sheetId="839"/>
      <sheetData sheetId="840"/>
      <sheetData sheetId="841"/>
      <sheetData sheetId="842"/>
      <sheetData sheetId="843"/>
      <sheetData sheetId="844"/>
      <sheetData sheetId="845"/>
      <sheetData sheetId="846"/>
      <sheetData sheetId="847"/>
      <sheetData sheetId="848"/>
      <sheetData sheetId="849"/>
      <sheetData sheetId="850"/>
      <sheetData sheetId="851"/>
      <sheetData sheetId="852"/>
      <sheetData sheetId="853"/>
      <sheetData sheetId="854"/>
      <sheetData sheetId="855"/>
      <sheetData sheetId="856"/>
      <sheetData sheetId="857"/>
      <sheetData sheetId="858" refreshError="1"/>
      <sheetData sheetId="859" refreshError="1"/>
      <sheetData sheetId="860" refreshError="1"/>
      <sheetData sheetId="861" refreshError="1"/>
      <sheetData sheetId="862" refreshError="1"/>
      <sheetData sheetId="863" refreshError="1"/>
      <sheetData sheetId="864" refreshError="1"/>
      <sheetData sheetId="865" refreshError="1"/>
      <sheetData sheetId="866" refreshError="1"/>
      <sheetData sheetId="867" refreshError="1"/>
      <sheetData sheetId="868" refreshError="1"/>
      <sheetData sheetId="869" refreshError="1"/>
      <sheetData sheetId="870" refreshError="1"/>
      <sheetData sheetId="871" refreshError="1"/>
      <sheetData sheetId="872" refreshError="1"/>
      <sheetData sheetId="873" refreshError="1"/>
      <sheetData sheetId="874" refreshError="1"/>
      <sheetData sheetId="875" refreshError="1"/>
      <sheetData sheetId="876" refreshError="1"/>
      <sheetData sheetId="877" refreshError="1"/>
      <sheetData sheetId="878" refreshError="1"/>
      <sheetData sheetId="879" refreshError="1"/>
      <sheetData sheetId="880" refreshError="1"/>
      <sheetData sheetId="881" refreshError="1"/>
      <sheetData sheetId="882" refreshError="1"/>
      <sheetData sheetId="883" refreshError="1"/>
      <sheetData sheetId="884" refreshError="1"/>
      <sheetData sheetId="885" refreshError="1"/>
      <sheetData sheetId="886" refreshError="1"/>
      <sheetData sheetId="887" refreshError="1"/>
      <sheetData sheetId="888" refreshError="1"/>
      <sheetData sheetId="889" refreshError="1"/>
      <sheetData sheetId="890" refreshError="1"/>
      <sheetData sheetId="891" refreshError="1"/>
      <sheetData sheetId="892" refreshError="1"/>
      <sheetData sheetId="893" refreshError="1"/>
      <sheetData sheetId="894" refreshError="1"/>
      <sheetData sheetId="895" refreshError="1"/>
      <sheetData sheetId="896" refreshError="1"/>
      <sheetData sheetId="897" refreshError="1"/>
      <sheetData sheetId="898" refreshError="1"/>
      <sheetData sheetId="899" refreshError="1"/>
      <sheetData sheetId="900" refreshError="1"/>
      <sheetData sheetId="901" refreshError="1"/>
      <sheetData sheetId="902" refreshError="1"/>
      <sheetData sheetId="903" refreshError="1"/>
      <sheetData sheetId="904" refreshError="1"/>
      <sheetData sheetId="905" refreshError="1"/>
      <sheetData sheetId="906" refreshError="1"/>
      <sheetData sheetId="907" refreshError="1"/>
      <sheetData sheetId="908" refreshError="1"/>
      <sheetData sheetId="909" refreshError="1"/>
      <sheetData sheetId="910" refreshError="1"/>
      <sheetData sheetId="911" refreshError="1"/>
      <sheetData sheetId="912" refreshError="1"/>
      <sheetData sheetId="913" refreshError="1"/>
      <sheetData sheetId="914" refreshError="1"/>
      <sheetData sheetId="915" refreshError="1"/>
      <sheetData sheetId="916" refreshError="1"/>
      <sheetData sheetId="917" refreshError="1"/>
      <sheetData sheetId="918" refreshError="1"/>
      <sheetData sheetId="919" refreshError="1"/>
      <sheetData sheetId="920"/>
      <sheetData sheetId="921" refreshError="1"/>
      <sheetData sheetId="922"/>
      <sheetData sheetId="923" refreshError="1"/>
      <sheetData sheetId="924" refreshError="1"/>
      <sheetData sheetId="925" refreshError="1"/>
      <sheetData sheetId="926" refreshError="1"/>
      <sheetData sheetId="927" refreshError="1"/>
      <sheetData sheetId="928" refreshError="1"/>
      <sheetData sheetId="929" refreshError="1"/>
      <sheetData sheetId="930" refreshError="1"/>
      <sheetData sheetId="931" refreshError="1"/>
      <sheetData sheetId="932" refreshError="1"/>
      <sheetData sheetId="933" refreshError="1"/>
      <sheetData sheetId="934" refreshError="1"/>
      <sheetData sheetId="935"/>
      <sheetData sheetId="936" refreshError="1"/>
      <sheetData sheetId="937"/>
      <sheetData sheetId="938"/>
      <sheetData sheetId="939"/>
      <sheetData sheetId="940"/>
      <sheetData sheetId="941"/>
      <sheetData sheetId="942"/>
      <sheetData sheetId="943"/>
      <sheetData sheetId="944"/>
      <sheetData sheetId="945"/>
      <sheetData sheetId="946"/>
      <sheetData sheetId="947"/>
      <sheetData sheetId="948"/>
      <sheetData sheetId="949"/>
      <sheetData sheetId="950"/>
      <sheetData sheetId="951"/>
      <sheetData sheetId="952"/>
      <sheetData sheetId="953"/>
      <sheetData sheetId="954"/>
      <sheetData sheetId="955"/>
      <sheetData sheetId="956"/>
      <sheetData sheetId="957"/>
      <sheetData sheetId="958"/>
      <sheetData sheetId="959"/>
      <sheetData sheetId="960"/>
      <sheetData sheetId="961"/>
      <sheetData sheetId="962"/>
      <sheetData sheetId="963"/>
      <sheetData sheetId="964"/>
      <sheetData sheetId="965"/>
      <sheetData sheetId="966"/>
      <sheetData sheetId="967"/>
      <sheetData sheetId="968"/>
      <sheetData sheetId="969"/>
      <sheetData sheetId="970"/>
      <sheetData sheetId="971"/>
      <sheetData sheetId="972"/>
      <sheetData sheetId="973"/>
      <sheetData sheetId="974"/>
      <sheetData sheetId="975"/>
      <sheetData sheetId="976"/>
      <sheetData sheetId="977"/>
      <sheetData sheetId="978"/>
      <sheetData sheetId="979"/>
      <sheetData sheetId="980"/>
      <sheetData sheetId="981"/>
      <sheetData sheetId="982"/>
      <sheetData sheetId="983"/>
      <sheetData sheetId="984"/>
      <sheetData sheetId="985"/>
      <sheetData sheetId="986"/>
      <sheetData sheetId="987"/>
      <sheetData sheetId="988"/>
      <sheetData sheetId="989"/>
      <sheetData sheetId="990"/>
      <sheetData sheetId="991"/>
      <sheetData sheetId="992"/>
      <sheetData sheetId="993"/>
      <sheetData sheetId="994"/>
      <sheetData sheetId="995"/>
      <sheetData sheetId="996"/>
      <sheetData sheetId="997"/>
      <sheetData sheetId="998"/>
      <sheetData sheetId="999"/>
      <sheetData sheetId="1000"/>
      <sheetData sheetId="1001"/>
      <sheetData sheetId="1002"/>
      <sheetData sheetId="1003"/>
      <sheetData sheetId="1004"/>
      <sheetData sheetId="1005"/>
      <sheetData sheetId="1006"/>
      <sheetData sheetId="1007"/>
      <sheetData sheetId="1008"/>
      <sheetData sheetId="1009"/>
      <sheetData sheetId="1010"/>
      <sheetData sheetId="1011"/>
      <sheetData sheetId="1012"/>
      <sheetData sheetId="1013"/>
      <sheetData sheetId="1014"/>
      <sheetData sheetId="1015"/>
      <sheetData sheetId="1016"/>
      <sheetData sheetId="1017"/>
      <sheetData sheetId="1018"/>
      <sheetData sheetId="1019"/>
      <sheetData sheetId="1020"/>
      <sheetData sheetId="1021"/>
      <sheetData sheetId="1022"/>
      <sheetData sheetId="1023"/>
      <sheetData sheetId="1024"/>
      <sheetData sheetId="1025"/>
      <sheetData sheetId="1026"/>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 PPC} Mov. Extr."/>
      <sheetName val="{ PPC} Extr. Analítico"/>
      <sheetName val="PAS Moeda Nacional"/>
      <sheetName val="PAS Moeda Estrangeira"/>
      <sheetName val="{PPC} Mov. Nacional"/>
      <sheetName val="Índices 2006"/>
      <sheetName val="XREF"/>
      <sheetName val="Tickmarks"/>
      <sheetName val="{PPC} Venctos  LP Estrangeira"/>
      <sheetName val="{PPC} Juros Estrang."/>
      <sheetName val="{PPC} Vctos LP- Nacional"/>
      <sheetName val="Resumo Novos Contratos"/>
      <sheetName val="Conciliação {ppc}"/>
      <sheetName val="Solver"/>
      <sheetName val="DOAR"/>
      <sheetName val="Anexo 6"/>
      <sheetName val="shtLookup"/>
      <sheetName val="PAS Vendas"/>
      <sheetName val="LOVs"/>
      <sheetName val="Movimentação"/>
      <sheetName val="Dados BLP"/>
      <sheetName val="bal12"/>
      <sheetName val="DRE"/>
      <sheetName val="BP"/>
      <sheetName val="Teste"/>
      <sheetName val="Mapa de Resultado"/>
      <sheetName val="Deposito Judicial"/>
      <sheetName val="RGR Semesa"/>
      <sheetName val="Prov Activo Fijo Jun-2002"/>
      <sheetName val="Differences USGAAP"/>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Lead"/>
      <sheetName val="Links"/>
      <sheetName val="Set00_PPC"/>
      <sheetName val="Emp CP MN"/>
      <sheetName val="Teste Juros"/>
      <sheetName val="Leasing"/>
      <sheetName val="BNDES"/>
      <sheetName val="ELETROCEEE_PPC"/>
      <sheetName val="Leasing 1999"/>
      <sheetName val="XREF"/>
      <sheetName val="Tickmarks"/>
      <sheetName val="Planilha Pis_Cofins"/>
      <sheetName val="DRE_FEV20"/>
      <sheetName val="Receita Resíduo"/>
      <sheetName val="Cred. Atlanta 012019"/>
      <sheetName val="Cred. Atlanta 032019"/>
      <sheetName val="Cred. Atlanta 042019"/>
      <sheetName val="Cred. Atlanta 022019"/>
      <sheetName val="Cred. Atlanta 072019"/>
      <sheetName val="Cred. Atlanta 082019"/>
      <sheetName val="Cred. Atlanta 062019"/>
      <sheetName val="Cred. Atlanta 052019"/>
      <sheetName val="Crédito Manati 11.2019"/>
      <sheetName val="Cred. Atlanta_02200"/>
      <sheetName val="Cred Adm_FEV20"/>
      <sheetName val="Receita Financeira"/>
      <sheetName val="Crédito Amort - Atlanta"/>
      <sheetName val="Cred. Adm 012019"/>
      <sheetName val="Créd Manati 012019"/>
      <sheetName val="Créd Adm 022019"/>
      <sheetName val="Créd Manati 032019"/>
      <sheetName val="Créd Manati 022019"/>
      <sheetName val="Créd ADM 032019"/>
      <sheetName val="Créd Atlanta 092019"/>
      <sheetName val="DRE "/>
      <sheetName val="Crédito Imob. Manati "/>
      <sheetName val="Créd Manati 042019"/>
      <sheetName val="Créd Adm 052019"/>
      <sheetName val="Créd. ADM 042019"/>
      <sheetName val="Créd Manati 052019"/>
      <sheetName val="Créd Manati 062019"/>
      <sheetName val="Créd Adm 062019"/>
      <sheetName val="Créd Manati 072019"/>
      <sheetName val="Créd Manati 082019"/>
      <sheetName val="Cred. Adm 072019"/>
      <sheetName val="Cred. Adm 082019"/>
      <sheetName val="Cred. Atlanta 122019"/>
      <sheetName val="Cred. Atlanta 012020"/>
      <sheetName val="Cred. Atlanta 112019"/>
      <sheetName val="Cred. Atlanta 102019"/>
      <sheetName val="Créd Manati 092019"/>
      <sheetName val="Crédito Adm 092019"/>
      <sheetName val="Cred Adm 122019"/>
      <sheetName val="Cred Adm 112019"/>
      <sheetName val="Cred. Manati 122019"/>
      <sheetName val="Créd. Manati 012020"/>
      <sheetName val="Cred. Adm 012020"/>
      <sheetName val="Cred. Manati 102019"/>
      <sheetName val="Contas a receber"/>
      <sheetName val="Contabilização"/>
      <sheetName val="Cred Adm 102019"/>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1. Mercado"/>
      <sheetName val="2. Receita"/>
      <sheetName val="3. Projeção de Mercado"/>
      <sheetName val="4. Outras Receitas"/>
      <sheetName val="5. Compra_Venda Energia (MWh)"/>
      <sheetName val="CCEAR 2005_2006_2007"/>
      <sheetName val="Tarifa Média"/>
      <sheetName val="6. Compra_Venda Energia (kW)"/>
      <sheetName val="7. Tarifa_Compra_Venda (R$|MWh)"/>
      <sheetName val="8. Tarifa_Compra_Venda (R$|kW)"/>
      <sheetName val="9. Perdas"/>
      <sheetName val="10. ICMS"/>
      <sheetName val="11. PIS COFINS"/>
      <sheetName val="12. Estrutura de Capital"/>
      <sheetName val="13. Financiamentos"/>
      <sheetName val="14. Gastos O&amp;M"/>
      <sheetName val="15. Consumidores"/>
      <sheetName val="16. CO RP"/>
      <sheetName val="17. Dados Fisicos"/>
      <sheetName val="18. Veículos"/>
      <sheetName val="18.1 Equipamento 2005"/>
      <sheetName val="18.2 Equipamento 2006"/>
      <sheetName val="18.3 Veículos Empreiteiras"/>
      <sheetName val="18.4 Eqptos Empreiteiras"/>
      <sheetName val="19. Informática"/>
      <sheetName val="20. Edificações"/>
      <sheetName val="21. LPT"/>
      <sheetName val="21.1. Rural-EBRÁS-Lpt1"/>
      <sheetName val="21.1. Rural-EBRÁS-Lpt2"/>
      <sheetName val="21.2. Rural-GovEstado-Lpt1"/>
      <sheetName val="21.2. Rural-GovEstado-Lpt2"/>
      <sheetName val="21.3. Subestação-EBRÁS-Lpt1"/>
      <sheetName val="21.3. Subestação-EBRÁS-Lpt2"/>
      <sheetName val="21.4. Subestação-GovEstado"/>
      <sheetName val="21.5. Fonte Alternativa-EBRÁS"/>
      <sheetName val="21.6. Fonte Alternativa-GovEsta"/>
      <sheetName val="21.7.Geração Fóssil-EBRÁS"/>
      <sheetName val="21.8. Geração Fóssil-GovEstado"/>
      <sheetName val="21.9. Diversos-EBRÁS-Lpt1"/>
      <sheetName val="21.9. Diversos-EBRÁS-Lpt2"/>
      <sheetName val="21.10. Diversos-GovEstado-Lpt1"/>
      <sheetName val="21.10. Diversos-GovEstado-Lpt2"/>
      <sheetName val="21.11. Financeiro-EBRÁS"/>
      <sheetName val="21.12. Financeiro-GovEstadual"/>
      <sheetName val="21.13. RD Particular Inc 04-06"/>
      <sheetName val="21.13. RD Particular Inc 07"/>
      <sheetName val="21.14 Pioneiro EBRÁS UPP-025-04"/>
      <sheetName val="21.14 Pioneiro EBRÁS UPP-026-04"/>
      <sheetName val="21.14 Pioneiro EBRÁS UPP-027-04"/>
      <sheetName val="21.14 Pioneiro EBRÁS UPP-028-04"/>
      <sheetName val="22.  Despesa Uso Sistema Distr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PLAN MES"/>
      <sheetName val="CONSSID12-96"/>
      <sheetName val="DespAdm"/>
      <sheetName val="Global Depreciação"/>
      <sheetName val="Dados"/>
      <sheetName val="Dados M300"/>
      <sheetName val="Fluxo de Caixa Apresentação"/>
      <sheetName val="Lacesa"/>
      <sheetName val="PMO@2016-07"/>
      <sheetName val="RF-G7"/>
      <sheetName val="Câmbio"/>
      <sheetName val="DePara"/>
      <sheetName val="PMO@2017-06"/>
      <sheetName val="PMO@2017-08"/>
      <sheetName val="BPLAN_MES"/>
      <sheetName val="REFERENCIA"/>
      <sheetName val="Gen-2"/>
      <sheetName val="RESUACUM"/>
      <sheetName val="ECOLOGIA"/>
      <sheetName val="Painel"/>
      <sheetName val="IE"/>
      <sheetName val="Interest"/>
      <sheetName val="FX effect summary"/>
      <sheetName val="tb"/>
      <sheetName val="CCF Dic 17"/>
      <sheetName val="Ret LATAM 2017"/>
      <sheetName val="Assum"/>
      <sheetName val="Insumos"/>
      <sheetName val="Forecasts_VDF"/>
      <sheetName val="Feriados"/>
      <sheetName val="Sheet2"/>
      <sheetName val="MonteCarl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ntrada"/>
      <sheetName val="PS"/>
      <sheetName val="Dados"/>
      <sheetName val="Plano"/>
      <sheetName val="RESUMO"/>
    </sheetNames>
    <sheetDataSet>
      <sheetData sheetId="0" refreshError="1"/>
      <sheetData sheetId="1" refreshError="1"/>
      <sheetData sheetId="2" refreshError="1"/>
      <sheetData sheetId="3" refreshError="1"/>
      <sheetData sheetId="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 Position"/>
      <sheetName val="Income"/>
      <sheetName val="Expenses"/>
      <sheetName val="Exchange"/>
      <sheetName val="Financeiro"/>
      <sheetName val="#RE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NDIVDUCOCO"/>
      <sheetName val="DUCOCO"/>
      <sheetName val="ENDIVDUCOCOAGRIC"/>
      <sheetName val="DUCOCOAGRIC"/>
      <sheetName val="ENDIVMENINA"/>
      <sheetName val="MENINA"/>
      <sheetName val="ENDIVCONSOL"/>
      <sheetName val="CONSOLIDADO"/>
      <sheetName val="EBITDA"/>
    </sheetNames>
    <sheetDataSet>
      <sheetData sheetId="0" refreshError="1"/>
      <sheetData sheetId="1">
        <row r="6">
          <cell r="B6">
            <v>2000</v>
          </cell>
          <cell r="C6">
            <v>2001</v>
          </cell>
          <cell r="D6">
            <v>2002</v>
          </cell>
          <cell r="E6">
            <v>2003</v>
          </cell>
          <cell r="F6">
            <v>38017</v>
          </cell>
        </row>
        <row r="34">
          <cell r="B34">
            <v>0.9922819655261127</v>
          </cell>
          <cell r="C34">
            <v>0.73148612665457491</v>
          </cell>
          <cell r="D34">
            <v>0.57608725439149377</v>
          </cell>
          <cell r="E34" t="e">
            <v>#DIV/0!</v>
          </cell>
          <cell r="F34">
            <v>0.65156376820949868</v>
          </cell>
        </row>
        <row r="35">
          <cell r="B35">
            <v>0.65433496269616676</v>
          </cell>
          <cell r="C35">
            <v>0.53204955041870872</v>
          </cell>
          <cell r="D35">
            <v>0.43928639938614999</v>
          </cell>
          <cell r="E35" t="e">
            <v>#DIV/0!</v>
          </cell>
          <cell r="F35">
            <v>0.48008235424725931</v>
          </cell>
        </row>
        <row r="36">
          <cell r="B36">
            <v>0.78435159637366969</v>
          </cell>
          <cell r="C36">
            <v>0.57276162790697671</v>
          </cell>
          <cell r="D36">
            <v>0.55340514476565439</v>
          </cell>
          <cell r="E36" t="e">
            <v>#DIV/0!</v>
          </cell>
          <cell r="F36">
            <v>0.58308098260164487</v>
          </cell>
        </row>
        <row r="108">
          <cell r="D108">
            <v>2002</v>
          </cell>
          <cell r="E108">
            <v>2003</v>
          </cell>
          <cell r="F108">
            <v>38017</v>
          </cell>
          <cell r="N108" t="str">
            <v>FEV/95</v>
          </cell>
        </row>
        <row r="114">
          <cell r="D114">
            <v>1.0085610586694147</v>
          </cell>
          <cell r="E114" t="e">
            <v>#DIV/0!</v>
          </cell>
          <cell r="F114">
            <v>1.1004142694949155</v>
          </cell>
          <cell r="N114" t="e">
            <v>#REF!</v>
          </cell>
        </row>
      </sheetData>
      <sheetData sheetId="2" refreshError="1"/>
      <sheetData sheetId="3"/>
      <sheetData sheetId="4" refreshError="1"/>
      <sheetData sheetId="5"/>
      <sheetData sheetId="6" refreshError="1"/>
      <sheetData sheetId="7"/>
      <sheetData sheetId="8"/>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__FDSCACHE__"/>
      <sheetName val="Cover"/>
      <sheetName val="Macro"/>
      <sheetName val="Ctrl Panel"/>
      <sheetName val="FS &gt;&gt;&gt;"/>
      <sheetName val="P&amp;L"/>
      <sheetName val="BS"/>
      <sheetName val="CF"/>
      <sheetName val="Model&gt;&gt;&gt;"/>
      <sheetName val="Build-up"/>
      <sheetName val="Output - Graphs"/>
      <sheetName val="Output - DRE"/>
      <sheetName val="PP&amp;E"/>
      <sheetName val="WK"/>
      <sheetName val="Long-term debt"/>
      <sheetName val="Taxes"/>
      <sheetName val="Dividends"/>
      <sheetName val="Other Liabilities"/>
      <sheetName val="DRE Consolidada 2019"/>
      <sheetName val="ECL1 (b) (produto)"/>
      <sheetName val="ECL1 (b)"/>
      <sheetName val="TB Devoluções"/>
      <sheetName val="Vendas e Deduções"/>
      <sheetName val="EML BAL"/>
      <sheetName val="ECL BAL"/>
      <sheetName val="JUROS A APROPRIAR"/>
      <sheetName val="M2, M3 e M4 - Vendas Produtos"/>
      <sheetName val="Mov estoque 2019"/>
      <sheetName val="Espelho Mensal 2019"/>
      <sheetName val="ECL1"/>
      <sheetName val="Imobilizado Area CI"/>
      <sheetName val="11 a 14 e19"/>
      <sheetName val="M2, M3 e M4 - PRODUTO"/>
      <sheetName val="Cement production 2019"/>
      <sheetName val="Gross revenues breakdown 2019"/>
      <sheetName val="M8"/>
      <sheetName val="Valuation &gt;&gt;&gt;"/>
      <sheetName val="DCF"/>
      <sheetName val="DCF PPT Table"/>
      <sheetName val="WACC"/>
      <sheetName val="Outputs &gt;&gt;&gt; "/>
      <sheetName val="PLV"/>
      <sheetName val="Gen. Output"/>
      <sheetName val="Support&gt;&gt;&gt;"/>
      <sheetName val="De-Para dos Custos Tons."/>
      <sheetName val="De-Para dos Custos"/>
      <sheetName val="Drivers Cements"/>
      <sheetName val="Expenses"/>
      <sheetName val="Price, volume and historic tax"/>
      <sheetName val="Price x volume"/>
      <sheetName val="Other revenues (expenses)"/>
      <sheetName val="PF &amp; BCN"/>
      <sheetName val="% de Frete CIF e FOB"/>
      <sheetName val="FAIN"/>
      <sheetName val="PPT Sheets"/>
      <sheetName val="Revenues Breakdown Table"/>
      <sheetName val="Macro PPT"/>
      <sheetName val="P&amp;L PPT Table"/>
      <sheetName val="BS PPT Table "/>
      <sheetName val="Gráficos para Teaser"/>
      <sheetName val="Net Debt"/>
      <sheetName val="Revenues &amp; SG&amp;A"/>
      <sheetName val="Price and Volume"/>
      <sheetName val="Freight"/>
      <sheetName val="EBITDA"/>
      <sheetName val="Gross profit"/>
      <sheetName val="Capex"/>
      <sheetName val="Working Capital"/>
      <sheetName val="COGS"/>
    </sheetNames>
    <sheetDataSet>
      <sheetData sheetId="0"/>
      <sheetData sheetId="1"/>
      <sheetData sheetId="2"/>
      <sheetData sheetId="3"/>
      <sheetData sheetId="4"/>
      <sheetData sheetId="5">
        <row r="1">
          <cell r="A1"/>
          <cell r="B1" t="str">
            <v>Project Royal - P&amp;L</v>
          </cell>
          <cell r="C1"/>
          <cell r="D1"/>
          <cell r="E1"/>
          <cell r="F1"/>
          <cell r="G1"/>
          <cell r="H1"/>
          <cell r="I1"/>
          <cell r="J1"/>
          <cell r="K1"/>
          <cell r="L1"/>
          <cell r="M1"/>
          <cell r="N1"/>
          <cell r="O1"/>
          <cell r="P1"/>
          <cell r="Q1"/>
          <cell r="R1"/>
          <cell r="S1"/>
          <cell r="T1"/>
          <cell r="U1"/>
          <cell r="V1"/>
          <cell r="W1"/>
          <cell r="X1"/>
          <cell r="Y1"/>
          <cell r="Z1"/>
          <cell r="AA1"/>
          <cell r="AB1"/>
          <cell r="AC1"/>
          <cell r="AD1"/>
          <cell r="AE1"/>
          <cell r="AF1"/>
          <cell r="AG1"/>
          <cell r="AH1"/>
          <cell r="AI1"/>
          <cell r="AJ1"/>
          <cell r="AK1"/>
          <cell r="AL1"/>
          <cell r="AM1"/>
          <cell r="AN1"/>
          <cell r="AO1"/>
          <cell r="AP1"/>
          <cell r="AQ1"/>
          <cell r="AR1"/>
          <cell r="AS1"/>
          <cell r="AT1"/>
          <cell r="AU1"/>
          <cell r="AV1"/>
        </row>
        <row r="2">
          <cell r="A2"/>
          <cell r="B2"/>
          <cell r="C2"/>
          <cell r="D2"/>
          <cell r="E2"/>
          <cell r="N2"/>
          <cell r="O2"/>
          <cell r="P2"/>
          <cell r="Q2"/>
          <cell r="R2"/>
          <cell r="S2"/>
          <cell r="T2"/>
          <cell r="U2"/>
          <cell r="V2"/>
          <cell r="W2"/>
          <cell r="X2"/>
          <cell r="Y2"/>
        </row>
        <row r="3">
          <cell r="A3"/>
          <cell r="B3"/>
          <cell r="C3"/>
          <cell r="D3"/>
          <cell r="E3" t="str">
            <v>Aux.</v>
          </cell>
          <cell r="F3">
            <v>1000</v>
          </cell>
          <cell r="G3"/>
          <cell r="H3"/>
          <cell r="I3"/>
          <cell r="J3"/>
          <cell r="K3"/>
          <cell r="L3"/>
          <cell r="M3"/>
          <cell r="N3"/>
          <cell r="O3"/>
          <cell r="P3"/>
          <cell r="Q3"/>
          <cell r="R3"/>
          <cell r="S3"/>
          <cell r="T3"/>
          <cell r="U3"/>
          <cell r="V3"/>
          <cell r="W3"/>
          <cell r="X3"/>
          <cell r="Y3"/>
        </row>
        <row r="4">
          <cell r="A4"/>
          <cell r="B4"/>
          <cell r="C4"/>
          <cell r="D4" t="str">
            <v>P&amp;L</v>
          </cell>
          <cell r="E4" t="str">
            <v>unit</v>
          </cell>
          <cell r="F4"/>
          <cell r="G4"/>
          <cell r="H4"/>
          <cell r="I4"/>
          <cell r="J4"/>
          <cell r="K4">
            <v>2015</v>
          </cell>
          <cell r="L4">
            <v>2016</v>
          </cell>
          <cell r="M4">
            <v>2017</v>
          </cell>
          <cell r="N4">
            <v>2018</v>
          </cell>
          <cell r="O4">
            <v>2019</v>
          </cell>
          <cell r="P4">
            <v>2020</v>
          </cell>
          <cell r="Q4">
            <v>2021</v>
          </cell>
          <cell r="R4">
            <v>2022</v>
          </cell>
          <cell r="S4">
            <v>2023</v>
          </cell>
          <cell r="T4">
            <v>2024</v>
          </cell>
          <cell r="U4">
            <v>2025</v>
          </cell>
          <cell r="V4">
            <v>2026</v>
          </cell>
          <cell r="W4">
            <v>2027</v>
          </cell>
          <cell r="X4">
            <v>2028</v>
          </cell>
          <cell r="Y4">
            <v>2029</v>
          </cell>
          <cell r="Z4"/>
        </row>
        <row r="5">
          <cell r="A5"/>
          <cell r="B5"/>
          <cell r="C5"/>
          <cell r="D5"/>
          <cell r="E5"/>
          <cell r="F5"/>
          <cell r="G5"/>
          <cell r="H5"/>
          <cell r="I5"/>
          <cell r="J5"/>
          <cell r="K5"/>
          <cell r="L5"/>
          <cell r="M5"/>
          <cell r="N5"/>
          <cell r="O5"/>
          <cell r="P5"/>
          <cell r="Q5"/>
          <cell r="R5"/>
          <cell r="S5"/>
          <cell r="T5"/>
          <cell r="U5"/>
          <cell r="V5"/>
          <cell r="W5"/>
          <cell r="X5"/>
          <cell r="Y5"/>
          <cell r="Z5"/>
        </row>
        <row r="6">
          <cell r="A6" t="str">
            <v>x</v>
          </cell>
          <cell r="B6"/>
          <cell r="C6"/>
          <cell r="D6" t="str">
            <v>Gross revenues</v>
          </cell>
          <cell r="E6" t="str">
            <v>R$ thou</v>
          </cell>
          <cell r="F6"/>
          <cell r="G6"/>
          <cell r="H6"/>
          <cell r="I6"/>
          <cell r="J6"/>
          <cell r="K6">
            <v>198954.97322000001</v>
          </cell>
          <cell r="L6">
            <v>273347.19259000005</v>
          </cell>
          <cell r="M6">
            <v>251955.90385</v>
          </cell>
          <cell r="N6">
            <v>274845.55151000002</v>
          </cell>
          <cell r="O6">
            <v>287916.71095000533</v>
          </cell>
          <cell r="P6">
            <v>335749.30206917552</v>
          </cell>
          <cell r="Q6">
            <v>383385.49724320369</v>
          </cell>
          <cell r="R6">
            <v>434870.67071917967</v>
          </cell>
          <cell r="S6">
            <v>483042.87579011288</v>
          </cell>
          <cell r="T6">
            <v>514702.78485951666</v>
          </cell>
          <cell r="U6">
            <v>548758.78728750313</v>
          </cell>
          <cell r="V6">
            <v>577690.19003507798</v>
          </cell>
          <cell r="W6">
            <v>599247.96296561684</v>
          </cell>
          <cell r="X6">
            <v>617135.62839753064</v>
          </cell>
          <cell r="Y6">
            <v>639907.93308539945</v>
          </cell>
          <cell r="Z6"/>
        </row>
        <row r="7">
          <cell r="B7"/>
          <cell r="C7"/>
          <cell r="D7" t="str">
            <v>Var YoY</v>
          </cell>
          <cell r="E7" t="str">
            <v>%</v>
          </cell>
          <cell r="F7"/>
          <cell r="G7"/>
          <cell r="H7"/>
          <cell r="I7"/>
          <cell r="J7"/>
          <cell r="K7"/>
          <cell r="L7">
            <v>0.3739148520189981</v>
          </cell>
          <cell r="M7">
            <v>-7.8256844481608967E-2</v>
          </cell>
          <cell r="N7">
            <v>9.0847832141401907E-2</v>
          </cell>
          <cell r="O7">
            <v>4.755819902557068E-2</v>
          </cell>
          <cell r="P7">
            <v>0.16613343130151259</v>
          </cell>
          <cell r="Q7">
            <v>0.14188025077179023</v>
          </cell>
          <cell r="R7">
            <v>0.13429087392764871</v>
          </cell>
          <cell r="S7">
            <v>0.11077363527705164</v>
          </cell>
          <cell r="T7">
            <v>6.5542647777627749E-2</v>
          </cell>
          <cell r="U7">
            <v>6.6166345762597167E-2</v>
          </cell>
          <cell r="V7">
            <v>5.2721529782842946E-2</v>
          </cell>
          <cell r="W7">
            <v>3.7317187140099906E-2</v>
          </cell>
          <cell r="X7">
            <v>2.985018980021148E-2</v>
          </cell>
          <cell r="Y7">
            <v>3.6899999999999933E-2</v>
          </cell>
          <cell r="Z7"/>
        </row>
        <row r="8">
          <cell r="A8"/>
          <cell r="B8"/>
          <cell r="C8"/>
          <cell r="D8"/>
          <cell r="E8"/>
          <cell r="F8"/>
          <cell r="G8"/>
          <cell r="H8"/>
          <cell r="I8"/>
          <cell r="J8"/>
          <cell r="K8"/>
          <cell r="L8"/>
          <cell r="M8"/>
          <cell r="N8"/>
          <cell r="O8"/>
          <cell r="P8"/>
          <cell r="Q8"/>
          <cell r="R8"/>
          <cell r="S8"/>
          <cell r="T8"/>
          <cell r="U8"/>
          <cell r="V8"/>
          <cell r="W8"/>
          <cell r="X8"/>
          <cell r="Y8"/>
          <cell r="Z8"/>
        </row>
        <row r="9">
          <cell r="A9"/>
          <cell r="B9"/>
          <cell r="C9"/>
          <cell r="D9" t="str">
            <v>(-) Deductions and taxes over revenues</v>
          </cell>
          <cell r="E9" t="str">
            <v>R$ thou</v>
          </cell>
          <cell r="F9"/>
          <cell r="G9"/>
          <cell r="H9"/>
          <cell r="I9"/>
          <cell r="J9"/>
          <cell r="K9">
            <v>-35481.694299999996</v>
          </cell>
          <cell r="L9">
            <v>-54954.668645992395</v>
          </cell>
          <cell r="M9">
            <v>-48865.753948750003</v>
          </cell>
          <cell r="N9">
            <v>-64393.662891895001</v>
          </cell>
          <cell r="O9">
            <v>-81099.683050000007</v>
          </cell>
          <cell r="P9">
            <v>-86124.249134790443</v>
          </cell>
          <cell r="Q9">
            <v>-97351.391024618395</v>
          </cell>
          <cell r="R9">
            <v>-109670.35717258534</v>
          </cell>
          <cell r="S9">
            <v>-120869.76172456697</v>
          </cell>
          <cell r="T9">
            <v>-128901.81876630247</v>
          </cell>
          <cell r="U9">
            <v>-137546.23756743968</v>
          </cell>
          <cell r="V9">
            <v>-145013.88186267545</v>
          </cell>
          <cell r="W9">
            <v>-150529.44783966243</v>
          </cell>
          <cell r="X9">
            <v>-155034.40172030113</v>
          </cell>
          <cell r="Y9">
            <v>-160755.17114378023</v>
          </cell>
          <cell r="Z9"/>
        </row>
        <row r="10">
          <cell r="B10"/>
          <cell r="C10"/>
          <cell r="D10" t="str">
            <v>as % of gross revenues</v>
          </cell>
          <cell r="E10" t="str">
            <v>%</v>
          </cell>
          <cell r="F10"/>
          <cell r="G10"/>
          <cell r="H10"/>
          <cell r="I10"/>
          <cell r="J10"/>
          <cell r="K10">
            <v>0.17834032357042476</v>
          </cell>
          <cell r="L10">
            <v>0.20104347194968344</v>
          </cell>
          <cell r="M10">
            <v>0.19394565954621112</v>
          </cell>
          <cell r="N10">
            <v>0.23429035885105856</v>
          </cell>
          <cell r="O10">
            <v>0.2816775823202648</v>
          </cell>
          <cell r="P10">
            <v>0.25651356117203777</v>
          </cell>
          <cell r="Q10">
            <v>0.25392559636355455</v>
          </cell>
          <cell r="R10">
            <v>0.25219074211469555</v>
          </cell>
          <cell r="S10">
            <v>0.250225741404136</v>
          </cell>
          <cell r="T10">
            <v>0.25043932645805489</v>
          </cell>
          <cell r="U10">
            <v>0.25064972216176484</v>
          </cell>
          <cell r="V10">
            <v>0.25102361847943105</v>
          </cell>
          <cell r="W10">
            <v>0.25119726247329671</v>
          </cell>
          <cell r="X10">
            <v>0.25121609349125934</v>
          </cell>
          <cell r="Y10">
            <v>0.25121609349125934</v>
          </cell>
          <cell r="Z10"/>
        </row>
        <row r="11">
          <cell r="A11"/>
          <cell r="B11"/>
          <cell r="C11"/>
          <cell r="D11"/>
          <cell r="E11"/>
          <cell r="F11"/>
          <cell r="G11"/>
          <cell r="H11"/>
          <cell r="I11"/>
          <cell r="J11"/>
          <cell r="K11"/>
          <cell r="L11"/>
          <cell r="M11"/>
          <cell r="N11"/>
          <cell r="O11"/>
          <cell r="P11"/>
          <cell r="Q11"/>
          <cell r="R11"/>
          <cell r="S11"/>
          <cell r="T11"/>
          <cell r="U11"/>
          <cell r="V11"/>
          <cell r="W11"/>
          <cell r="X11"/>
          <cell r="Y11"/>
          <cell r="Z11"/>
        </row>
        <row r="12">
          <cell r="A12" t="str">
            <v>x</v>
          </cell>
          <cell r="B12"/>
          <cell r="C12"/>
          <cell r="D12" t="str">
            <v>Net revenues</v>
          </cell>
          <cell r="E12" t="str">
            <v>R$ thou</v>
          </cell>
          <cell r="F12"/>
          <cell r="G12"/>
          <cell r="H12"/>
          <cell r="I12"/>
          <cell r="J12"/>
          <cell r="K12">
            <v>163473.27892000001</v>
          </cell>
          <cell r="L12">
            <v>218392.52394400764</v>
          </cell>
          <cell r="M12">
            <v>203090.14990125</v>
          </cell>
          <cell r="N12">
            <v>210451.88861810503</v>
          </cell>
          <cell r="O12">
            <v>206817.02790000534</v>
          </cell>
          <cell r="P12">
            <v>249625.05293438508</v>
          </cell>
          <cell r="Q12">
            <v>286034.10621858528</v>
          </cell>
          <cell r="R12">
            <v>325200.31354659435</v>
          </cell>
          <cell r="S12">
            <v>362173.1140655459</v>
          </cell>
          <cell r="T12">
            <v>385800.96609321417</v>
          </cell>
          <cell r="U12">
            <v>411212.54972006346</v>
          </cell>
          <cell r="V12">
            <v>432676.30817240255</v>
          </cell>
          <cell r="W12">
            <v>448718.51512595441</v>
          </cell>
          <cell r="X12">
            <v>462101.22667722951</v>
          </cell>
          <cell r="Y12">
            <v>479152.76194161922</v>
          </cell>
          <cell r="Z12"/>
        </row>
        <row r="13">
          <cell r="B13"/>
          <cell r="C13"/>
          <cell r="D13" t="str">
            <v>Var YoY</v>
          </cell>
          <cell r="E13" t="str">
            <v>%</v>
          </cell>
          <cell r="F13"/>
          <cell r="G13"/>
          <cell r="H13"/>
          <cell r="I13"/>
          <cell r="J13"/>
          <cell r="K13"/>
          <cell r="L13">
            <v>0.33595242835303885</v>
          </cell>
          <cell r="M13">
            <v>-7.0068213720909767E-2</v>
          </cell>
          <cell r="N13">
            <v>3.624862515702798E-2</v>
          </cell>
          <cell r="O13">
            <v>-1.727169445694865E-2</v>
          </cell>
          <cell r="P13">
            <v>0.20698501215807585</v>
          </cell>
          <cell r="Q13">
            <v>0.14585496470088066</v>
          </cell>
          <cell r="R13">
            <v>0.13692845180524915</v>
          </cell>
          <cell r="S13">
            <v>0.11369238890249145</v>
          </cell>
          <cell r="T13">
            <v>6.523911110473013E-2</v>
          </cell>
          <cell r="U13">
            <v>6.5867081371459246E-2</v>
          </cell>
          <cell r="V13">
            <v>5.2196263141654375E-2</v>
          </cell>
          <cell r="W13">
            <v>3.7076693709699793E-2</v>
          </cell>
          <cell r="X13">
            <v>2.9824290953357702E-2</v>
          </cell>
          <cell r="Y13">
            <v>3.6899999999999933E-2</v>
          </cell>
          <cell r="Z13"/>
        </row>
        <row r="14">
          <cell r="B14"/>
          <cell r="C14"/>
          <cell r="D14" t="str">
            <v>as % of gross revenues</v>
          </cell>
          <cell r="E14" t="str">
            <v>%</v>
          </cell>
          <cell r="F14"/>
          <cell r="G14"/>
          <cell r="H14"/>
          <cell r="I14"/>
          <cell r="J14"/>
          <cell r="K14">
            <v>0.82165967642957516</v>
          </cell>
          <cell r="L14">
            <v>0.79895652805031647</v>
          </cell>
          <cell r="M14">
            <v>0.80605434045378888</v>
          </cell>
          <cell r="N14">
            <v>0.76570964114894147</v>
          </cell>
          <cell r="O14">
            <v>0.71832241767973526</v>
          </cell>
          <cell r="P14">
            <v>0.74348643882796228</v>
          </cell>
          <cell r="Q14">
            <v>0.74607440363644539</v>
          </cell>
          <cell r="R14">
            <v>0.7478092578853045</v>
          </cell>
          <cell r="S14">
            <v>0.749774258595864</v>
          </cell>
          <cell r="T14">
            <v>0.74956067354194511</v>
          </cell>
          <cell r="U14">
            <v>0.74935027783823516</v>
          </cell>
          <cell r="V14">
            <v>0.748976381520569</v>
          </cell>
          <cell r="W14">
            <v>0.74880273752670334</v>
          </cell>
          <cell r="X14">
            <v>0.74878390650874072</v>
          </cell>
          <cell r="Y14">
            <v>0.74878390650874072</v>
          </cell>
          <cell r="Z14"/>
        </row>
        <row r="15">
          <cell r="A15"/>
          <cell r="B15"/>
          <cell r="C15"/>
          <cell r="D15"/>
          <cell r="E15"/>
          <cell r="F15"/>
          <cell r="G15"/>
          <cell r="H15"/>
          <cell r="I15"/>
          <cell r="J15"/>
          <cell r="K15"/>
          <cell r="L15"/>
          <cell r="M15"/>
          <cell r="N15"/>
          <cell r="O15"/>
          <cell r="P15"/>
          <cell r="Q15"/>
          <cell r="R15"/>
          <cell r="S15"/>
          <cell r="T15"/>
          <cell r="U15"/>
          <cell r="V15"/>
          <cell r="W15"/>
          <cell r="X15"/>
          <cell r="Y15"/>
          <cell r="Z15"/>
        </row>
        <row r="16">
          <cell r="A16"/>
          <cell r="B16"/>
          <cell r="C16"/>
          <cell r="D16" t="str">
            <v>(-) COGS (excl. D&amp;A)</v>
          </cell>
          <cell r="E16" t="str">
            <v>R$ thou</v>
          </cell>
          <cell r="F16"/>
          <cell r="G16"/>
          <cell r="H16"/>
          <cell r="I16"/>
          <cell r="J16"/>
          <cell r="K16">
            <v>-70962.070452654196</v>
          </cell>
          <cell r="L16">
            <v>-101025.09200400799</v>
          </cell>
          <cell r="M16">
            <v>-100418.81368125</v>
          </cell>
          <cell r="N16">
            <v>-97306.941150120008</v>
          </cell>
          <cell r="O16">
            <v>-103520.35233399041</v>
          </cell>
          <cell r="P16">
            <v>-115221.31232840213</v>
          </cell>
          <cell r="Q16">
            <v>-128422.72087047984</v>
          </cell>
          <cell r="R16">
            <v>-140171.26582600162</v>
          </cell>
          <cell r="S16">
            <v>-147139.85429799321</v>
          </cell>
          <cell r="T16">
            <v>-154461.28027131993</v>
          </cell>
          <cell r="U16">
            <v>-162220.763883115</v>
          </cell>
          <cell r="V16">
            <v>-167851.4883637788</v>
          </cell>
          <cell r="W16">
            <v>-172675.81234879635</v>
          </cell>
          <cell r="X16">
            <v>-177310.59653041372</v>
          </cell>
          <cell r="Y16">
            <v>-183853.35754238599</v>
          </cell>
          <cell r="Z16"/>
        </row>
        <row r="17">
          <cell r="A17"/>
          <cell r="B17"/>
          <cell r="C17"/>
          <cell r="D17" t="str">
            <v>as % of net revenues</v>
          </cell>
          <cell r="E17" t="str">
            <v>%</v>
          </cell>
          <cell r="F17"/>
          <cell r="G17"/>
          <cell r="H17"/>
          <cell r="I17"/>
          <cell r="J17"/>
          <cell r="K17">
            <v>0.43408972354057551</v>
          </cell>
          <cell r="L17">
            <v>0.46258493733928924</v>
          </cell>
          <cell r="M17">
            <v>0.4944543776745321</v>
          </cell>
          <cell r="N17">
            <v>0.46237143220271754</v>
          </cell>
          <cell r="O17">
            <v>0.50054076003858738</v>
          </cell>
          <cell r="P17">
            <v>0.46157751785710588</v>
          </cell>
          <cell r="Q17">
            <v>0.44897695092465684</v>
          </cell>
          <cell r="R17">
            <v>0.43103053713974365</v>
          </cell>
          <cell r="S17">
            <v>0.40626940151985969</v>
          </cell>
          <cell r="T17">
            <v>0.40036519824058769</v>
          </cell>
          <cell r="U17">
            <v>0.39449370889470226</v>
          </cell>
          <cell r="V17">
            <v>0.38793778442081311</v>
          </cell>
          <cell r="W17">
            <v>0.38481989605516187</v>
          </cell>
          <cell r="X17">
            <v>0.38370509813483444</v>
          </cell>
          <cell r="Y17">
            <v>0.3837050981348345</v>
          </cell>
          <cell r="Z17"/>
        </row>
        <row r="18">
          <cell r="A18"/>
          <cell r="B18"/>
          <cell r="C18"/>
          <cell r="D18"/>
          <cell r="E18"/>
          <cell r="F18"/>
          <cell r="G18"/>
          <cell r="H18"/>
          <cell r="I18"/>
          <cell r="J18"/>
          <cell r="K18"/>
          <cell r="L18"/>
          <cell r="M18"/>
          <cell r="N18"/>
          <cell r="O18"/>
          <cell r="P18"/>
          <cell r="Q18"/>
          <cell r="R18"/>
          <cell r="S18"/>
          <cell r="T18"/>
          <cell r="U18"/>
          <cell r="V18"/>
          <cell r="W18"/>
          <cell r="X18"/>
          <cell r="Y18"/>
          <cell r="Z18"/>
        </row>
        <row r="19">
          <cell r="A19" t="str">
            <v>x</v>
          </cell>
          <cell r="B19"/>
          <cell r="C19"/>
          <cell r="D19" t="str">
            <v>Gross profit</v>
          </cell>
          <cell r="E19" t="str">
            <v>R$ thou</v>
          </cell>
          <cell r="F19"/>
          <cell r="G19"/>
          <cell r="H19"/>
          <cell r="I19"/>
          <cell r="J19"/>
          <cell r="K19">
            <v>92511.208467345816</v>
          </cell>
          <cell r="L19">
            <v>117367.43193999965</v>
          </cell>
          <cell r="M19">
            <v>102671.33622</v>
          </cell>
          <cell r="N19">
            <v>113144.94746798502</v>
          </cell>
          <cell r="O19">
            <v>103296.67556601494</v>
          </cell>
          <cell r="P19">
            <v>134403.74060598295</v>
          </cell>
          <cell r="Q19">
            <v>157611.38534810545</v>
          </cell>
          <cell r="R19">
            <v>185029.04772059273</v>
          </cell>
          <cell r="S19">
            <v>215033.25976755269</v>
          </cell>
          <cell r="T19">
            <v>231339.68582189424</v>
          </cell>
          <cell r="U19">
            <v>248991.78583694846</v>
          </cell>
          <cell r="V19">
            <v>264824.81980862375</v>
          </cell>
          <cell r="W19">
            <v>276042.70277715806</v>
          </cell>
          <cell r="X19">
            <v>284790.63014681579</v>
          </cell>
          <cell r="Y19">
            <v>295299.40439923323</v>
          </cell>
          <cell r="Z19"/>
        </row>
        <row r="20">
          <cell r="B20"/>
          <cell r="C20"/>
          <cell r="D20" t="str">
            <v>as % of net revenues</v>
          </cell>
          <cell r="E20" t="str">
            <v>%</v>
          </cell>
          <cell r="F20"/>
          <cell r="G20"/>
          <cell r="H20"/>
          <cell r="I20"/>
          <cell r="J20"/>
          <cell r="K20">
            <v>0.56591027645942449</v>
          </cell>
          <cell r="L20">
            <v>0.53741506266071082</v>
          </cell>
          <cell r="M20">
            <v>0.50554562232546796</v>
          </cell>
          <cell r="N20">
            <v>0.53762856779728252</v>
          </cell>
          <cell r="O20">
            <v>0.49945923996141262</v>
          </cell>
          <cell r="P20">
            <v>0.53842248214289412</v>
          </cell>
          <cell r="Q20">
            <v>0.55102304907534327</v>
          </cell>
          <cell r="R20">
            <v>0.56896946286025629</v>
          </cell>
          <cell r="S20">
            <v>0.59373059848014031</v>
          </cell>
          <cell r="T20">
            <v>0.59963480175941231</v>
          </cell>
          <cell r="U20">
            <v>0.60550629110529774</v>
          </cell>
          <cell r="V20">
            <v>0.61206221557918694</v>
          </cell>
          <cell r="W20">
            <v>0.61518010394483813</v>
          </cell>
          <cell r="X20">
            <v>0.61629490186516556</v>
          </cell>
          <cell r="Y20">
            <v>0.61629490186516556</v>
          </cell>
          <cell r="Z20"/>
        </row>
        <row r="21">
          <cell r="A21"/>
          <cell r="B21"/>
          <cell r="C21"/>
          <cell r="D21"/>
          <cell r="E21"/>
          <cell r="F21"/>
          <cell r="G21"/>
          <cell r="H21"/>
          <cell r="I21"/>
          <cell r="J21"/>
          <cell r="K21"/>
          <cell r="L21"/>
          <cell r="M21"/>
          <cell r="N21"/>
          <cell r="O21"/>
          <cell r="P21"/>
          <cell r="Q21"/>
          <cell r="R21"/>
          <cell r="S21"/>
          <cell r="T21"/>
          <cell r="U21"/>
          <cell r="V21"/>
          <cell r="W21"/>
          <cell r="X21"/>
          <cell r="Y21"/>
          <cell r="Z21"/>
        </row>
        <row r="22">
          <cell r="A22"/>
          <cell r="B22"/>
          <cell r="C22"/>
          <cell r="D22" t="str">
            <v>(-) Freight and warehousing expenses</v>
          </cell>
          <cell r="E22" t="str">
            <v>R$ thou</v>
          </cell>
          <cell r="F22"/>
          <cell r="G22"/>
          <cell r="H22"/>
          <cell r="I22"/>
          <cell r="J22"/>
          <cell r="K22">
            <v>-21605.492460000001</v>
          </cell>
          <cell r="L22">
            <v>-40894.667390000002</v>
          </cell>
          <cell r="M22">
            <v>-38927.521609999996</v>
          </cell>
          <cell r="N22">
            <v>-38511.268029999999</v>
          </cell>
          <cell r="O22">
            <v>-37190.94786</v>
          </cell>
          <cell r="P22">
            <v>-44069.943253033984</v>
          </cell>
          <cell r="Q22">
            <v>-48138.260064437811</v>
          </cell>
          <cell r="R22">
            <v>-52521.489334605198</v>
          </cell>
          <cell r="S22">
            <v>-57237.65646940608</v>
          </cell>
          <cell r="T22">
            <v>-62317.212292783515</v>
          </cell>
          <cell r="U22">
            <v>-67847.553297706589</v>
          </cell>
          <cell r="V22">
            <v>-73868.684415111537</v>
          </cell>
          <cell r="W22">
            <v>-77988.13783623591</v>
          </cell>
          <cell r="X22">
            <v>-80865.90012239301</v>
          </cell>
          <cell r="Y22">
            <v>-83849.851836909307</v>
          </cell>
          <cell r="Z22"/>
        </row>
        <row r="23">
          <cell r="B23"/>
          <cell r="C23"/>
          <cell r="D23" t="str">
            <v>Var YoY</v>
          </cell>
          <cell r="E23" t="str">
            <v>%</v>
          </cell>
          <cell r="F23"/>
          <cell r="G23"/>
          <cell r="H23"/>
          <cell r="I23"/>
          <cell r="J23"/>
          <cell r="K23"/>
          <cell r="L23">
            <v>0.89279033864706459</v>
          </cell>
          <cell r="M23">
            <v>-4.8102745554571613E-2</v>
          </cell>
          <cell r="N23">
            <v>-1.0693040881725846E-2</v>
          </cell>
          <cell r="O23">
            <v>-3.4283996283152263E-2</v>
          </cell>
          <cell r="P23">
            <v>0.18496423965662223</v>
          </cell>
          <cell r="Q23">
            <v>9.2314999999999925E-2</v>
          </cell>
          <cell r="R23">
            <v>9.1055000000000108E-2</v>
          </cell>
          <cell r="S23">
            <v>8.9795000000000069E-2</v>
          </cell>
          <cell r="T23">
            <v>8.8744999999999852E-2</v>
          </cell>
          <cell r="U23">
            <v>8.8745000000000074E-2</v>
          </cell>
          <cell r="V23">
            <v>8.874499999999963E-2</v>
          </cell>
          <cell r="W23">
            <v>5.5767250408505165E-2</v>
          </cell>
          <cell r="X23">
            <v>3.6899999999999933E-2</v>
          </cell>
          <cell r="Y23">
            <v>3.6899999999999933E-2</v>
          </cell>
          <cell r="Z23"/>
        </row>
        <row r="24">
          <cell r="B24"/>
          <cell r="C24"/>
          <cell r="D24" t="str">
            <v>as % of net revenues</v>
          </cell>
          <cell r="E24" t="str">
            <v>%</v>
          </cell>
          <cell r="F24"/>
          <cell r="G24"/>
          <cell r="H24"/>
          <cell r="I24"/>
          <cell r="J24"/>
          <cell r="K24">
            <v>0.13216528476542777</v>
          </cell>
          <cell r="L24">
            <v>0.18725305542274306</v>
          </cell>
          <cell r="M24">
            <v>0.19167606911968901</v>
          </cell>
          <cell r="N24">
            <v>0.18299321656307008</v>
          </cell>
          <cell r="O24">
            <v>0.17982536659400006</v>
          </cell>
          <cell r="P24">
            <v>0.1765445524597162</v>
          </cell>
          <cell r="Q24">
            <v>0.16829552496670061</v>
          </cell>
          <cell r="R24">
            <v>0.16150503903828486</v>
          </cell>
          <cell r="S24">
            <v>0.1580394961594174</v>
          </cell>
          <cell r="T24">
            <v>0.1615268435531261</v>
          </cell>
          <cell r="U24">
            <v>0.16499387809028301</v>
          </cell>
          <cell r="V24">
            <v>0.17072505015846187</v>
          </cell>
          <cell r="W24">
            <v>0.17380191636252137</v>
          </cell>
          <cell r="X24">
            <v>0.1749960732713583</v>
          </cell>
          <cell r="Y24">
            <v>0.17499607327135833</v>
          </cell>
          <cell r="Z24"/>
        </row>
        <row r="25">
          <cell r="A25"/>
          <cell r="B25"/>
          <cell r="C25"/>
          <cell r="D25"/>
          <cell r="E25"/>
          <cell r="F25"/>
          <cell r="G25"/>
          <cell r="H25"/>
          <cell r="I25"/>
          <cell r="J25"/>
          <cell r="K25"/>
          <cell r="L25"/>
          <cell r="M25"/>
          <cell r="N25"/>
          <cell r="O25"/>
          <cell r="P25"/>
          <cell r="Q25"/>
          <cell r="R25"/>
          <cell r="S25"/>
          <cell r="T25"/>
          <cell r="U25"/>
          <cell r="V25"/>
          <cell r="W25"/>
          <cell r="X25"/>
          <cell r="Y25"/>
          <cell r="Z25"/>
        </row>
        <row r="26">
          <cell r="A26"/>
          <cell r="B26"/>
          <cell r="C26"/>
          <cell r="D26" t="str">
            <v>(-) SG&amp;A (excl. D&amp;A)</v>
          </cell>
          <cell r="E26" t="str">
            <v>R$ thou</v>
          </cell>
          <cell r="F26"/>
          <cell r="G26"/>
          <cell r="H26"/>
          <cell r="I26"/>
          <cell r="J26"/>
          <cell r="K26">
            <v>-13092.121439999999</v>
          </cell>
          <cell r="L26">
            <v>-17422.211009999999</v>
          </cell>
          <cell r="M26">
            <v>-20292.3665</v>
          </cell>
          <cell r="N26">
            <v>-14215.521310000002</v>
          </cell>
          <cell r="O26">
            <v>-14552.397579999997</v>
          </cell>
          <cell r="P26">
            <v>-15016.619062801998</v>
          </cell>
          <cell r="Q26">
            <v>-15563.22399668799</v>
          </cell>
          <cell r="R26">
            <v>-16117.274770970085</v>
          </cell>
          <cell r="S26">
            <v>-16679.767660476937</v>
          </cell>
          <cell r="T26">
            <v>-17250.215714465252</v>
          </cell>
          <cell r="U26">
            <v>-17840.17309189996</v>
          </cell>
          <cell r="V26">
            <v>-18450.307011642941</v>
          </cell>
          <cell r="W26">
            <v>-19081.307511441126</v>
          </cell>
          <cell r="X26">
            <v>-19733.888228332413</v>
          </cell>
          <cell r="Y26">
            <v>-20408.787205741384</v>
          </cell>
          <cell r="Z26"/>
        </row>
        <row r="27">
          <cell r="B27"/>
          <cell r="C27"/>
          <cell r="D27" t="str">
            <v>Var YoY</v>
          </cell>
          <cell r="E27" t="str">
            <v>%</v>
          </cell>
          <cell r="F27"/>
          <cell r="G27"/>
          <cell r="H27"/>
          <cell r="I27"/>
          <cell r="J27"/>
          <cell r="K27"/>
          <cell r="L27">
            <v>0.33074010120089459</v>
          </cell>
          <cell r="M27">
            <v>0.16474117368642749</v>
          </cell>
          <cell r="N27">
            <v>-0.29946458881471505</v>
          </cell>
          <cell r="O27">
            <v>2.3697778129530667E-2</v>
          </cell>
          <cell r="P27">
            <v>3.1900000000000039E-2</v>
          </cell>
          <cell r="Q27">
            <v>3.6399999999999988E-2</v>
          </cell>
          <cell r="R27">
            <v>3.5600000000000298E-2</v>
          </cell>
          <cell r="S27">
            <v>3.4899999999999709E-2</v>
          </cell>
          <cell r="T27">
            <v>3.420000000000023E-2</v>
          </cell>
          <cell r="U27">
            <v>3.4199999999999786E-2</v>
          </cell>
          <cell r="V27">
            <v>3.4200000000000008E-2</v>
          </cell>
          <cell r="W27">
            <v>3.4199999999999786E-2</v>
          </cell>
          <cell r="X27">
            <v>3.4200000000000008E-2</v>
          </cell>
          <cell r="Y27">
            <v>3.420000000000023E-2</v>
          </cell>
          <cell r="Z27"/>
        </row>
        <row r="28">
          <cell r="B28"/>
          <cell r="C28"/>
          <cell r="D28" t="str">
            <v>as % of net revenues</v>
          </cell>
          <cell r="E28" t="str">
            <v>%</v>
          </cell>
          <cell r="F28"/>
          <cell r="G28"/>
          <cell r="H28"/>
          <cell r="I28"/>
          <cell r="J28"/>
          <cell r="K28">
            <v>8.0087226037761042E-2</v>
          </cell>
          <cell r="L28">
            <v>7.9774759205891027E-2</v>
          </cell>
          <cell r="M28">
            <v>9.9918024137886086E-2</v>
          </cell>
          <cell r="N28">
            <v>6.7547606264518223E-2</v>
          </cell>
          <cell r="O28">
            <v>7.0363633631926978E-2</v>
          </cell>
          <cell r="P28">
            <v>6.0156698561619031E-2</v>
          </cell>
          <cell r="Q28">
            <v>5.4410378546936922E-2</v>
          </cell>
          <cell r="R28">
            <v>4.9561067746820668E-2</v>
          </cell>
          <cell r="S28">
            <v>4.6054682174608466E-2</v>
          </cell>
          <cell r="T28">
            <v>4.4712733327623114E-2</v>
          </cell>
          <cell r="U28">
            <v>4.3384310872916727E-2</v>
          </cell>
          <cell r="V28">
            <v>4.2642286307692408E-2</v>
          </cell>
          <cell r="W28">
            <v>4.2524003062554799E-2</v>
          </cell>
          <cell r="X28">
            <v>4.2704686958375516E-2</v>
          </cell>
          <cell r="Y28">
            <v>4.2593487561338579E-2</v>
          </cell>
          <cell r="Z28"/>
        </row>
        <row r="29">
          <cell r="A29"/>
          <cell r="B29"/>
          <cell r="C29"/>
          <cell r="D29"/>
          <cell r="E29"/>
          <cell r="F29"/>
          <cell r="G29"/>
          <cell r="H29"/>
          <cell r="I29"/>
          <cell r="J29"/>
          <cell r="K29"/>
          <cell r="L29"/>
          <cell r="M29"/>
          <cell r="N29"/>
          <cell r="O29"/>
          <cell r="P29"/>
          <cell r="Q29"/>
          <cell r="R29"/>
          <cell r="S29"/>
          <cell r="T29"/>
          <cell r="U29"/>
          <cell r="V29"/>
          <cell r="W29"/>
          <cell r="X29"/>
          <cell r="Y29"/>
          <cell r="Z29"/>
        </row>
        <row r="30">
          <cell r="A30"/>
          <cell r="B30"/>
          <cell r="C30"/>
          <cell r="D30" t="str">
            <v>(+/-) Other operational revenues/expenses</v>
          </cell>
          <cell r="E30" t="str">
            <v>R$ thou</v>
          </cell>
          <cell r="F30"/>
          <cell r="G30"/>
          <cell r="H30"/>
          <cell r="I30"/>
          <cell r="J30"/>
          <cell r="K30">
            <v>-14897.51549</v>
          </cell>
          <cell r="L30">
            <v>-4254.7533700000004</v>
          </cell>
          <cell r="M30">
            <v>1940.2360739165354</v>
          </cell>
          <cell r="N30">
            <v>5081.820999999999</v>
          </cell>
          <cell r="O30">
            <v>8404.6004900000007</v>
          </cell>
          <cell r="P30">
            <v>0</v>
          </cell>
          <cell r="Q30">
            <v>0</v>
          </cell>
          <cell r="R30">
            <v>0</v>
          </cell>
          <cell r="S30">
            <v>0</v>
          </cell>
          <cell r="T30">
            <v>0</v>
          </cell>
          <cell r="U30">
            <v>0</v>
          </cell>
          <cell r="V30">
            <v>0</v>
          </cell>
          <cell r="W30">
            <v>0</v>
          </cell>
          <cell r="X30">
            <v>0</v>
          </cell>
          <cell r="Y30">
            <v>0</v>
          </cell>
          <cell r="Z30"/>
        </row>
        <row r="31">
          <cell r="A31"/>
          <cell r="B31"/>
          <cell r="C31"/>
          <cell r="D31" t="str">
            <v>as % of net revenues</v>
          </cell>
          <cell r="E31" t="str">
            <v>%</v>
          </cell>
          <cell r="F31"/>
          <cell r="G31"/>
          <cell r="H31"/>
          <cell r="I31"/>
          <cell r="J31"/>
          <cell r="K31">
            <v>-9.1131196415840499E-2</v>
          </cell>
          <cell r="L31">
            <v>-1.9482138367936309E-2</v>
          </cell>
          <cell r="M31">
            <v>9.5535705442137426E-3</v>
          </cell>
          <cell r="N31">
            <v>2.4147186482235319E-2</v>
          </cell>
          <cell r="O31">
            <v>4.063785547708175E-2</v>
          </cell>
          <cell r="P31">
            <v>0</v>
          </cell>
          <cell r="Q31">
            <v>0</v>
          </cell>
          <cell r="R31">
            <v>0</v>
          </cell>
          <cell r="S31">
            <v>0</v>
          </cell>
          <cell r="T31">
            <v>0</v>
          </cell>
          <cell r="U31">
            <v>0</v>
          </cell>
          <cell r="V31">
            <v>0</v>
          </cell>
          <cell r="W31">
            <v>0</v>
          </cell>
          <cell r="X31">
            <v>0</v>
          </cell>
          <cell r="Y31">
            <v>0</v>
          </cell>
          <cell r="Z31"/>
        </row>
        <row r="32">
          <cell r="A32"/>
          <cell r="B32"/>
          <cell r="C32"/>
          <cell r="D32"/>
          <cell r="E32"/>
          <cell r="F32"/>
          <cell r="G32"/>
          <cell r="H32"/>
          <cell r="I32"/>
          <cell r="J32"/>
          <cell r="K32"/>
          <cell r="L32"/>
          <cell r="M32"/>
          <cell r="N32"/>
          <cell r="O32"/>
          <cell r="P32"/>
          <cell r="Q32"/>
          <cell r="R32"/>
          <cell r="S32"/>
          <cell r="T32"/>
          <cell r="U32"/>
          <cell r="V32"/>
          <cell r="W32"/>
          <cell r="X32"/>
          <cell r="Y32"/>
          <cell r="Z32"/>
        </row>
        <row r="33">
          <cell r="A33" t="str">
            <v>x</v>
          </cell>
          <cell r="B33"/>
          <cell r="C33"/>
          <cell r="D33" t="str">
            <v>EBITDA</v>
          </cell>
          <cell r="E33" t="str">
            <v>R$ thou</v>
          </cell>
          <cell r="F33"/>
          <cell r="G33"/>
          <cell r="H33"/>
          <cell r="I33"/>
          <cell r="J33"/>
          <cell r="K33">
            <v>42916.079077345821</v>
          </cell>
          <cell r="L33">
            <v>54795.800169999646</v>
          </cell>
          <cell r="M33">
            <v>45391.684183916535</v>
          </cell>
          <cell r="N33">
            <v>65499.979127985025</v>
          </cell>
          <cell r="O33">
            <v>59957.930616014943</v>
          </cell>
          <cell r="P33">
            <v>75317.178290146971</v>
          </cell>
          <cell r="Q33">
            <v>93909.901286979657</v>
          </cell>
          <cell r="R33">
            <v>116390.28361501746</v>
          </cell>
          <cell r="S33">
            <v>141115.83563766969</v>
          </cell>
          <cell r="T33">
            <v>151772.25781464548</v>
          </cell>
          <cell r="U33">
            <v>163304.05944734192</v>
          </cell>
          <cell r="V33">
            <v>172505.82838186927</v>
          </cell>
          <cell r="W33">
            <v>178973.25742948102</v>
          </cell>
          <cell r="X33">
            <v>184190.84179609036</v>
          </cell>
          <cell r="Y33">
            <v>191040.76535658253</v>
          </cell>
          <cell r="Z33"/>
        </row>
        <row r="34">
          <cell r="B34"/>
          <cell r="C34"/>
          <cell r="D34" t="str">
            <v>EBITDA margin</v>
          </cell>
          <cell r="E34" t="str">
            <v>%</v>
          </cell>
          <cell r="F34"/>
          <cell r="G34"/>
          <cell r="H34"/>
          <cell r="I34"/>
          <cell r="J34"/>
          <cell r="K34">
            <v>0.26252656924039519</v>
          </cell>
          <cell r="L34">
            <v>0.25090510966414042</v>
          </cell>
          <cell r="M34">
            <v>0.22350509961210657</v>
          </cell>
          <cell r="N34">
            <v>0.31123493145192954</v>
          </cell>
          <cell r="O34">
            <v>0.28990809521256733</v>
          </cell>
          <cell r="P34">
            <v>0.30172123112155891</v>
          </cell>
          <cell r="Q34">
            <v>0.32831714556170571</v>
          </cell>
          <cell r="R34">
            <v>0.35790335607515084</v>
          </cell>
          <cell r="S34">
            <v>0.38963642014611449</v>
          </cell>
          <cell r="T34">
            <v>0.39339522487866313</v>
          </cell>
          <cell r="U34">
            <v>0.39712810214209804</v>
          </cell>
          <cell r="V34">
            <v>0.39869487911303259</v>
          </cell>
          <cell r="W34">
            <v>0.39885418451976196</v>
          </cell>
          <cell r="X34">
            <v>0.39859414163543172</v>
          </cell>
          <cell r="Y34">
            <v>0.39870534103246857</v>
          </cell>
          <cell r="Z34"/>
        </row>
        <row r="35">
          <cell r="A35"/>
          <cell r="B35"/>
          <cell r="C35"/>
          <cell r="D35"/>
          <cell r="E35"/>
          <cell r="F35"/>
          <cell r="G35"/>
          <cell r="H35"/>
          <cell r="I35"/>
          <cell r="J35"/>
          <cell r="K35"/>
          <cell r="L35"/>
          <cell r="M35"/>
          <cell r="N35"/>
          <cell r="O35"/>
          <cell r="P35"/>
          <cell r="Q35"/>
          <cell r="R35"/>
          <cell r="S35"/>
          <cell r="T35"/>
          <cell r="U35"/>
          <cell r="V35"/>
          <cell r="W35"/>
          <cell r="X35"/>
          <cell r="Y35"/>
          <cell r="Z35"/>
        </row>
        <row r="36">
          <cell r="A36"/>
          <cell r="B36"/>
          <cell r="C36"/>
          <cell r="D36" t="str">
            <v>(-) D&amp;A</v>
          </cell>
          <cell r="E36" t="str">
            <v>R$ thou</v>
          </cell>
          <cell r="F36"/>
          <cell r="G36"/>
          <cell r="H36"/>
          <cell r="I36"/>
          <cell r="J36"/>
          <cell r="K36">
            <v>-15827.91843</v>
          </cell>
          <cell r="L36">
            <v>-20586.46516</v>
          </cell>
          <cell r="M36">
            <v>-21160.0795</v>
          </cell>
          <cell r="N36">
            <v>-20475.169980000002</v>
          </cell>
          <cell r="O36">
            <v>-19217.633690000002</v>
          </cell>
          <cell r="P36">
            <v>-22048.87319077774</v>
          </cell>
          <cell r="Q36">
            <v>-22585.104626031036</v>
          </cell>
          <cell r="R36">
            <v>-23170.129301000052</v>
          </cell>
          <cell r="S36">
            <v>-23781.789611120807</v>
          </cell>
          <cell r="T36">
            <v>-24428.998814428414</v>
          </cell>
          <cell r="U36">
            <v>-25105.688339347078</v>
          </cell>
          <cell r="V36">
            <v>-25805.376852140642</v>
          </cell>
          <cell r="W36">
            <v>-26525.048662296631</v>
          </cell>
          <cell r="X36">
            <v>-27264.210514554918</v>
          </cell>
          <cell r="Y36">
            <v>-27884.851702160438</v>
          </cell>
          <cell r="Z36"/>
        </row>
        <row r="37">
          <cell r="A37"/>
          <cell r="B37"/>
          <cell r="C37"/>
          <cell r="D37" t="str">
            <v>as % of net revenues</v>
          </cell>
          <cell r="E37" t="str">
            <v>%</v>
          </cell>
          <cell r="F37"/>
          <cell r="G37"/>
          <cell r="H37"/>
          <cell r="I37"/>
          <cell r="J37"/>
          <cell r="K37">
            <v>9.6822664441359937E-2</v>
          </cell>
          <cell r="L37">
            <v>9.4263598351370492E-2</v>
          </cell>
          <cell r="M37">
            <v>0.10419057502438606</v>
          </cell>
          <cell r="N37">
            <v>9.7291452761229996E-2</v>
          </cell>
          <cell r="O37">
            <v>9.2920945074656036E-2</v>
          </cell>
          <cell r="P37">
            <v>8.8327966009779366E-2</v>
          </cell>
          <cell r="Q37">
            <v>7.8959481177295884E-2</v>
          </cell>
          <cell r="R37">
            <v>7.1248791393555222E-2</v>
          </cell>
          <cell r="S37">
            <v>6.5664149787818843E-2</v>
          </cell>
          <cell r="T37">
            <v>6.3320211615349023E-2</v>
          </cell>
          <cell r="U37">
            <v>6.1052826224389296E-2</v>
          </cell>
          <cell r="V37">
            <v>5.9641298505899082E-2</v>
          </cell>
          <cell r="W37">
            <v>5.9112890973199758E-2</v>
          </cell>
          <cell r="X37">
            <v>5.9000515342926246E-2</v>
          </cell>
          <cell r="Y37">
            <v>5.8196161886171022E-2</v>
          </cell>
          <cell r="Z37"/>
        </row>
        <row r="38">
          <cell r="A38"/>
          <cell r="B38"/>
          <cell r="C38"/>
          <cell r="D38"/>
          <cell r="E38"/>
          <cell r="F38"/>
          <cell r="G38"/>
          <cell r="H38"/>
          <cell r="I38"/>
          <cell r="J38"/>
          <cell r="K38"/>
          <cell r="L38"/>
          <cell r="M38"/>
          <cell r="N38"/>
          <cell r="O38"/>
          <cell r="P38"/>
          <cell r="Q38"/>
          <cell r="R38"/>
          <cell r="S38"/>
          <cell r="T38"/>
          <cell r="U38"/>
          <cell r="V38"/>
          <cell r="W38"/>
          <cell r="X38"/>
          <cell r="Y38"/>
          <cell r="Z38"/>
        </row>
        <row r="39">
          <cell r="A39" t="str">
            <v>x</v>
          </cell>
          <cell r="B39"/>
          <cell r="C39"/>
          <cell r="D39" t="str">
            <v>EBIT</v>
          </cell>
          <cell r="E39" t="str">
            <v>R$ thou</v>
          </cell>
          <cell r="F39"/>
          <cell r="G39"/>
          <cell r="H39"/>
          <cell r="I39"/>
          <cell r="J39"/>
          <cell r="K39">
            <v>27088.160647345823</v>
          </cell>
          <cell r="L39">
            <v>34209.335009999646</v>
          </cell>
          <cell r="M39">
            <v>24231.604683916536</v>
          </cell>
          <cell r="N39">
            <v>45024.809147985026</v>
          </cell>
          <cell r="O39">
            <v>40740.29692601494</v>
          </cell>
          <cell r="P39">
            <v>53268.30509936923</v>
          </cell>
          <cell r="Q39">
            <v>71324.796660948618</v>
          </cell>
          <cell r="R39">
            <v>93220.154314017404</v>
          </cell>
          <cell r="S39">
            <v>117334.04602654888</v>
          </cell>
          <cell r="T39">
            <v>127343.25900021706</v>
          </cell>
          <cell r="U39">
            <v>138198.37110799484</v>
          </cell>
          <cell r="V39">
            <v>146700.45152972863</v>
          </cell>
          <cell r="W39">
            <v>152448.20876718438</v>
          </cell>
          <cell r="X39">
            <v>156926.63128153543</v>
          </cell>
          <cell r="Y39">
            <v>163155.9136544221</v>
          </cell>
          <cell r="Z39"/>
        </row>
        <row r="40">
          <cell r="D40" t="str">
            <v>EBIT margin</v>
          </cell>
          <cell r="E40" t="str">
            <v>%</v>
          </cell>
          <cell r="F40"/>
          <cell r="H40"/>
          <cell r="I40"/>
          <cell r="J40"/>
          <cell r="K40">
            <v>0.1657039047990353</v>
          </cell>
          <cell r="L40">
            <v>0.1566415113127699</v>
          </cell>
          <cell r="M40">
            <v>0.1193145245877205</v>
          </cell>
          <cell r="N40">
            <v>0.21394347869069955</v>
          </cell>
          <cell r="O40">
            <v>0.19698715013791129</v>
          </cell>
          <cell r="P40">
            <v>0.21339326511177953</v>
          </cell>
          <cell r="Q40">
            <v>0.24935766438440982</v>
          </cell>
          <cell r="R40">
            <v>0.28665456468159561</v>
          </cell>
          <cell r="S40">
            <v>0.32397227035829562</v>
          </cell>
          <cell r="T40">
            <v>0.33007501326331412</v>
          </cell>
          <cell r="U40">
            <v>0.33607527591770869</v>
          </cell>
          <cell r="V40">
            <v>0.33905358060713353</v>
          </cell>
          <cell r="W40">
            <v>0.33974129354656218</v>
          </cell>
          <cell r="X40">
            <v>0.33959362629250545</v>
          </cell>
          <cell r="Y40">
            <v>0.34050917914629758</v>
          </cell>
          <cell r="Z40"/>
        </row>
        <row r="41">
          <cell r="A41"/>
          <cell r="B41"/>
          <cell r="C41"/>
          <cell r="D41"/>
          <cell r="E41"/>
          <cell r="F41"/>
          <cell r="G41"/>
          <cell r="H41"/>
          <cell r="I41"/>
          <cell r="J41"/>
          <cell r="K41"/>
          <cell r="L41"/>
          <cell r="M41"/>
          <cell r="N41"/>
          <cell r="O41"/>
          <cell r="P41"/>
          <cell r="Q41"/>
          <cell r="R41"/>
          <cell r="S41"/>
          <cell r="T41"/>
          <cell r="U41"/>
          <cell r="V41"/>
          <cell r="W41"/>
          <cell r="X41"/>
          <cell r="Y41"/>
          <cell r="Z41"/>
        </row>
        <row r="42">
          <cell r="A42"/>
          <cell r="B42"/>
          <cell r="C42"/>
          <cell r="D42" t="str">
            <v>(+/-) Equity pickup (subsidiaries)</v>
          </cell>
          <cell r="E42" t="str">
            <v>R$ thou</v>
          </cell>
          <cell r="F42"/>
          <cell r="G42"/>
          <cell r="H42"/>
          <cell r="I42"/>
          <cell r="J42"/>
          <cell r="K42">
            <v>0</v>
          </cell>
          <cell r="L42">
            <v>3708.5072099999998</v>
          </cell>
          <cell r="M42">
            <v>-36566.242630000001</v>
          </cell>
          <cell r="N42">
            <v>-35280.268839999997</v>
          </cell>
          <cell r="O42">
            <v>-41812.738740000001</v>
          </cell>
          <cell r="P42">
            <v>0</v>
          </cell>
          <cell r="Q42">
            <v>0</v>
          </cell>
          <cell r="R42">
            <v>0</v>
          </cell>
          <cell r="S42">
            <v>0</v>
          </cell>
          <cell r="T42">
            <v>0</v>
          </cell>
          <cell r="U42">
            <v>0</v>
          </cell>
          <cell r="V42">
            <v>0</v>
          </cell>
          <cell r="W42">
            <v>0</v>
          </cell>
          <cell r="X42">
            <v>0</v>
          </cell>
          <cell r="Y42">
            <v>0</v>
          </cell>
          <cell r="Z42"/>
        </row>
        <row r="43">
          <cell r="A43"/>
          <cell r="B43"/>
          <cell r="C43"/>
          <cell r="D43"/>
          <cell r="E43"/>
          <cell r="F43"/>
          <cell r="G43"/>
          <cell r="H43"/>
          <cell r="I43"/>
          <cell r="J43"/>
          <cell r="K43"/>
          <cell r="L43"/>
          <cell r="M43"/>
          <cell r="N43"/>
          <cell r="O43"/>
          <cell r="P43"/>
          <cell r="Q43"/>
          <cell r="R43"/>
          <cell r="S43"/>
          <cell r="T43"/>
          <cell r="U43"/>
          <cell r="V43"/>
          <cell r="W43"/>
          <cell r="X43"/>
          <cell r="Y43"/>
          <cell r="Z43"/>
        </row>
        <row r="44">
          <cell r="A44"/>
          <cell r="B44"/>
          <cell r="C44"/>
          <cell r="D44" t="str">
            <v>(+/-) Financial result</v>
          </cell>
          <cell r="E44" t="str">
            <v>R$ thou</v>
          </cell>
          <cell r="F44"/>
          <cell r="G44"/>
          <cell r="H44"/>
          <cell r="I44"/>
          <cell r="J44"/>
          <cell r="K44">
            <v>-43101.688510000007</v>
          </cell>
          <cell r="L44">
            <v>-48681</v>
          </cell>
          <cell r="M44">
            <v>-35686.802662722497</v>
          </cell>
          <cell r="N44">
            <v>-27258.150110000002</v>
          </cell>
          <cell r="O44">
            <v>-32222.493060000001</v>
          </cell>
          <cell r="P44">
            <v>-13993.939766179945</v>
          </cell>
          <cell r="Q44">
            <v>-6725.729887375167</v>
          </cell>
          <cell r="R44">
            <v>-3609.9697721660477</v>
          </cell>
          <cell r="S44">
            <v>-4603.8252302007959</v>
          </cell>
          <cell r="T44">
            <v>-1744.951496697845</v>
          </cell>
          <cell r="U44">
            <v>-20052.440293654552</v>
          </cell>
          <cell r="V44">
            <v>-10132.620797348127</v>
          </cell>
          <cell r="W44">
            <v>-1024.7205565769914</v>
          </cell>
          <cell r="X44">
            <v>1506.2053060068106</v>
          </cell>
          <cell r="Y44">
            <v>2801.3565926182396</v>
          </cell>
          <cell r="Z44"/>
        </row>
        <row r="45">
          <cell r="B45"/>
          <cell r="C45"/>
          <cell r="D45" t="str">
            <v>as % of net revenues</v>
          </cell>
          <cell r="E45" t="str">
            <v>%</v>
          </cell>
          <cell r="F45"/>
          <cell r="G45"/>
          <cell r="H45"/>
          <cell r="I45"/>
          <cell r="J45"/>
          <cell r="K45">
            <v>-0.26366198069039137</v>
          </cell>
          <cell r="L45">
            <v>-0.22290598194872749</v>
          </cell>
          <cell r="M45">
            <v>-0.17571902271023362</v>
          </cell>
          <cell r="N45">
            <v>-0.12952200281492271</v>
          </cell>
          <cell r="O45">
            <v>-0.15580193462396802</v>
          </cell>
          <cell r="P45">
            <v>-5.6059836950173053E-2</v>
          </cell>
          <cell r="Q45">
            <v>-2.3513733995887229E-2</v>
          </cell>
          <cell r="R45">
            <v>-1.1100757354124798E-2</v>
          </cell>
          <cell r="S45">
            <v>-1.2711670334997859E-2</v>
          </cell>
          <cell r="T45">
            <v>-4.5229319002696418E-3</v>
          </cell>
          <cell r="U45">
            <v>-4.876417392247738E-2</v>
          </cell>
          <cell r="V45">
            <v>-2.3418478446734645E-2</v>
          </cell>
          <cell r="W45">
            <v>-2.2836600720372645E-3</v>
          </cell>
          <cell r="X45">
            <v>3.2594704775775708E-3</v>
          </cell>
          <cell r="Y45">
            <v>5.8464790670653835E-3</v>
          </cell>
          <cell r="Z45"/>
        </row>
        <row r="46">
          <cell r="A46"/>
          <cell r="B46"/>
          <cell r="C46"/>
          <cell r="D46" t="str">
            <v>Financial income &amp; others</v>
          </cell>
          <cell r="E46" t="str">
            <v>R$ thou</v>
          </cell>
          <cell r="F46"/>
          <cell r="G46"/>
          <cell r="H46"/>
          <cell r="I46"/>
          <cell r="J46"/>
          <cell r="K46"/>
          <cell r="L46"/>
          <cell r="M46"/>
          <cell r="N46">
            <v>9565.0751299999993</v>
          </cell>
          <cell r="O46">
            <v>9135.5572400000001</v>
          </cell>
          <cell r="P46">
            <v>2270.7750000000001</v>
          </cell>
          <cell r="Q46">
            <v>4303.8119562921338</v>
          </cell>
          <cell r="R46">
            <v>4949.7312605571979</v>
          </cell>
          <cell r="S46">
            <v>6886.0641187128031</v>
          </cell>
          <cell r="T46">
            <v>3614.5895189024131</v>
          </cell>
          <cell r="U46">
            <v>966.875</v>
          </cell>
          <cell r="V46">
            <v>903.5</v>
          </cell>
          <cell r="W46">
            <v>1343.9533814946517</v>
          </cell>
          <cell r="X46">
            <v>2942.9419569683046</v>
          </cell>
          <cell r="Y46">
            <v>3306.1559564695831</v>
          </cell>
          <cell r="Z46"/>
        </row>
        <row r="47">
          <cell r="A47"/>
          <cell r="B47"/>
          <cell r="C47"/>
          <cell r="D47" t="str">
            <v>Financial expense</v>
          </cell>
          <cell r="E47" t="str">
            <v>R$ thou</v>
          </cell>
          <cell r="F47"/>
          <cell r="G47"/>
          <cell r="H47"/>
          <cell r="I47"/>
          <cell r="J47"/>
          <cell r="K47"/>
          <cell r="L47"/>
          <cell r="M47"/>
          <cell r="N47">
            <v>-36823.22524</v>
          </cell>
          <cell r="O47">
            <v>-41358.050300000003</v>
          </cell>
          <cell r="P47">
            <v>-16264.714766179944</v>
          </cell>
          <cell r="Q47">
            <v>-11029.541843667301</v>
          </cell>
          <cell r="R47">
            <v>-8559.7010327232456</v>
          </cell>
          <cell r="S47">
            <v>-11489.889348913599</v>
          </cell>
          <cell r="T47">
            <v>-5359.5410156002581</v>
          </cell>
          <cell r="U47">
            <v>-21019.315293654552</v>
          </cell>
          <cell r="V47">
            <v>-11036.120797348127</v>
          </cell>
          <cell r="W47">
            <v>-2368.6739380716431</v>
          </cell>
          <cell r="X47">
            <v>-1436.736650961494</v>
          </cell>
          <cell r="Y47">
            <v>-504.79936385134363</v>
          </cell>
          <cell r="Z47"/>
        </row>
        <row r="48">
          <cell r="A48"/>
          <cell r="B48"/>
          <cell r="C48"/>
          <cell r="D48"/>
          <cell r="E48"/>
          <cell r="F48"/>
          <cell r="G48"/>
          <cell r="H48"/>
          <cell r="I48"/>
          <cell r="J48"/>
          <cell r="K48"/>
          <cell r="L48"/>
          <cell r="M48"/>
          <cell r="N48"/>
          <cell r="O48"/>
          <cell r="P48"/>
          <cell r="Q48"/>
          <cell r="R48"/>
          <cell r="S48"/>
          <cell r="T48"/>
          <cell r="U48"/>
          <cell r="V48"/>
          <cell r="W48"/>
          <cell r="X48"/>
          <cell r="Y48"/>
          <cell r="Z48"/>
        </row>
        <row r="49">
          <cell r="A49" t="str">
            <v>x</v>
          </cell>
          <cell r="B49"/>
          <cell r="C49"/>
          <cell r="D49" t="str">
            <v>(=) EBT</v>
          </cell>
          <cell r="E49" t="str">
            <v>R$ thou</v>
          </cell>
          <cell r="F49"/>
          <cell r="G49"/>
          <cell r="H49"/>
          <cell r="I49"/>
          <cell r="J49"/>
          <cell r="K49">
            <v>-16013.527862654184</v>
          </cell>
          <cell r="L49">
            <v>-10763.157780000354</v>
          </cell>
          <cell r="M49">
            <v>-48021.440608805962</v>
          </cell>
          <cell r="N49">
            <v>-17513.609802014973</v>
          </cell>
          <cell r="O49">
            <v>-33294.934873985061</v>
          </cell>
          <cell r="P49">
            <v>39274.365333189286</v>
          </cell>
          <cell r="Q49">
            <v>64599.066773573453</v>
          </cell>
          <cell r="R49">
            <v>89610.184541851355</v>
          </cell>
          <cell r="S49">
            <v>112730.22079634809</v>
          </cell>
          <cell r="T49">
            <v>125598.30750351922</v>
          </cell>
          <cell r="U49">
            <v>118145.93081434029</v>
          </cell>
          <cell r="V49">
            <v>136567.83073238051</v>
          </cell>
          <cell r="W49">
            <v>151423.48821060738</v>
          </cell>
          <cell r="X49">
            <v>158432.83658754223</v>
          </cell>
          <cell r="Y49">
            <v>165957.27024704035</v>
          </cell>
          <cell r="Z49"/>
        </row>
        <row r="50">
          <cell r="D50" t="str">
            <v>EBT margin</v>
          </cell>
          <cell r="E50" t="str">
            <v>%</v>
          </cell>
          <cell r="F50"/>
          <cell r="H50"/>
          <cell r="I50"/>
          <cell r="J50"/>
          <cell r="K50">
            <v>-9.7958075891356092E-2</v>
          </cell>
          <cell r="L50">
            <v>-4.9283544993325212E-2</v>
          </cell>
          <cell r="M50">
            <v>-0.2364538143881216</v>
          </cell>
          <cell r="N50">
            <v>-8.3219066918405832E-2</v>
          </cell>
          <cell r="O50">
            <v>-0.16098739650239505</v>
          </cell>
          <cell r="P50">
            <v>0.15733342816160648</v>
          </cell>
          <cell r="Q50">
            <v>0.2258439303885226</v>
          </cell>
          <cell r="R50">
            <v>0.27555380732747081</v>
          </cell>
          <cell r="S50">
            <v>0.31126060002329781</v>
          </cell>
          <cell r="T50">
            <v>0.32555208136304448</v>
          </cell>
          <cell r="U50">
            <v>0.28731110199523135</v>
          </cell>
          <cell r="V50">
            <v>0.31563510216039886</v>
          </cell>
          <cell r="W50">
            <v>0.3374576334745249</v>
          </cell>
          <cell r="X50">
            <v>0.34285309677008302</v>
          </cell>
          <cell r="Y50">
            <v>0.346355658213363</v>
          </cell>
          <cell r="Z50"/>
        </row>
        <row r="51">
          <cell r="A51"/>
          <cell r="B51"/>
          <cell r="C51"/>
          <cell r="D51"/>
          <cell r="E51"/>
          <cell r="F51"/>
          <cell r="G51"/>
          <cell r="H51"/>
          <cell r="I51"/>
          <cell r="J51"/>
          <cell r="K51"/>
          <cell r="L51"/>
          <cell r="M51"/>
          <cell r="N51"/>
          <cell r="O51"/>
          <cell r="P51"/>
          <cell r="Q51"/>
          <cell r="R51"/>
          <cell r="S51"/>
          <cell r="T51"/>
          <cell r="U51"/>
          <cell r="V51"/>
          <cell r="W51"/>
          <cell r="X51"/>
          <cell r="Y51"/>
          <cell r="Z51"/>
        </row>
        <row r="52">
          <cell r="A52"/>
          <cell r="B52"/>
          <cell r="C52"/>
          <cell r="D52" t="str">
            <v>(-) Income Taxes</v>
          </cell>
          <cell r="E52" t="str">
            <v>R$ thou</v>
          </cell>
          <cell r="F52"/>
          <cell r="G52"/>
          <cell r="H52"/>
          <cell r="I52"/>
          <cell r="J52"/>
          <cell r="K52">
            <v>-7796.7954316975793</v>
          </cell>
          <cell r="L52">
            <v>9177</v>
          </cell>
          <cell r="M52">
            <v>-129.78847999999999</v>
          </cell>
          <cell r="N52">
            <v>-950.6455300000016</v>
          </cell>
          <cell r="O52">
            <v>-2421.36015</v>
          </cell>
          <cell r="P52">
            <v>-4192.5324993179565</v>
          </cell>
          <cell r="Q52">
            <v>-6895.9443780789661</v>
          </cell>
          <cell r="R52">
            <v>-9565.8811998426336</v>
          </cell>
          <cell r="S52">
            <v>-12033.945070010159</v>
          </cell>
          <cell r="T52">
            <v>-13407.613326000675</v>
          </cell>
          <cell r="U52">
            <v>-12612.072114430826</v>
          </cell>
          <cell r="V52">
            <v>-14578.609930681618</v>
          </cell>
          <cell r="W52">
            <v>-16164.451366482337</v>
          </cell>
          <cell r="X52">
            <v>-23694.515732390981</v>
          </cell>
          <cell r="Y52">
            <v>-25308.477712673652</v>
          </cell>
          <cell r="Z52"/>
        </row>
        <row r="53">
          <cell r="D53" t="str">
            <v>as % of EBT</v>
          </cell>
          <cell r="E53" t="str">
            <v>%</v>
          </cell>
          <cell r="F53"/>
          <cell r="H53"/>
          <cell r="I53"/>
          <cell r="J53"/>
          <cell r="K53">
            <v>-0.48688805481025893</v>
          </cell>
          <cell r="L53">
            <v>0.85263081593510726</v>
          </cell>
          <cell r="M53">
            <v>-2.7027194177135943E-3</v>
          </cell>
          <cell r="N53">
            <v>-5.4280387695438324E-2</v>
          </cell>
          <cell r="O53">
            <v>-7.2724579854695118E-2</v>
          </cell>
          <cell r="P53">
            <v>0.10674984722859431</v>
          </cell>
          <cell r="Q53">
            <v>0.10674990711940126</v>
          </cell>
          <cell r="R53">
            <v>0.10674993304332506</v>
          </cell>
          <cell r="S53">
            <v>0.10674994677558548</v>
          </cell>
          <cell r="T53">
            <v>0.10674995222865562</v>
          </cell>
          <cell r="U53">
            <v>0.10674994921534785</v>
          </cell>
          <cell r="V53">
            <v>0.10674995606578819</v>
          </cell>
          <cell r="W53">
            <v>0.10674996037602837</v>
          </cell>
          <cell r="X53">
            <v>0.14955558609403899</v>
          </cell>
          <cell r="Y53">
            <v>0.15249996384611539</v>
          </cell>
          <cell r="Z53"/>
        </row>
        <row r="54">
          <cell r="A54"/>
          <cell r="B54"/>
          <cell r="C54"/>
          <cell r="D54"/>
          <cell r="E54"/>
          <cell r="F54"/>
          <cell r="G54"/>
          <cell r="H54"/>
          <cell r="I54"/>
          <cell r="J54"/>
          <cell r="K54"/>
          <cell r="L54"/>
          <cell r="M54"/>
          <cell r="N54"/>
          <cell r="O54"/>
          <cell r="P54"/>
          <cell r="Q54"/>
          <cell r="R54"/>
          <cell r="S54"/>
          <cell r="T54"/>
          <cell r="U54"/>
          <cell r="V54"/>
          <cell r="W54"/>
          <cell r="X54"/>
          <cell r="Y54"/>
          <cell r="Z54"/>
        </row>
        <row r="55">
          <cell r="A55"/>
          <cell r="B55"/>
          <cell r="C55"/>
          <cell r="D55" t="str">
            <v>Total</v>
          </cell>
          <cell r="E55"/>
          <cell r="F55"/>
          <cell r="G55"/>
          <cell r="H55"/>
          <cell r="I55"/>
          <cell r="J55"/>
          <cell r="K55"/>
          <cell r="L55"/>
          <cell r="M55"/>
          <cell r="N55"/>
          <cell r="O55"/>
          <cell r="P55">
            <v>-4192.5324993179565</v>
          </cell>
          <cell r="Q55">
            <v>-6895.9443780789661</v>
          </cell>
          <cell r="R55">
            <v>-9565.8811998426336</v>
          </cell>
          <cell r="S55">
            <v>-12033.945070010159</v>
          </cell>
          <cell r="T55">
            <v>-13407.613326000675</v>
          </cell>
          <cell r="U55">
            <v>-12612.072114430826</v>
          </cell>
          <cell r="V55">
            <v>-14578.609930681618</v>
          </cell>
          <cell r="W55">
            <v>-16164.451366482337</v>
          </cell>
          <cell r="X55">
            <v>-23694.515732390981</v>
          </cell>
          <cell r="Y55">
            <v>-25308.477712673652</v>
          </cell>
          <cell r="Z55"/>
        </row>
        <row r="56">
          <cell r="A56"/>
          <cell r="B56"/>
          <cell r="C56"/>
          <cell r="D56" t="str">
            <v>(-) IR - Accounting</v>
          </cell>
          <cell r="E56" t="str">
            <v>R$ thou</v>
          </cell>
          <cell r="F56"/>
          <cell r="G56"/>
          <cell r="H56"/>
          <cell r="I56"/>
          <cell r="J56"/>
          <cell r="K56"/>
          <cell r="L56"/>
          <cell r="M56"/>
          <cell r="N56"/>
          <cell r="O56"/>
          <cell r="P56">
            <v>-1718.2474833270312</v>
          </cell>
          <cell r="Q56">
            <v>-2826.2031713438387</v>
          </cell>
          <cell r="R56">
            <v>-3920.4395737059972</v>
          </cell>
          <cell r="S56">
            <v>-4931.9411598402285</v>
          </cell>
          <cell r="T56">
            <v>-5494.9199532789653</v>
          </cell>
          <cell r="U56">
            <v>-5168.8784731273872</v>
          </cell>
          <cell r="V56">
            <v>-5974.8365945416472</v>
          </cell>
          <cell r="W56">
            <v>-6624.7716092140727</v>
          </cell>
          <cell r="X56">
            <v>-9710.8635624553208</v>
          </cell>
          <cell r="Y56">
            <v>-10372.323390440022</v>
          </cell>
          <cell r="Z56"/>
        </row>
        <row r="57">
          <cell r="A57"/>
          <cell r="B57"/>
          <cell r="C57"/>
          <cell r="D57" t="str">
            <v>(-) CSLL - Accounting</v>
          </cell>
          <cell r="E57" t="str">
            <v>R$ thou</v>
          </cell>
          <cell r="F57"/>
          <cell r="G57"/>
          <cell r="H57"/>
          <cell r="I57"/>
          <cell r="J57"/>
          <cell r="K57"/>
          <cell r="L57"/>
          <cell r="M57"/>
          <cell r="N57"/>
          <cell r="O57"/>
          <cell r="P57">
            <v>-2474.2850159909249</v>
          </cell>
          <cell r="Q57">
            <v>-4069.7412067351274</v>
          </cell>
          <cell r="R57">
            <v>-5645.4416261366359</v>
          </cell>
          <cell r="S57">
            <v>-7102.0039101699294</v>
          </cell>
          <cell r="T57">
            <v>-7912.6933727217101</v>
          </cell>
          <cell r="U57">
            <v>-7443.1936413034382</v>
          </cell>
          <cell r="V57">
            <v>-8603.7733361399714</v>
          </cell>
          <cell r="W57">
            <v>-9539.6797572682644</v>
          </cell>
          <cell r="X57">
            <v>-13983.65216993566</v>
          </cell>
          <cell r="Y57">
            <v>-14936.154322233631</v>
          </cell>
          <cell r="Z57"/>
        </row>
        <row r="58">
          <cell r="A58"/>
          <cell r="B58"/>
          <cell r="C58"/>
          <cell r="D58" t="str">
            <v>Curent</v>
          </cell>
          <cell r="E58"/>
          <cell r="F58"/>
          <cell r="G58"/>
          <cell r="H58"/>
          <cell r="I58"/>
          <cell r="J58"/>
          <cell r="K58"/>
          <cell r="L58"/>
          <cell r="M58">
            <v>-29.658080000000002</v>
          </cell>
          <cell r="N58">
            <v>32346.667000000001</v>
          </cell>
          <cell r="O58">
            <v>-2336.00371</v>
          </cell>
          <cell r="P58"/>
          <cell r="Q58"/>
          <cell r="R58"/>
          <cell r="S58"/>
          <cell r="T58"/>
          <cell r="U58"/>
          <cell r="V58"/>
          <cell r="W58"/>
          <cell r="X58"/>
          <cell r="Y58"/>
          <cell r="Z58"/>
        </row>
        <row r="59">
          <cell r="A59"/>
          <cell r="B59"/>
          <cell r="C59"/>
          <cell r="D59" t="str">
            <v>Differed</v>
          </cell>
          <cell r="E59"/>
          <cell r="F59"/>
          <cell r="G59"/>
          <cell r="H59"/>
          <cell r="I59"/>
          <cell r="J59"/>
          <cell r="K59"/>
          <cell r="L59"/>
          <cell r="M59">
            <v>-100.13039999999999</v>
          </cell>
          <cell r="N59">
            <v>-33297.312530000003</v>
          </cell>
          <cell r="O59">
            <v>-85.356440000000006</v>
          </cell>
          <cell r="P59"/>
          <cell r="Q59"/>
          <cell r="R59"/>
          <cell r="S59"/>
          <cell r="T59"/>
          <cell r="U59"/>
          <cell r="V59"/>
          <cell r="W59"/>
          <cell r="X59"/>
          <cell r="Y59"/>
          <cell r="Z59"/>
        </row>
        <row r="60">
          <cell r="A60"/>
          <cell r="B60"/>
          <cell r="C60"/>
          <cell r="D60"/>
          <cell r="E60"/>
          <cell r="F60"/>
          <cell r="G60"/>
          <cell r="H60"/>
          <cell r="I60"/>
          <cell r="J60"/>
          <cell r="K60"/>
          <cell r="L60"/>
          <cell r="M60"/>
          <cell r="N60"/>
          <cell r="O60"/>
          <cell r="P60"/>
          <cell r="Q60"/>
          <cell r="R60"/>
          <cell r="S60"/>
          <cell r="T60"/>
          <cell r="U60"/>
          <cell r="V60"/>
          <cell r="W60"/>
          <cell r="X60"/>
          <cell r="Y60"/>
          <cell r="Z60"/>
        </row>
        <row r="61">
          <cell r="A61" t="str">
            <v>x</v>
          </cell>
          <cell r="B61"/>
          <cell r="C61"/>
          <cell r="D61" t="str">
            <v>(+) Net income</v>
          </cell>
          <cell r="E61" t="str">
            <v>R$ thou</v>
          </cell>
          <cell r="F61"/>
          <cell r="G61"/>
          <cell r="H61"/>
          <cell r="I61"/>
          <cell r="J61"/>
          <cell r="K61">
            <v>-23810.323294351765</v>
          </cell>
          <cell r="L61">
            <v>-1586.1577800003543</v>
          </cell>
          <cell r="M61">
            <v>-48151.229088805965</v>
          </cell>
          <cell r="N61">
            <v>-18464.255332014975</v>
          </cell>
          <cell r="O61">
            <v>-35716.295023985062</v>
          </cell>
          <cell r="P61">
            <v>35081.832833871333</v>
          </cell>
          <cell r="Q61">
            <v>57703.122395494487</v>
          </cell>
          <cell r="R61">
            <v>80044.303342008716</v>
          </cell>
          <cell r="S61">
            <v>100696.27572633793</v>
          </cell>
          <cell r="T61">
            <v>112190.69417751854</v>
          </cell>
          <cell r="U61">
            <v>105533.85869990947</v>
          </cell>
          <cell r="V61">
            <v>121989.22080169889</v>
          </cell>
          <cell r="W61">
            <v>135259.03684412505</v>
          </cell>
          <cell r="X61">
            <v>134738.32085515125</v>
          </cell>
          <cell r="Y61">
            <v>140648.79253436669</v>
          </cell>
          <cell r="Z61"/>
        </row>
        <row r="62">
          <cell r="A62"/>
          <cell r="B62"/>
          <cell r="C62"/>
          <cell r="D62"/>
          <cell r="E62"/>
          <cell r="F62"/>
          <cell r="G62"/>
          <cell r="H62"/>
          <cell r="I62"/>
          <cell r="J62"/>
          <cell r="K62"/>
          <cell r="L62"/>
          <cell r="M62"/>
          <cell r="N62"/>
          <cell r="O62"/>
          <cell r="P62"/>
          <cell r="Q62"/>
          <cell r="R62"/>
          <cell r="S62"/>
          <cell r="T62"/>
          <cell r="U62"/>
          <cell r="V62"/>
          <cell r="W62"/>
          <cell r="X62"/>
          <cell r="Y62"/>
          <cell r="Z62"/>
        </row>
        <row r="63">
          <cell r="D63" t="str">
            <v>Net margin</v>
          </cell>
          <cell r="E63" t="str">
            <v>%</v>
          </cell>
          <cell r="F63"/>
          <cell r="H63"/>
          <cell r="I63"/>
          <cell r="J63"/>
          <cell r="K63">
            <v>-0.1456526929150542</v>
          </cell>
          <cell r="L63">
            <v>-7.2628758134917646E-3</v>
          </cell>
          <cell r="M63">
            <v>-0.23709288270366086</v>
          </cell>
          <cell r="N63">
            <v>-8.7736230134389526E-2</v>
          </cell>
          <cell r="O63">
            <v>-0.17269513727493296</v>
          </cell>
          <cell r="P63">
            <v>0.14053810874140396</v>
          </cell>
          <cell r="Q63">
            <v>0.20173511179606729</v>
          </cell>
          <cell r="R63">
            <v>0.24613845684542998</v>
          </cell>
          <cell r="S63">
            <v>0.27803354753747395</v>
          </cell>
          <cell r="T63">
            <v>0.29079941222960004</v>
          </cell>
          <cell r="U63">
            <v>0.25664065644823481</v>
          </cell>
          <cell r="V63">
            <v>0.28194106887195575</v>
          </cell>
          <cell r="W63">
            <v>0.30143404447253108</v>
          </cell>
          <cell r="X63">
            <v>0.29157750093847695</v>
          </cell>
          <cell r="Y63">
            <v>0.29353643285792763</v>
          </cell>
          <cell r="Z63"/>
        </row>
        <row r="64">
          <cell r="A64"/>
          <cell r="B64"/>
          <cell r="C64"/>
          <cell r="D64"/>
          <cell r="E64"/>
          <cell r="F64"/>
          <cell r="G64"/>
          <cell r="H64"/>
          <cell r="I64"/>
          <cell r="J64"/>
          <cell r="K64"/>
          <cell r="L64"/>
          <cell r="M64"/>
          <cell r="N64"/>
          <cell r="O64"/>
          <cell r="P64"/>
          <cell r="Q64"/>
          <cell r="R64"/>
          <cell r="S64"/>
          <cell r="T64"/>
          <cell r="U64"/>
          <cell r="V64"/>
          <cell r="W64"/>
          <cell r="X64"/>
          <cell r="Y64"/>
          <cell r="Z64"/>
        </row>
        <row r="65">
          <cell r="A65" t="str">
            <v>x</v>
          </cell>
          <cell r="B65"/>
          <cell r="C65"/>
          <cell r="D65" t="str">
            <v>End</v>
          </cell>
          <cell r="E65"/>
          <cell r="F65"/>
          <cell r="G65"/>
          <cell r="H65"/>
          <cell r="I65"/>
          <cell r="J65"/>
          <cell r="K65"/>
          <cell r="L65"/>
          <cell r="M65"/>
          <cell r="N65"/>
          <cell r="O65"/>
          <cell r="P65"/>
          <cell r="Q65"/>
          <cell r="R65"/>
          <cell r="S65"/>
          <cell r="T65"/>
          <cell r="U65"/>
          <cell r="V65"/>
          <cell r="W65"/>
          <cell r="X65"/>
          <cell r="Y65"/>
          <cell r="Z65"/>
        </row>
        <row r="66">
          <cell r="A66"/>
          <cell r="B66"/>
          <cell r="C66"/>
          <cell r="D66"/>
          <cell r="E66"/>
          <cell r="F66"/>
          <cell r="G66"/>
          <cell r="H66"/>
          <cell r="I66"/>
          <cell r="J66"/>
          <cell r="K66"/>
          <cell r="L66"/>
          <cell r="M66"/>
          <cell r="N66"/>
          <cell r="O66"/>
          <cell r="P66"/>
          <cell r="Q66"/>
          <cell r="R66"/>
          <cell r="S66"/>
          <cell r="T66"/>
          <cell r="U66"/>
          <cell r="V66"/>
          <cell r="W66"/>
          <cell r="X66"/>
          <cell r="Y66"/>
          <cell r="Z66"/>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Área Entrada"/>
      <sheetName val="BALANCINHO"/>
      <sheetName val="Abertura Resultado"/>
      <sheetName val="Abertura Ativo"/>
      <sheetName val="Abertura Passivo"/>
      <sheetName val="COMPARATIVO_LOJA"/>
      <sheetName val="COMPARATIVO_DG"/>
      <sheetName val="COMPARAÇÃO"/>
      <sheetName val="Plan1"/>
      <sheetName val="Módulo1"/>
      <sheetName val="PLANILHA PIS COFINS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sheetDataSet>
  </externalBook>
</externalLink>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drawing" Target="../drawings/drawing1.xml"/></Relationships>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vt:i4>
      </vt:variant>
    </vt:vector>
  </HeadingPairs>
  <TitlesOfParts>
    <vt:vector size="1" baseType="lpstr">
      <vt:lpstr>Fundamentos Enauta</vt:lpstr>
    </vt:vector>
  </TitlesOfParts>
  <Company>Enauta Energia S.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quel Smolka</dc:creator>
  <cp:lastModifiedBy>Guilherme Arias</cp:lastModifiedBy>
  <dcterms:created xsi:type="dcterms:W3CDTF">2024-05-06T23:59:23Z</dcterms:created>
  <dcterms:modified xsi:type="dcterms:W3CDTF">2024-05-07T00:44:35Z</dcterms:modified>
</cp:coreProperties>
</file>